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介護保険事業状況報告\02_月報HP\R3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L$41</definedName>
    <definedName name="_xlnm.Print_Area" localSheetId="2">'第２-2表'!$A$1:$KL$41</definedName>
    <definedName name="_xlnm.Print_Area" localSheetId="3">'第２-3表'!$A$1:$KL$41</definedName>
    <definedName name="_xlnm.Print_Area" localSheetId="8">'第3-3-1表'!$A$1:$CV$40</definedName>
    <definedName name="_xlnm.Print_Area" localSheetId="9">'第3-3-2表'!$A$1:$CV$40</definedName>
    <definedName name="_xlnm.Print_Area" localSheetId="10">'第3-3-3表 '!$A$1:$CV$40</definedName>
    <definedName name="_xlnm.Print_Titles" localSheetId="1">'第２-1表'!$A:$A,'第２-1表'!$1:$2</definedName>
    <definedName name="_xlnm.Print_Titles" localSheetId="2">'第２-2表'!$A:$A,'第２-2表'!$1:$2</definedName>
    <definedName name="_xlnm.Print_Titles" localSheetId="3">'第２-3表'!$A:$A,'第２-3表'!$1:$2</definedName>
    <definedName name="_xlnm.Print_Titles" localSheetId="4">'第３-1表'!$A:$A</definedName>
    <definedName name="_xlnm.Print_Titles" localSheetId="5">'第３-2-1表'!$A:$A,'第３-2-1表'!$1:$2</definedName>
    <definedName name="_xlnm.Print_Titles" localSheetId="6">'第３-2-2表'!$A:$A,'第３-2-2表'!$1:$2</definedName>
    <definedName name="_xlnm.Print_Titles" localSheetId="7">'第３-2-3表 '!$A:$A,'第３-2-3表 '!$1:$2</definedName>
    <definedName name="_xlnm.Print_Titles" localSheetId="11">'第４-1表'!$A:$A</definedName>
    <definedName name="_xlnm.Print_Titles" localSheetId="18">'第5-1表'!$A:$A</definedName>
    <definedName name="_xlnm.Print_Titles" localSheetId="19">'第5-2表'!$A:$A</definedName>
    <definedName name="_xlnm.Print_Titles" localSheetId="20">'第5-3表'!$A:$A</definedName>
    <definedName name="_xlnm.Print_Titles" localSheetId="21">'第６-1表'!$A:$A</definedName>
    <definedName name="_xlnm.Print_Titles" localSheetId="22">'第６-2表'!$A:$A</definedName>
    <definedName name="_xlnm.Print_Titles" localSheetId="23">'第６-3表 '!$A:$A</definedName>
    <definedName name="_xlnm.Print_Titles" localSheetId="24">第7表!$A:$A</definedName>
  </definedNames>
  <calcPr calcId="152511"/>
</workbook>
</file>

<file path=xl/calcChain.xml><?xml version="1.0" encoding="utf-8"?>
<calcChain xmlns="http://schemas.openxmlformats.org/spreadsheetml/2006/main">
  <c r="E1" i="33" l="1"/>
  <c r="F1" i="33" s="1"/>
  <c r="D1" i="33"/>
  <c r="E1" i="25" l="1"/>
  <c r="F1" i="25" s="1"/>
  <c r="D1" i="25"/>
  <c r="E1" i="34" l="1"/>
  <c r="F1" i="34" s="1"/>
  <c r="D1" i="34"/>
  <c r="I1" i="32" l="1"/>
  <c r="J1" i="32" s="1"/>
  <c r="G1" i="32"/>
  <c r="J1" i="31"/>
  <c r="K1" i="31" s="1"/>
  <c r="H1" i="31"/>
  <c r="K1" i="30"/>
  <c r="L1" i="30" s="1"/>
  <c r="I1" i="30"/>
  <c r="J1" i="29"/>
  <c r="K1" i="29" s="1"/>
  <c r="H1" i="29"/>
  <c r="G1" i="28"/>
  <c r="H1" i="28" s="1"/>
  <c r="E1" i="28"/>
  <c r="D1" i="18" l="1"/>
  <c r="D1" i="26"/>
  <c r="F1" i="6"/>
  <c r="D1" i="5"/>
  <c r="G1" i="24"/>
  <c r="G1" i="14"/>
  <c r="H1" i="23"/>
  <c r="H1" i="13"/>
  <c r="G1" i="4"/>
  <c r="I1" i="22"/>
  <c r="I1" i="11"/>
  <c r="H1" i="21"/>
  <c r="H1" i="10"/>
  <c r="F1" i="9"/>
  <c r="E1" i="19"/>
  <c r="E1" i="8"/>
  <c r="E1" i="18" l="1"/>
  <c r="E1" i="26"/>
  <c r="G1" i="6"/>
  <c r="E1" i="5"/>
  <c r="I1" i="24"/>
  <c r="I1" i="14"/>
  <c r="J1" i="23"/>
  <c r="J1" i="13"/>
  <c r="I1" i="4"/>
  <c r="K1" i="22"/>
  <c r="K1" i="11"/>
  <c r="J1" i="21"/>
  <c r="J1" i="10"/>
  <c r="H1" i="9"/>
  <c r="G1" i="19"/>
  <c r="G1" i="8"/>
  <c r="I1" i="9" l="1"/>
  <c r="F1" i="26"/>
  <c r="J1" i="24"/>
  <c r="K1" i="23"/>
  <c r="L1" i="22"/>
  <c r="K1" i="21"/>
  <c r="H1" i="19"/>
  <c r="F1" i="18"/>
  <c r="J1" i="14"/>
  <c r="K1" i="13"/>
  <c r="L1" i="11"/>
  <c r="K1" i="10"/>
  <c r="H1" i="6"/>
  <c r="F1" i="5"/>
  <c r="J1" i="4"/>
  <c r="H1" i="8"/>
  <c r="H4" i="1"/>
</calcChain>
</file>

<file path=xl/sharedStrings.xml><?xml version="1.0" encoding="utf-8"?>
<sst xmlns="http://schemas.openxmlformats.org/spreadsheetml/2006/main" count="5575" uniqueCount="162">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69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31"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5" xfId="0" applyNumberFormat="1" applyFont="1" applyBorder="1"/>
    <xf numFmtId="179" fontId="2" fillId="0" borderId="51" xfId="0" applyNumberFormat="1" applyFont="1" applyBorder="1"/>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1" xfId="2" applyNumberFormat="1" applyFont="1" applyBorder="1">
      <alignment vertical="center"/>
    </xf>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35" xfId="2" applyNumberFormat="1" applyFont="1" applyBorder="1">
      <alignment vertical="center"/>
    </xf>
    <xf numFmtId="180" fontId="2" fillId="0" borderId="57" xfId="2" applyNumberFormat="1" applyFont="1" applyBorder="1">
      <alignment vertical="center"/>
    </xf>
    <xf numFmtId="180" fontId="2" fillId="0" borderId="52" xfId="2" applyNumberFormat="1" applyFont="1" applyBorder="1">
      <alignment vertical="center"/>
    </xf>
    <xf numFmtId="180" fontId="2" fillId="0" borderId="58" xfId="2" applyNumberFormat="1" applyFont="1" applyBorder="1">
      <alignment vertical="center"/>
    </xf>
    <xf numFmtId="180" fontId="2" fillId="0" borderId="43" xfId="2" applyNumberFormat="1" applyFont="1" applyBorder="1">
      <alignment vertical="center"/>
    </xf>
    <xf numFmtId="180" fontId="2" fillId="0" borderId="59" xfId="2" applyNumberFormat="1" applyFont="1" applyBorder="1">
      <alignment vertical="center"/>
    </xf>
    <xf numFmtId="180" fontId="2" fillId="0" borderId="60" xfId="1" applyNumberFormat="1" applyFont="1" applyFill="1" applyBorder="1" applyAlignment="1">
      <alignment vertical="center"/>
    </xf>
    <xf numFmtId="180" fontId="2" fillId="0" borderId="35" xfId="0" applyNumberFormat="1" applyFont="1" applyBorder="1"/>
    <xf numFmtId="180" fontId="2" fillId="0" borderId="36" xfId="0" applyNumberFormat="1" applyFont="1" applyBorder="1"/>
    <xf numFmtId="180" fontId="2" fillId="0" borderId="34" xfId="0" applyNumberFormat="1" applyFont="1" applyBorder="1"/>
    <xf numFmtId="180" fontId="2" fillId="0" borderId="51" xfId="0" applyNumberFormat="1" applyFont="1" applyBorder="1"/>
    <xf numFmtId="180" fontId="2" fillId="0" borderId="43" xfId="0" applyNumberFormat="1" applyFont="1" applyBorder="1"/>
    <xf numFmtId="180" fontId="2" fillId="0" borderId="58" xfId="0" applyNumberFormat="1" applyFont="1" applyBorder="1"/>
    <xf numFmtId="180" fontId="2" fillId="0" borderId="45" xfId="0" applyNumberFormat="1" applyFont="1" applyBorder="1"/>
    <xf numFmtId="180" fontId="2" fillId="0" borderId="62" xfId="0" applyNumberFormat="1" applyFont="1" applyBorder="1"/>
    <xf numFmtId="180" fontId="2" fillId="0" borderId="63" xfId="1" applyNumberFormat="1" applyFont="1" applyFill="1" applyBorder="1" applyAlignment="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81" xfId="0" applyNumberFormat="1" applyFont="1" applyBorder="1"/>
    <xf numFmtId="179" fontId="2" fillId="0" borderId="57" xfId="0" applyNumberFormat="1" applyFont="1" applyBorder="1"/>
    <xf numFmtId="179" fontId="2" fillId="0" borderId="37" xfId="0" applyNumberFormat="1" applyFont="1" applyBorder="1"/>
    <xf numFmtId="179" fontId="2" fillId="0" borderId="43" xfId="0" applyNumberFormat="1" applyFont="1" applyBorder="1"/>
    <xf numFmtId="179" fontId="2" fillId="0" borderId="35" xfId="0" applyNumberFormat="1" applyFont="1" applyBorder="1"/>
    <xf numFmtId="179" fontId="2" fillId="0" borderId="34" xfId="0" applyNumberFormat="1" applyFont="1" applyBorder="1"/>
    <xf numFmtId="179" fontId="2" fillId="0" borderId="61" xfId="0" applyNumberFormat="1" applyFont="1" applyBorder="1"/>
    <xf numFmtId="179" fontId="2" fillId="0" borderId="52" xfId="0" applyNumberFormat="1" applyFont="1" applyBorder="1"/>
    <xf numFmtId="179" fontId="2" fillId="0" borderId="44" xfId="0" applyNumberFormat="1" applyFont="1" applyBorder="1"/>
    <xf numFmtId="179" fontId="2" fillId="0" borderId="58" xfId="0" applyNumberFormat="1" applyFont="1" applyBorder="1"/>
    <xf numFmtId="179" fontId="2" fillId="0" borderId="2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2" xfId="0" applyNumberFormat="1" applyFont="1" applyBorder="1"/>
    <xf numFmtId="180" fontId="2" fillId="0" borderId="54" xfId="0" applyNumberFormat="1" applyFont="1" applyBorder="1"/>
    <xf numFmtId="180" fontId="2" fillId="0" borderId="33" xfId="0" applyNumberFormat="1" applyFont="1" applyBorder="1"/>
    <xf numFmtId="180" fontId="2" fillId="0" borderId="34" xfId="1" applyNumberFormat="1" applyFont="1" applyFill="1" applyBorder="1" applyAlignment="1">
      <alignment vertical="center"/>
    </xf>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34" xfId="1" applyNumberFormat="1" applyFont="1" applyFill="1" applyBorder="1" applyAlignment="1"/>
    <xf numFmtId="180" fontId="2" fillId="0" borderId="8" xfId="1" applyNumberFormat="1" applyFont="1" applyFill="1" applyBorder="1" applyAlignment="1"/>
    <xf numFmtId="180" fontId="2" fillId="0" borderId="9" xfId="1" applyNumberFormat="1" applyFont="1" applyFill="1" applyBorder="1" applyAlignment="1"/>
    <xf numFmtId="180" fontId="2" fillId="0" borderId="35" xfId="1" applyNumberFormat="1" applyFont="1" applyFill="1" applyBorder="1" applyAlignment="1">
      <alignment vertical="center"/>
    </xf>
    <xf numFmtId="180" fontId="2" fillId="0" borderId="43" xfId="1" applyNumberFormat="1" applyFont="1" applyFill="1" applyBorder="1" applyAlignment="1">
      <alignment vertical="center"/>
    </xf>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79" fontId="2" fillId="0" borderId="36" xfId="0" applyNumberFormat="1" applyFont="1" applyBorder="1"/>
    <xf numFmtId="179" fontId="2" fillId="0" borderId="82" xfId="0" applyNumberFormat="1" applyFont="1" applyBorder="1"/>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59" xfId="0" applyNumberFormat="1" applyFont="1" applyBorder="1"/>
    <xf numFmtId="179" fontId="2" fillId="0" borderId="48" xfId="0" applyNumberFormat="1" applyFont="1" applyBorder="1"/>
    <xf numFmtId="179" fontId="2" fillId="0" borderId="30" xfId="0" applyNumberFormat="1" applyFont="1" applyBorder="1"/>
    <xf numFmtId="180" fontId="2" fillId="0" borderId="37"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0" xfId="0" applyNumberFormat="1" applyFont="1" applyBorder="1"/>
    <xf numFmtId="179" fontId="2" fillId="0" borderId="101" xfId="0" applyNumberFormat="1" applyFont="1" applyBorder="1"/>
    <xf numFmtId="179" fontId="2" fillId="0" borderId="102" xfId="0" applyNumberFormat="1" applyFont="1" applyBorder="1"/>
    <xf numFmtId="179" fontId="2" fillId="0" borderId="103" xfId="0" applyNumberFormat="1" applyFont="1" applyBorder="1"/>
    <xf numFmtId="179" fontId="2" fillId="0" borderId="104" xfId="0" applyNumberFormat="1" applyFont="1" applyBorder="1"/>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2" xfId="0" applyNumberFormat="1" applyFont="1" applyBorder="1"/>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9" fontId="2" fillId="0" borderId="35" xfId="0" applyNumberFormat="1" applyFont="1" applyBorder="1" applyAlignment="1">
      <alignment shrinkToFit="1"/>
    </xf>
    <xf numFmtId="179" fontId="2" fillId="0" borderId="52" xfId="0" applyNumberFormat="1" applyFont="1" applyBorder="1" applyAlignment="1">
      <alignment shrinkToFit="1"/>
    </xf>
    <xf numFmtId="179" fontId="2" fillId="0" borderId="43" xfId="0" applyNumberFormat="1" applyFont="1" applyBorder="1" applyAlignment="1">
      <alignment shrinkToFit="1"/>
    </xf>
    <xf numFmtId="179" fontId="2" fillId="0" borderId="37" xfId="0" applyNumberFormat="1" applyFont="1" applyBorder="1" applyAlignment="1">
      <alignment shrinkToFit="1"/>
    </xf>
    <xf numFmtId="179" fontId="2" fillId="0" borderId="46" xfId="0" applyNumberFormat="1" applyFont="1" applyBorder="1" applyAlignment="1">
      <alignment shrinkToFit="1"/>
    </xf>
    <xf numFmtId="179" fontId="2" fillId="0" borderId="39" xfId="0" applyNumberFormat="1" applyFont="1" applyBorder="1" applyAlignment="1">
      <alignment shrinkToFit="1"/>
    </xf>
    <xf numFmtId="180" fontId="2" fillId="0" borderId="35" xfId="0" applyNumberFormat="1" applyFont="1" applyBorder="1" applyAlignment="1">
      <alignment shrinkToFit="1"/>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3" xfId="0" applyBorder="1" applyAlignment="1">
      <alignment vertical="center"/>
    </xf>
    <xf numFmtId="180" fontId="0" fillId="0" borderId="49" xfId="1" applyNumberFormat="1" applyFont="1" applyBorder="1" applyAlignment="1">
      <alignment vertical="center"/>
    </xf>
    <xf numFmtId="180" fontId="0" fillId="0" borderId="42" xfId="1" applyNumberFormat="1" applyFont="1" applyBorder="1" applyAlignment="1">
      <alignment vertical="center"/>
    </xf>
    <xf numFmtId="180" fontId="0" fillId="0" borderId="4" xfId="1" applyNumberFormat="1" applyFont="1" applyBorder="1" applyAlignment="1">
      <alignment vertical="center"/>
    </xf>
    <xf numFmtId="180" fontId="0" fillId="0" borderId="97" xfId="1" applyNumberFormat="1" applyFont="1" applyBorder="1" applyAlignment="1">
      <alignment vertical="center"/>
    </xf>
    <xf numFmtId="180" fontId="0" fillId="0" borderId="80" xfId="1" applyNumberFormat="1" applyFont="1" applyBorder="1" applyAlignment="1">
      <alignment vertical="center"/>
    </xf>
    <xf numFmtId="180" fontId="0" fillId="0" borderId="59" xfId="1" applyNumberFormat="1" applyFont="1" applyBorder="1" applyAlignment="1">
      <alignment vertical="center"/>
    </xf>
    <xf numFmtId="180" fontId="0" fillId="0" borderId="60" xfId="1" applyNumberFormat="1" applyFont="1" applyBorder="1" applyAlignment="1">
      <alignment vertical="center"/>
    </xf>
    <xf numFmtId="180" fontId="0" fillId="0" borderId="57" xfId="1" applyNumberFormat="1" applyFont="1" applyBorder="1" applyAlignment="1">
      <alignmen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6" fontId="8" fillId="0" borderId="0" xfId="0" applyNumberFormat="1" applyFont="1" applyBorder="1" applyAlignment="1">
      <alignment horizontal="right"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1"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30" xfId="0" applyFont="1" applyBorder="1" applyAlignment="1">
      <alignment horizontal="center" vertical="center"/>
    </xf>
    <xf numFmtId="0" fontId="3" fillId="0" borderId="40"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7" xfId="0" applyFont="1" applyBorder="1" applyAlignment="1">
      <alignment horizontal="center" vertical="center"/>
    </xf>
    <xf numFmtId="0" fontId="2" fillId="0" borderId="42" xfId="0" applyFont="1" applyBorder="1" applyAlignment="1">
      <alignment horizontal="center" vertical="center"/>
    </xf>
    <xf numFmtId="0" fontId="2" fillId="0" borderId="80"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6"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71"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22" xfId="0" applyBorder="1" applyAlignment="1">
      <alignment horizontal="center"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24"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x14ac:dyDescent="0.2">
      <c r="B1" s="2"/>
      <c r="C1" s="2"/>
      <c r="D1" s="2"/>
      <c r="E1" s="443" t="s">
        <v>0</v>
      </c>
      <c r="F1" s="443"/>
      <c r="G1" s="443"/>
      <c r="H1" s="443"/>
      <c r="I1" s="2"/>
      <c r="J1" s="2"/>
      <c r="K1" s="2"/>
      <c r="L1" s="2"/>
    </row>
    <row r="2" spans="1:13" ht="13.5" customHeight="1" x14ac:dyDescent="0.2">
      <c r="A2" s="2"/>
      <c r="B2" s="2"/>
      <c r="C2" s="2"/>
      <c r="D2" s="2"/>
      <c r="E2" s="2"/>
      <c r="F2" s="407">
        <v>4</v>
      </c>
      <c r="G2" s="281">
        <v>2</v>
      </c>
      <c r="H2" s="2"/>
      <c r="I2" s="2"/>
      <c r="J2" s="2"/>
      <c r="K2" s="2"/>
      <c r="L2" s="2"/>
      <c r="M2" s="2"/>
    </row>
    <row r="3" spans="1:13" ht="26.25" customHeight="1" x14ac:dyDescent="0.2"/>
    <row r="4" spans="1:13" ht="20.25" customHeight="1" x14ac:dyDescent="0.2">
      <c r="D4" s="3"/>
      <c r="E4" s="4" t="s">
        <v>1</v>
      </c>
      <c r="F4" s="3"/>
      <c r="H4" s="289">
        <f>G2</f>
        <v>2</v>
      </c>
    </row>
    <row r="5" spans="1:13" ht="10.5" customHeight="1" thickBot="1" x14ac:dyDescent="0.25">
      <c r="E5" s="5"/>
    </row>
    <row r="6" spans="1:13" ht="17.25" customHeight="1" x14ac:dyDescent="0.2">
      <c r="E6" s="381"/>
      <c r="F6" s="444" t="s">
        <v>2</v>
      </c>
      <c r="G6" s="445"/>
      <c r="H6" s="445"/>
      <c r="I6" s="446"/>
    </row>
    <row r="7" spans="1:13" ht="17.25" customHeight="1" x14ac:dyDescent="0.2">
      <c r="E7" s="7"/>
      <c r="F7" s="8"/>
      <c r="G7" s="9" t="s">
        <v>3</v>
      </c>
      <c r="H7" s="384" t="s">
        <v>150</v>
      </c>
      <c r="I7" s="385" t="s">
        <v>149</v>
      </c>
    </row>
    <row r="8" spans="1:13" ht="16.5" customHeight="1" x14ac:dyDescent="0.2">
      <c r="E8" s="382" t="s">
        <v>4</v>
      </c>
      <c r="F8" s="416">
        <v>2337933</v>
      </c>
      <c r="G8" s="416">
        <v>1104711</v>
      </c>
      <c r="H8" s="416">
        <v>851206</v>
      </c>
      <c r="I8" s="417">
        <v>382016</v>
      </c>
    </row>
    <row r="9" spans="1:13" ht="16.5" customHeight="1" x14ac:dyDescent="0.2">
      <c r="E9" s="10" t="s">
        <v>5</v>
      </c>
      <c r="F9" s="412">
        <v>932449</v>
      </c>
      <c r="G9" s="412">
        <v>437694</v>
      </c>
      <c r="H9" s="412">
        <v>335826</v>
      </c>
      <c r="I9" s="413">
        <v>158929</v>
      </c>
    </row>
    <row r="10" spans="1:13" ht="16.5" customHeight="1" x14ac:dyDescent="0.2">
      <c r="E10" s="10" t="s">
        <v>6</v>
      </c>
      <c r="F10" s="412">
        <v>306347</v>
      </c>
      <c r="G10" s="412">
        <v>149366</v>
      </c>
      <c r="H10" s="412">
        <v>106794</v>
      </c>
      <c r="I10" s="413">
        <v>50187</v>
      </c>
    </row>
    <row r="11" spans="1:13" ht="16.5" customHeight="1" x14ac:dyDescent="0.2">
      <c r="E11" s="10" t="s">
        <v>14</v>
      </c>
      <c r="F11" s="412">
        <v>187757</v>
      </c>
      <c r="G11" s="412">
        <v>90460</v>
      </c>
      <c r="H11" s="412">
        <v>70617</v>
      </c>
      <c r="I11" s="413">
        <v>26680</v>
      </c>
    </row>
    <row r="12" spans="1:13" ht="16.5" customHeight="1" x14ac:dyDescent="0.2">
      <c r="E12" s="10" t="s">
        <v>7</v>
      </c>
      <c r="F12" s="412">
        <v>126203</v>
      </c>
      <c r="G12" s="412">
        <v>57171</v>
      </c>
      <c r="H12" s="412">
        <v>47451</v>
      </c>
      <c r="I12" s="413">
        <v>21581</v>
      </c>
    </row>
    <row r="13" spans="1:13" ht="16.5" customHeight="1" x14ac:dyDescent="0.2">
      <c r="E13" s="10" t="s">
        <v>8</v>
      </c>
      <c r="F13" s="412">
        <v>72986</v>
      </c>
      <c r="G13" s="412">
        <v>35261</v>
      </c>
      <c r="H13" s="412">
        <v>26470</v>
      </c>
      <c r="I13" s="413">
        <v>11255</v>
      </c>
    </row>
    <row r="14" spans="1:13" ht="16.5" customHeight="1" x14ac:dyDescent="0.2">
      <c r="E14" s="10" t="s">
        <v>9</v>
      </c>
      <c r="F14" s="412">
        <v>53948</v>
      </c>
      <c r="G14" s="412">
        <v>22206</v>
      </c>
      <c r="H14" s="412">
        <v>20205</v>
      </c>
      <c r="I14" s="413">
        <v>11537</v>
      </c>
    </row>
    <row r="15" spans="1:13" ht="16.5" customHeight="1" x14ac:dyDescent="0.2">
      <c r="E15" s="10" t="s">
        <v>10</v>
      </c>
      <c r="F15" s="412">
        <v>107935</v>
      </c>
      <c r="G15" s="412">
        <v>49916</v>
      </c>
      <c r="H15" s="412">
        <v>39705</v>
      </c>
      <c r="I15" s="413">
        <v>18314</v>
      </c>
    </row>
    <row r="16" spans="1:13" ht="16.5" customHeight="1" x14ac:dyDescent="0.2">
      <c r="E16" s="10" t="s">
        <v>11</v>
      </c>
      <c r="F16" s="412">
        <v>57321</v>
      </c>
      <c r="G16" s="412">
        <v>27139</v>
      </c>
      <c r="H16" s="412">
        <v>20442</v>
      </c>
      <c r="I16" s="413">
        <v>9740</v>
      </c>
    </row>
    <row r="17" spans="5:13" ht="16.5" customHeight="1" x14ac:dyDescent="0.2">
      <c r="E17" s="10" t="s">
        <v>12</v>
      </c>
      <c r="F17" s="412">
        <v>65306</v>
      </c>
      <c r="G17" s="412">
        <v>30089</v>
      </c>
      <c r="H17" s="412">
        <v>24227</v>
      </c>
      <c r="I17" s="413">
        <v>10990</v>
      </c>
    </row>
    <row r="18" spans="5:13" ht="16.5" customHeight="1" x14ac:dyDescent="0.2">
      <c r="E18" s="10" t="s">
        <v>13</v>
      </c>
      <c r="F18" s="412">
        <v>18699</v>
      </c>
      <c r="G18" s="412">
        <v>7665</v>
      </c>
      <c r="H18" s="412">
        <v>7070</v>
      </c>
      <c r="I18" s="413">
        <v>3964</v>
      </c>
      <c r="M18" s="1" t="s">
        <v>87</v>
      </c>
    </row>
    <row r="19" spans="5:13" ht="16.5" customHeight="1" x14ac:dyDescent="0.2">
      <c r="E19" s="10" t="s">
        <v>15</v>
      </c>
      <c r="F19" s="412">
        <v>16299</v>
      </c>
      <c r="G19" s="412">
        <v>7723</v>
      </c>
      <c r="H19" s="412">
        <v>5812</v>
      </c>
      <c r="I19" s="413">
        <v>2764</v>
      </c>
    </row>
    <row r="20" spans="5:13" ht="16.5" customHeight="1" x14ac:dyDescent="0.2">
      <c r="E20" s="10" t="s">
        <v>16</v>
      </c>
      <c r="F20" s="412">
        <v>49213</v>
      </c>
      <c r="G20" s="412">
        <v>24977</v>
      </c>
      <c r="H20" s="412">
        <v>17545</v>
      </c>
      <c r="I20" s="413">
        <v>6691</v>
      </c>
    </row>
    <row r="21" spans="5:13" ht="16.5" customHeight="1" x14ac:dyDescent="0.2">
      <c r="E21" s="10" t="s">
        <v>17</v>
      </c>
      <c r="F21" s="412">
        <v>58382</v>
      </c>
      <c r="G21" s="412">
        <v>29378</v>
      </c>
      <c r="H21" s="412">
        <v>21452</v>
      </c>
      <c r="I21" s="413">
        <v>7552</v>
      </c>
    </row>
    <row r="22" spans="5:13" ht="16.5" customHeight="1" x14ac:dyDescent="0.2">
      <c r="E22" s="10" t="s">
        <v>18</v>
      </c>
      <c r="F22" s="412">
        <v>57944</v>
      </c>
      <c r="G22" s="412">
        <v>27441</v>
      </c>
      <c r="H22" s="412">
        <v>22119</v>
      </c>
      <c r="I22" s="413">
        <v>8384</v>
      </c>
    </row>
    <row r="23" spans="5:13" ht="16.5" customHeight="1" x14ac:dyDescent="0.2">
      <c r="E23" s="10" t="s">
        <v>19</v>
      </c>
      <c r="F23" s="412">
        <v>26628</v>
      </c>
      <c r="G23" s="412">
        <v>12806</v>
      </c>
      <c r="H23" s="412">
        <v>9931</v>
      </c>
      <c r="I23" s="413">
        <v>3891</v>
      </c>
    </row>
    <row r="24" spans="5:13" ht="16.5" customHeight="1" x14ac:dyDescent="0.2">
      <c r="E24" s="10" t="s">
        <v>20</v>
      </c>
      <c r="F24" s="412">
        <v>33824</v>
      </c>
      <c r="G24" s="412">
        <v>16669</v>
      </c>
      <c r="H24" s="412">
        <v>12715</v>
      </c>
      <c r="I24" s="413">
        <v>4440</v>
      </c>
    </row>
    <row r="25" spans="5:13" ht="16.5" customHeight="1" x14ac:dyDescent="0.2">
      <c r="E25" s="10" t="s">
        <v>21</v>
      </c>
      <c r="F25" s="412">
        <v>34168</v>
      </c>
      <c r="G25" s="412">
        <v>16579</v>
      </c>
      <c r="H25" s="412">
        <v>12858</v>
      </c>
      <c r="I25" s="413">
        <v>4731</v>
      </c>
    </row>
    <row r="26" spans="5:13" ht="16.5" customHeight="1" x14ac:dyDescent="0.2">
      <c r="E26" s="10" t="s">
        <v>22</v>
      </c>
      <c r="F26" s="412">
        <v>13633</v>
      </c>
      <c r="G26" s="412">
        <v>6198</v>
      </c>
      <c r="H26" s="412">
        <v>5151</v>
      </c>
      <c r="I26" s="413">
        <v>2284</v>
      </c>
    </row>
    <row r="27" spans="5:13" ht="16.5" customHeight="1" x14ac:dyDescent="0.2">
      <c r="E27" s="10" t="s">
        <v>23</v>
      </c>
      <c r="F27" s="412">
        <v>23076</v>
      </c>
      <c r="G27" s="412">
        <v>10712</v>
      </c>
      <c r="H27" s="412">
        <v>9454</v>
      </c>
      <c r="I27" s="413">
        <v>2910</v>
      </c>
    </row>
    <row r="28" spans="5:13" ht="16.5" customHeight="1" x14ac:dyDescent="0.2">
      <c r="E28" s="10" t="s">
        <v>24</v>
      </c>
      <c r="F28" s="412">
        <v>10279</v>
      </c>
      <c r="G28" s="412">
        <v>4314</v>
      </c>
      <c r="H28" s="412">
        <v>3967</v>
      </c>
      <c r="I28" s="413">
        <v>1998</v>
      </c>
    </row>
    <row r="29" spans="5:13" ht="16.5" customHeight="1" x14ac:dyDescent="0.2">
      <c r="E29" s="10" t="s">
        <v>25</v>
      </c>
      <c r="F29" s="412">
        <v>13431</v>
      </c>
      <c r="G29" s="412">
        <v>6703</v>
      </c>
      <c r="H29" s="412">
        <v>4995</v>
      </c>
      <c r="I29" s="413">
        <v>1733</v>
      </c>
    </row>
    <row r="30" spans="5:13" ht="16.5" customHeight="1" x14ac:dyDescent="0.2">
      <c r="E30" s="10" t="s">
        <v>26</v>
      </c>
      <c r="F30" s="412">
        <v>11165</v>
      </c>
      <c r="G30" s="412">
        <v>5133</v>
      </c>
      <c r="H30" s="412">
        <v>4180</v>
      </c>
      <c r="I30" s="413">
        <v>1852</v>
      </c>
    </row>
    <row r="31" spans="5:13" ht="16.5" customHeight="1" x14ac:dyDescent="0.2">
      <c r="E31" s="10" t="s">
        <v>27</v>
      </c>
      <c r="F31" s="412">
        <v>9897</v>
      </c>
      <c r="G31" s="412">
        <v>4295</v>
      </c>
      <c r="H31" s="412">
        <v>3812</v>
      </c>
      <c r="I31" s="413">
        <v>1790</v>
      </c>
    </row>
    <row r="32" spans="5:13" ht="16.5" customHeight="1" x14ac:dyDescent="0.2">
      <c r="E32" s="10" t="s">
        <v>28</v>
      </c>
      <c r="F32" s="412">
        <v>3221</v>
      </c>
      <c r="G32" s="412">
        <v>1621</v>
      </c>
      <c r="H32" s="412">
        <v>1171</v>
      </c>
      <c r="I32" s="413">
        <v>429</v>
      </c>
    </row>
    <row r="33" spans="5:9" ht="16.5" customHeight="1" x14ac:dyDescent="0.2">
      <c r="E33" s="10" t="s">
        <v>29</v>
      </c>
      <c r="F33" s="412">
        <v>4961</v>
      </c>
      <c r="G33" s="412">
        <v>2424</v>
      </c>
      <c r="H33" s="412">
        <v>1844</v>
      </c>
      <c r="I33" s="413">
        <v>693</v>
      </c>
    </row>
    <row r="34" spans="5:9" ht="16.5" customHeight="1" x14ac:dyDescent="0.2">
      <c r="E34" s="10" t="s">
        <v>30</v>
      </c>
      <c r="F34" s="412">
        <v>3754</v>
      </c>
      <c r="G34" s="412">
        <v>1734</v>
      </c>
      <c r="H34" s="412">
        <v>1349</v>
      </c>
      <c r="I34" s="413">
        <v>671</v>
      </c>
    </row>
    <row r="35" spans="5:9" ht="16.5" customHeight="1" x14ac:dyDescent="0.2">
      <c r="E35" s="10" t="s">
        <v>31</v>
      </c>
      <c r="F35" s="412">
        <v>4046</v>
      </c>
      <c r="G35" s="412">
        <v>2010</v>
      </c>
      <c r="H35" s="412">
        <v>1272</v>
      </c>
      <c r="I35" s="413">
        <v>764</v>
      </c>
    </row>
    <row r="36" spans="5:9" ht="16.5" customHeight="1" x14ac:dyDescent="0.2">
      <c r="E36" s="10" t="s">
        <v>32</v>
      </c>
      <c r="F36" s="412">
        <v>4542</v>
      </c>
      <c r="G36" s="412">
        <v>2103</v>
      </c>
      <c r="H36" s="412">
        <v>1715</v>
      </c>
      <c r="I36" s="413">
        <v>724</v>
      </c>
    </row>
    <row r="37" spans="5:9" ht="16.5" customHeight="1" x14ac:dyDescent="0.2">
      <c r="E37" s="10" t="s">
        <v>33</v>
      </c>
      <c r="F37" s="412">
        <v>4182</v>
      </c>
      <c r="G37" s="412">
        <v>1983</v>
      </c>
      <c r="H37" s="412">
        <v>1498</v>
      </c>
      <c r="I37" s="413">
        <v>701</v>
      </c>
    </row>
    <row r="38" spans="5:9" ht="16.5" customHeight="1" x14ac:dyDescent="0.2">
      <c r="E38" s="10" t="s">
        <v>34</v>
      </c>
      <c r="F38" s="412">
        <v>3015</v>
      </c>
      <c r="G38" s="412">
        <v>1378</v>
      </c>
      <c r="H38" s="412">
        <v>1115</v>
      </c>
      <c r="I38" s="413">
        <v>522</v>
      </c>
    </row>
    <row r="39" spans="5:9" ht="16.5" customHeight="1" x14ac:dyDescent="0.2">
      <c r="E39" s="10" t="s">
        <v>35</v>
      </c>
      <c r="F39" s="412">
        <v>9932</v>
      </c>
      <c r="G39" s="412">
        <v>4447</v>
      </c>
      <c r="H39" s="412">
        <v>3763</v>
      </c>
      <c r="I39" s="413">
        <v>1722</v>
      </c>
    </row>
    <row r="40" spans="5:9" ht="16.5" customHeight="1" x14ac:dyDescent="0.2">
      <c r="E40" s="10" t="s">
        <v>36</v>
      </c>
      <c r="F40" s="412">
        <v>12322</v>
      </c>
      <c r="G40" s="412">
        <v>6535</v>
      </c>
      <c r="H40" s="412">
        <v>4347</v>
      </c>
      <c r="I40" s="413">
        <v>1440</v>
      </c>
    </row>
    <row r="41" spans="5:9" ht="16.5" customHeight="1" thickBot="1" x14ac:dyDescent="0.25">
      <c r="E41" s="11" t="s">
        <v>37</v>
      </c>
      <c r="F41" s="414">
        <v>1068</v>
      </c>
      <c r="G41" s="414">
        <v>581</v>
      </c>
      <c r="H41" s="414">
        <v>334</v>
      </c>
      <c r="I41" s="415">
        <v>153</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91"/>
    <col min="5" max="5" width="7.77734375" style="291" customWidth="1"/>
    <col min="6" max="6" width="9" style="291"/>
    <col min="7" max="7" width="10.6640625" style="291" customWidth="1"/>
    <col min="8" max="15" width="9" style="291"/>
    <col min="16" max="16" width="7.88671875" style="291" customWidth="1"/>
    <col min="17" max="26" width="9" style="291"/>
    <col min="27" max="27" width="7.77734375" style="291" customWidth="1"/>
    <col min="28" max="37" width="9" style="291"/>
    <col min="38" max="38" width="6.77734375" style="291" customWidth="1"/>
    <col min="39" max="48" width="9" style="291"/>
    <col min="49" max="49" width="7.77734375" style="291" customWidth="1"/>
    <col min="50" max="59" width="9" style="291"/>
    <col min="60" max="60" width="7.44140625" style="291" customWidth="1"/>
    <col min="61" max="70" width="9" style="291"/>
    <col min="71" max="71" width="7.33203125" style="291" customWidth="1"/>
    <col min="72" max="81" width="9" style="291"/>
    <col min="82" max="82" width="7.44140625" style="291" customWidth="1"/>
    <col min="83" max="92" width="9" style="291"/>
    <col min="93" max="93" width="7.6640625" style="291" customWidth="1"/>
    <col min="94" max="16384" width="9" style="291"/>
  </cols>
  <sheetData>
    <row r="1" spans="1:111" ht="20.25" customHeight="1" x14ac:dyDescent="0.2">
      <c r="A1" s="322" t="s">
        <v>123</v>
      </c>
      <c r="I1" s="470">
        <f>第１表!F2</f>
        <v>4</v>
      </c>
      <c r="J1" s="470"/>
      <c r="K1" s="283">
        <f>第１表!G2</f>
        <v>2</v>
      </c>
      <c r="L1" s="471">
        <f>IF(K1&lt;3,K1+12-2,K1-2)</f>
        <v>12</v>
      </c>
      <c r="M1" s="471"/>
    </row>
    <row r="2" spans="1:111" ht="18.75" customHeight="1" thickBot="1" x14ac:dyDescent="0.25">
      <c r="A2" s="322" t="s">
        <v>131</v>
      </c>
    </row>
    <row r="3" spans="1:111" ht="13.8" thickBot="1" x14ac:dyDescent="0.25">
      <c r="A3" s="491"/>
      <c r="B3" s="494" t="s">
        <v>112</v>
      </c>
      <c r="C3" s="494"/>
      <c r="D3" s="494"/>
      <c r="E3" s="494"/>
      <c r="F3" s="494"/>
      <c r="G3" s="494"/>
      <c r="H3" s="494"/>
      <c r="I3" s="494"/>
      <c r="J3" s="494"/>
      <c r="K3" s="494"/>
      <c r="L3" s="495"/>
      <c r="M3" s="489" t="s">
        <v>111</v>
      </c>
      <c r="N3" s="489"/>
      <c r="O3" s="489"/>
      <c r="P3" s="489"/>
      <c r="Q3" s="489"/>
      <c r="R3" s="489"/>
      <c r="S3" s="489"/>
      <c r="T3" s="489"/>
      <c r="U3" s="489"/>
      <c r="V3" s="489"/>
      <c r="W3" s="490"/>
      <c r="X3" s="488" t="s">
        <v>110</v>
      </c>
      <c r="Y3" s="489"/>
      <c r="Z3" s="489"/>
      <c r="AA3" s="489"/>
      <c r="AB3" s="489"/>
      <c r="AC3" s="489"/>
      <c r="AD3" s="489"/>
      <c r="AE3" s="489"/>
      <c r="AF3" s="489"/>
      <c r="AG3" s="489"/>
      <c r="AH3" s="490"/>
      <c r="AI3" s="488" t="s">
        <v>109</v>
      </c>
      <c r="AJ3" s="489"/>
      <c r="AK3" s="489"/>
      <c r="AL3" s="489"/>
      <c r="AM3" s="489"/>
      <c r="AN3" s="489"/>
      <c r="AO3" s="489"/>
      <c r="AP3" s="489"/>
      <c r="AQ3" s="489"/>
      <c r="AR3" s="489"/>
      <c r="AS3" s="490"/>
      <c r="AT3" s="488" t="s">
        <v>108</v>
      </c>
      <c r="AU3" s="489"/>
      <c r="AV3" s="489"/>
      <c r="AW3" s="489"/>
      <c r="AX3" s="489"/>
      <c r="AY3" s="489"/>
      <c r="AZ3" s="489"/>
      <c r="BA3" s="489"/>
      <c r="BB3" s="489"/>
      <c r="BC3" s="489"/>
      <c r="BD3" s="490"/>
      <c r="BE3" s="488" t="s">
        <v>107</v>
      </c>
      <c r="BF3" s="489"/>
      <c r="BG3" s="489"/>
      <c r="BH3" s="489"/>
      <c r="BI3" s="489"/>
      <c r="BJ3" s="489"/>
      <c r="BK3" s="489"/>
      <c r="BL3" s="489"/>
      <c r="BM3" s="489"/>
      <c r="BN3" s="489"/>
      <c r="BO3" s="490"/>
      <c r="BP3" s="488" t="s">
        <v>106</v>
      </c>
      <c r="BQ3" s="489"/>
      <c r="BR3" s="489"/>
      <c r="BS3" s="489"/>
      <c r="BT3" s="489"/>
      <c r="BU3" s="489"/>
      <c r="BV3" s="489"/>
      <c r="BW3" s="489"/>
      <c r="BX3" s="489"/>
      <c r="BY3" s="489"/>
      <c r="BZ3" s="490"/>
      <c r="CA3" s="488" t="s">
        <v>128</v>
      </c>
      <c r="CB3" s="489"/>
      <c r="CC3" s="489"/>
      <c r="CD3" s="489"/>
      <c r="CE3" s="489"/>
      <c r="CF3" s="489"/>
      <c r="CG3" s="489"/>
      <c r="CH3" s="489"/>
      <c r="CI3" s="489"/>
      <c r="CJ3" s="489"/>
      <c r="CK3" s="490"/>
      <c r="CL3" s="488" t="s">
        <v>161</v>
      </c>
      <c r="CM3" s="489"/>
      <c r="CN3" s="489"/>
      <c r="CO3" s="489"/>
      <c r="CP3" s="489"/>
      <c r="CQ3" s="489"/>
      <c r="CR3" s="489"/>
      <c r="CS3" s="489"/>
      <c r="CT3" s="489"/>
      <c r="CU3" s="489"/>
      <c r="CV3" s="490"/>
      <c r="CW3" s="488" t="s">
        <v>157</v>
      </c>
      <c r="CX3" s="489"/>
      <c r="CY3" s="489"/>
      <c r="CZ3" s="489"/>
      <c r="DA3" s="489"/>
      <c r="DB3" s="489"/>
      <c r="DC3" s="489"/>
      <c r="DD3" s="489"/>
      <c r="DE3" s="489"/>
      <c r="DF3" s="489"/>
      <c r="DG3" s="490"/>
    </row>
    <row r="4" spans="1:111" x14ac:dyDescent="0.2">
      <c r="A4" s="492"/>
      <c r="B4" s="496" t="s">
        <v>61</v>
      </c>
      <c r="C4" s="479"/>
      <c r="D4" s="480"/>
      <c r="E4" s="478" t="s">
        <v>62</v>
      </c>
      <c r="F4" s="479"/>
      <c r="G4" s="479"/>
      <c r="H4" s="479"/>
      <c r="I4" s="479"/>
      <c r="J4" s="479"/>
      <c r="K4" s="487"/>
      <c r="L4" s="481" t="s">
        <v>52</v>
      </c>
      <c r="M4" s="496" t="s">
        <v>61</v>
      </c>
      <c r="N4" s="479"/>
      <c r="O4" s="480"/>
      <c r="P4" s="478" t="s">
        <v>62</v>
      </c>
      <c r="Q4" s="479"/>
      <c r="R4" s="479"/>
      <c r="S4" s="479"/>
      <c r="T4" s="479"/>
      <c r="U4" s="479"/>
      <c r="V4" s="480"/>
      <c r="W4" s="481" t="s">
        <v>52</v>
      </c>
      <c r="X4" s="483" t="s">
        <v>61</v>
      </c>
      <c r="Y4" s="479"/>
      <c r="Z4" s="487"/>
      <c r="AA4" s="478" t="s">
        <v>62</v>
      </c>
      <c r="AB4" s="479"/>
      <c r="AC4" s="479"/>
      <c r="AD4" s="479"/>
      <c r="AE4" s="479"/>
      <c r="AF4" s="479"/>
      <c r="AG4" s="480"/>
      <c r="AH4" s="481" t="s">
        <v>52</v>
      </c>
      <c r="AI4" s="483" t="s">
        <v>61</v>
      </c>
      <c r="AJ4" s="479"/>
      <c r="AK4" s="480"/>
      <c r="AL4" s="478" t="s">
        <v>62</v>
      </c>
      <c r="AM4" s="479"/>
      <c r="AN4" s="479"/>
      <c r="AO4" s="479"/>
      <c r="AP4" s="479"/>
      <c r="AQ4" s="479"/>
      <c r="AR4" s="480"/>
      <c r="AS4" s="481" t="s">
        <v>52</v>
      </c>
      <c r="AT4" s="483" t="s">
        <v>61</v>
      </c>
      <c r="AU4" s="479"/>
      <c r="AV4" s="487"/>
      <c r="AW4" s="478" t="s">
        <v>62</v>
      </c>
      <c r="AX4" s="479"/>
      <c r="AY4" s="479"/>
      <c r="AZ4" s="479"/>
      <c r="BA4" s="479"/>
      <c r="BB4" s="479"/>
      <c r="BC4" s="487"/>
      <c r="BD4" s="481" t="s">
        <v>52</v>
      </c>
      <c r="BE4" s="483" t="s">
        <v>61</v>
      </c>
      <c r="BF4" s="479"/>
      <c r="BG4" s="480"/>
      <c r="BH4" s="478" t="s">
        <v>62</v>
      </c>
      <c r="BI4" s="479"/>
      <c r="BJ4" s="479"/>
      <c r="BK4" s="479"/>
      <c r="BL4" s="479"/>
      <c r="BM4" s="479"/>
      <c r="BN4" s="480"/>
      <c r="BO4" s="481" t="s">
        <v>52</v>
      </c>
      <c r="BP4" s="483" t="s">
        <v>61</v>
      </c>
      <c r="BQ4" s="479"/>
      <c r="BR4" s="480"/>
      <c r="BS4" s="478" t="s">
        <v>62</v>
      </c>
      <c r="BT4" s="479"/>
      <c r="BU4" s="479"/>
      <c r="BV4" s="479"/>
      <c r="BW4" s="479"/>
      <c r="BX4" s="479"/>
      <c r="BY4" s="480"/>
      <c r="BZ4" s="481" t="s">
        <v>52</v>
      </c>
      <c r="CA4" s="483" t="s">
        <v>61</v>
      </c>
      <c r="CB4" s="479"/>
      <c r="CC4" s="480"/>
      <c r="CD4" s="478" t="s">
        <v>62</v>
      </c>
      <c r="CE4" s="479"/>
      <c r="CF4" s="479"/>
      <c r="CG4" s="479"/>
      <c r="CH4" s="479"/>
      <c r="CI4" s="479"/>
      <c r="CJ4" s="480"/>
      <c r="CK4" s="481" t="s">
        <v>52</v>
      </c>
      <c r="CL4" s="483" t="s">
        <v>61</v>
      </c>
      <c r="CM4" s="479"/>
      <c r="CN4" s="480"/>
      <c r="CO4" s="478" t="s">
        <v>62</v>
      </c>
      <c r="CP4" s="479"/>
      <c r="CQ4" s="479"/>
      <c r="CR4" s="479"/>
      <c r="CS4" s="479"/>
      <c r="CT4" s="479"/>
      <c r="CU4" s="480"/>
      <c r="CV4" s="481" t="s">
        <v>52</v>
      </c>
      <c r="CW4" s="483" t="s">
        <v>61</v>
      </c>
      <c r="CX4" s="479"/>
      <c r="CY4" s="480"/>
      <c r="CZ4" s="478" t="s">
        <v>62</v>
      </c>
      <c r="DA4" s="479"/>
      <c r="DB4" s="479"/>
      <c r="DC4" s="479"/>
      <c r="DD4" s="479"/>
      <c r="DE4" s="479"/>
      <c r="DF4" s="480"/>
      <c r="DG4" s="481" t="s">
        <v>52</v>
      </c>
    </row>
    <row r="5" spans="1:111" ht="28.5" customHeight="1" thickBot="1" x14ac:dyDescent="0.25">
      <c r="A5" s="493"/>
      <c r="B5" s="300" t="s">
        <v>43</v>
      </c>
      <c r="C5" s="295" t="s">
        <v>44</v>
      </c>
      <c r="D5" s="439" t="s">
        <v>45</v>
      </c>
      <c r="E5" s="302" t="s">
        <v>83</v>
      </c>
      <c r="F5" s="295" t="s">
        <v>47</v>
      </c>
      <c r="G5" s="295" t="s">
        <v>48</v>
      </c>
      <c r="H5" s="295" t="s">
        <v>49</v>
      </c>
      <c r="I5" s="295" t="s">
        <v>50</v>
      </c>
      <c r="J5" s="295" t="s">
        <v>51</v>
      </c>
      <c r="K5" s="303" t="s">
        <v>45</v>
      </c>
      <c r="L5" s="482"/>
      <c r="M5" s="300" t="s">
        <v>43</v>
      </c>
      <c r="N5" s="295" t="s">
        <v>44</v>
      </c>
      <c r="O5" s="301" t="s">
        <v>45</v>
      </c>
      <c r="P5" s="302" t="s">
        <v>83</v>
      </c>
      <c r="Q5" s="295" t="s">
        <v>47</v>
      </c>
      <c r="R5" s="295" t="s">
        <v>48</v>
      </c>
      <c r="S5" s="295" t="s">
        <v>49</v>
      </c>
      <c r="T5" s="295" t="s">
        <v>50</v>
      </c>
      <c r="U5" s="295" t="s">
        <v>51</v>
      </c>
      <c r="V5" s="301" t="s">
        <v>45</v>
      </c>
      <c r="W5" s="482"/>
      <c r="X5" s="357" t="s">
        <v>43</v>
      </c>
      <c r="Y5" s="295" t="s">
        <v>44</v>
      </c>
      <c r="Z5" s="303" t="s">
        <v>45</v>
      </c>
      <c r="AA5" s="302" t="s">
        <v>83</v>
      </c>
      <c r="AB5" s="295" t="s">
        <v>47</v>
      </c>
      <c r="AC5" s="295" t="s">
        <v>48</v>
      </c>
      <c r="AD5" s="295" t="s">
        <v>49</v>
      </c>
      <c r="AE5" s="295" t="s">
        <v>50</v>
      </c>
      <c r="AF5" s="295" t="s">
        <v>51</v>
      </c>
      <c r="AG5" s="301" t="s">
        <v>45</v>
      </c>
      <c r="AH5" s="482"/>
      <c r="AI5" s="357" t="s">
        <v>43</v>
      </c>
      <c r="AJ5" s="295" t="s">
        <v>44</v>
      </c>
      <c r="AK5" s="301" t="s">
        <v>45</v>
      </c>
      <c r="AL5" s="302" t="s">
        <v>83</v>
      </c>
      <c r="AM5" s="295" t="s">
        <v>47</v>
      </c>
      <c r="AN5" s="295" t="s">
        <v>48</v>
      </c>
      <c r="AO5" s="295" t="s">
        <v>49</v>
      </c>
      <c r="AP5" s="295" t="s">
        <v>50</v>
      </c>
      <c r="AQ5" s="295" t="s">
        <v>51</v>
      </c>
      <c r="AR5" s="301" t="s">
        <v>45</v>
      </c>
      <c r="AS5" s="482"/>
      <c r="AT5" s="357" t="s">
        <v>43</v>
      </c>
      <c r="AU5" s="295" t="s">
        <v>44</v>
      </c>
      <c r="AV5" s="303" t="s">
        <v>45</v>
      </c>
      <c r="AW5" s="302" t="s">
        <v>83</v>
      </c>
      <c r="AX5" s="295" t="s">
        <v>47</v>
      </c>
      <c r="AY5" s="295" t="s">
        <v>48</v>
      </c>
      <c r="AZ5" s="295" t="s">
        <v>49</v>
      </c>
      <c r="BA5" s="295" t="s">
        <v>50</v>
      </c>
      <c r="BB5" s="295" t="s">
        <v>51</v>
      </c>
      <c r="BC5" s="303" t="s">
        <v>45</v>
      </c>
      <c r="BD5" s="482"/>
      <c r="BE5" s="357" t="s">
        <v>43</v>
      </c>
      <c r="BF5" s="295" t="s">
        <v>44</v>
      </c>
      <c r="BG5" s="301" t="s">
        <v>45</v>
      </c>
      <c r="BH5" s="302" t="s">
        <v>83</v>
      </c>
      <c r="BI5" s="295" t="s">
        <v>47</v>
      </c>
      <c r="BJ5" s="295" t="s">
        <v>48</v>
      </c>
      <c r="BK5" s="295" t="s">
        <v>49</v>
      </c>
      <c r="BL5" s="295" t="s">
        <v>50</v>
      </c>
      <c r="BM5" s="295" t="s">
        <v>51</v>
      </c>
      <c r="BN5" s="301" t="s">
        <v>45</v>
      </c>
      <c r="BO5" s="482"/>
      <c r="BP5" s="357" t="s">
        <v>43</v>
      </c>
      <c r="BQ5" s="295" t="s">
        <v>44</v>
      </c>
      <c r="BR5" s="301" t="s">
        <v>45</v>
      </c>
      <c r="BS5" s="302" t="s">
        <v>83</v>
      </c>
      <c r="BT5" s="295" t="s">
        <v>47</v>
      </c>
      <c r="BU5" s="295" t="s">
        <v>48</v>
      </c>
      <c r="BV5" s="295" t="s">
        <v>49</v>
      </c>
      <c r="BW5" s="295" t="s">
        <v>50</v>
      </c>
      <c r="BX5" s="295" t="s">
        <v>51</v>
      </c>
      <c r="BY5" s="301" t="s">
        <v>45</v>
      </c>
      <c r="BZ5" s="482"/>
      <c r="CA5" s="357" t="s">
        <v>43</v>
      </c>
      <c r="CB5" s="295" t="s">
        <v>44</v>
      </c>
      <c r="CC5" s="301" t="s">
        <v>45</v>
      </c>
      <c r="CD5" s="302" t="s">
        <v>83</v>
      </c>
      <c r="CE5" s="295" t="s">
        <v>47</v>
      </c>
      <c r="CF5" s="295" t="s">
        <v>48</v>
      </c>
      <c r="CG5" s="295" t="s">
        <v>49</v>
      </c>
      <c r="CH5" s="295" t="s">
        <v>50</v>
      </c>
      <c r="CI5" s="295" t="s">
        <v>51</v>
      </c>
      <c r="CJ5" s="301" t="s">
        <v>45</v>
      </c>
      <c r="CK5" s="482"/>
      <c r="CL5" s="357" t="s">
        <v>43</v>
      </c>
      <c r="CM5" s="295" t="s">
        <v>44</v>
      </c>
      <c r="CN5" s="301" t="s">
        <v>45</v>
      </c>
      <c r="CO5" s="302" t="s">
        <v>83</v>
      </c>
      <c r="CP5" s="295" t="s">
        <v>47</v>
      </c>
      <c r="CQ5" s="295" t="s">
        <v>48</v>
      </c>
      <c r="CR5" s="295" t="s">
        <v>49</v>
      </c>
      <c r="CS5" s="295" t="s">
        <v>50</v>
      </c>
      <c r="CT5" s="295" t="s">
        <v>51</v>
      </c>
      <c r="CU5" s="301" t="s">
        <v>45</v>
      </c>
      <c r="CV5" s="482"/>
      <c r="CW5" s="406" t="s">
        <v>43</v>
      </c>
      <c r="CX5" s="295" t="s">
        <v>44</v>
      </c>
      <c r="CY5" s="301" t="s">
        <v>45</v>
      </c>
      <c r="CZ5" s="302" t="s">
        <v>83</v>
      </c>
      <c r="DA5" s="295" t="s">
        <v>47</v>
      </c>
      <c r="DB5" s="295" t="s">
        <v>48</v>
      </c>
      <c r="DC5" s="295" t="s">
        <v>49</v>
      </c>
      <c r="DD5" s="295" t="s">
        <v>50</v>
      </c>
      <c r="DE5" s="295" t="s">
        <v>51</v>
      </c>
      <c r="DF5" s="301" t="s">
        <v>45</v>
      </c>
      <c r="DG5" s="482"/>
    </row>
    <row r="6" spans="1:111" ht="18.75" customHeight="1" x14ac:dyDescent="0.2">
      <c r="A6" s="296" t="s">
        <v>4</v>
      </c>
      <c r="B6" s="304">
        <v>0</v>
      </c>
      <c r="C6" s="307">
        <v>0</v>
      </c>
      <c r="D6" s="440">
        <v>0</v>
      </c>
      <c r="E6" s="306">
        <v>0</v>
      </c>
      <c r="F6" s="307">
        <v>14179</v>
      </c>
      <c r="G6" s="307">
        <v>21178</v>
      </c>
      <c r="H6" s="307">
        <v>21599</v>
      </c>
      <c r="I6" s="307">
        <v>23426</v>
      </c>
      <c r="J6" s="307">
        <v>19722</v>
      </c>
      <c r="K6" s="308">
        <v>100104</v>
      </c>
      <c r="L6" s="309">
        <v>100104</v>
      </c>
      <c r="M6" s="304">
        <v>0</v>
      </c>
      <c r="N6" s="307">
        <v>10</v>
      </c>
      <c r="O6" s="305">
        <v>10</v>
      </c>
      <c r="P6" s="306">
        <v>0</v>
      </c>
      <c r="Q6" s="307">
        <v>46</v>
      </c>
      <c r="R6" s="307">
        <v>137</v>
      </c>
      <c r="S6" s="307">
        <v>279</v>
      </c>
      <c r="T6" s="307">
        <v>653</v>
      </c>
      <c r="U6" s="307">
        <v>1132</v>
      </c>
      <c r="V6" s="305">
        <v>2247</v>
      </c>
      <c r="W6" s="309">
        <v>2257</v>
      </c>
      <c r="X6" s="304">
        <v>1111</v>
      </c>
      <c r="Y6" s="307">
        <v>3079</v>
      </c>
      <c r="Z6" s="305">
        <v>4190</v>
      </c>
      <c r="AA6" s="306">
        <v>0</v>
      </c>
      <c r="AB6" s="307">
        <v>8309</v>
      </c>
      <c r="AC6" s="307">
        <v>12250</v>
      </c>
      <c r="AD6" s="307">
        <v>7198</v>
      </c>
      <c r="AE6" s="307">
        <v>6587</v>
      </c>
      <c r="AF6" s="307">
        <v>4598</v>
      </c>
      <c r="AG6" s="305">
        <v>38942</v>
      </c>
      <c r="AH6" s="309">
        <v>43132</v>
      </c>
      <c r="AI6" s="304">
        <v>235</v>
      </c>
      <c r="AJ6" s="307">
        <v>616</v>
      </c>
      <c r="AK6" s="305">
        <v>851</v>
      </c>
      <c r="AL6" s="306">
        <v>0</v>
      </c>
      <c r="AM6" s="307">
        <v>866</v>
      </c>
      <c r="AN6" s="307">
        <v>1564</v>
      </c>
      <c r="AO6" s="307">
        <v>1023</v>
      </c>
      <c r="AP6" s="307">
        <v>1026</v>
      </c>
      <c r="AQ6" s="307">
        <v>287</v>
      </c>
      <c r="AR6" s="305">
        <v>4766</v>
      </c>
      <c r="AS6" s="309">
        <v>5617</v>
      </c>
      <c r="AT6" s="304">
        <v>0</v>
      </c>
      <c r="AU6" s="307">
        <v>0</v>
      </c>
      <c r="AV6" s="305">
        <v>0</v>
      </c>
      <c r="AW6" s="306">
        <v>0</v>
      </c>
      <c r="AX6" s="307">
        <v>13327</v>
      </c>
      <c r="AY6" s="307">
        <v>13064</v>
      </c>
      <c r="AZ6" s="307">
        <v>7880</v>
      </c>
      <c r="BA6" s="307">
        <v>3851</v>
      </c>
      <c r="BB6" s="307">
        <v>1521</v>
      </c>
      <c r="BC6" s="308">
        <v>39643</v>
      </c>
      <c r="BD6" s="309">
        <v>39643</v>
      </c>
      <c r="BE6" s="304">
        <v>0</v>
      </c>
      <c r="BF6" s="307">
        <v>0</v>
      </c>
      <c r="BG6" s="305">
        <v>0</v>
      </c>
      <c r="BH6" s="306">
        <v>0</v>
      </c>
      <c r="BI6" s="307">
        <v>2821</v>
      </c>
      <c r="BJ6" s="307">
        <v>4026</v>
      </c>
      <c r="BK6" s="307">
        <v>2464</v>
      </c>
      <c r="BL6" s="307">
        <v>1479</v>
      </c>
      <c r="BM6" s="307">
        <v>339</v>
      </c>
      <c r="BN6" s="305">
        <v>11129</v>
      </c>
      <c r="BO6" s="309">
        <v>11129</v>
      </c>
      <c r="BP6" s="304">
        <v>38</v>
      </c>
      <c r="BQ6" s="307">
        <v>98</v>
      </c>
      <c r="BR6" s="305">
        <v>136</v>
      </c>
      <c r="BS6" s="306">
        <v>0</v>
      </c>
      <c r="BT6" s="307">
        <v>1378</v>
      </c>
      <c r="BU6" s="307">
        <v>1868</v>
      </c>
      <c r="BV6" s="307">
        <v>3598</v>
      </c>
      <c r="BW6" s="307">
        <v>2999</v>
      </c>
      <c r="BX6" s="307">
        <v>1116</v>
      </c>
      <c r="BY6" s="305">
        <v>10959</v>
      </c>
      <c r="BZ6" s="309">
        <v>11095</v>
      </c>
      <c r="CA6" s="304">
        <v>19</v>
      </c>
      <c r="CB6" s="307">
        <v>7</v>
      </c>
      <c r="CC6" s="305">
        <v>26</v>
      </c>
      <c r="CD6" s="306">
        <v>0</v>
      </c>
      <c r="CE6" s="307">
        <v>131</v>
      </c>
      <c r="CF6" s="307">
        <v>325</v>
      </c>
      <c r="CG6" s="307">
        <v>522</v>
      </c>
      <c r="CH6" s="307">
        <v>404</v>
      </c>
      <c r="CI6" s="307">
        <v>93</v>
      </c>
      <c r="CJ6" s="305">
        <v>1475</v>
      </c>
      <c r="CK6" s="309">
        <v>1501</v>
      </c>
      <c r="CL6" s="304">
        <v>0</v>
      </c>
      <c r="CM6" s="307">
        <v>0</v>
      </c>
      <c r="CN6" s="305">
        <v>0</v>
      </c>
      <c r="CO6" s="306">
        <v>0</v>
      </c>
      <c r="CP6" s="307">
        <v>0</v>
      </c>
      <c r="CQ6" s="307">
        <v>0</v>
      </c>
      <c r="CR6" s="307">
        <v>0</v>
      </c>
      <c r="CS6" s="307">
        <v>0</v>
      </c>
      <c r="CT6" s="307">
        <v>0</v>
      </c>
      <c r="CU6" s="305">
        <v>0</v>
      </c>
      <c r="CV6" s="309">
        <v>0</v>
      </c>
      <c r="CW6" s="304">
        <v>0</v>
      </c>
      <c r="CX6" s="307">
        <v>0</v>
      </c>
      <c r="CY6" s="305">
        <v>0</v>
      </c>
      <c r="CZ6" s="306">
        <v>0</v>
      </c>
      <c r="DA6" s="307">
        <v>0</v>
      </c>
      <c r="DB6" s="307">
        <v>0</v>
      </c>
      <c r="DC6" s="307">
        <v>0</v>
      </c>
      <c r="DD6" s="307">
        <v>0</v>
      </c>
      <c r="DE6" s="307">
        <v>0</v>
      </c>
      <c r="DF6" s="305">
        <v>0</v>
      </c>
      <c r="DG6" s="309">
        <v>0</v>
      </c>
    </row>
    <row r="7" spans="1:111" ht="18.75" customHeight="1" x14ac:dyDescent="0.2">
      <c r="A7" s="297" t="s">
        <v>5</v>
      </c>
      <c r="B7" s="310">
        <v>0</v>
      </c>
      <c r="C7" s="313">
        <v>0</v>
      </c>
      <c r="D7" s="441">
        <v>0</v>
      </c>
      <c r="E7" s="312">
        <v>0</v>
      </c>
      <c r="F7" s="313">
        <v>5168</v>
      </c>
      <c r="G7" s="313">
        <v>9269</v>
      </c>
      <c r="H7" s="313">
        <v>8679</v>
      </c>
      <c r="I7" s="313">
        <v>8865</v>
      </c>
      <c r="J7" s="313">
        <v>7654</v>
      </c>
      <c r="K7" s="314">
        <v>39635</v>
      </c>
      <c r="L7" s="315">
        <v>39635</v>
      </c>
      <c r="M7" s="310">
        <v>0</v>
      </c>
      <c r="N7" s="313">
        <v>5</v>
      </c>
      <c r="O7" s="311">
        <v>5</v>
      </c>
      <c r="P7" s="312">
        <v>0</v>
      </c>
      <c r="Q7" s="313">
        <v>16</v>
      </c>
      <c r="R7" s="313">
        <v>65</v>
      </c>
      <c r="S7" s="313">
        <v>116</v>
      </c>
      <c r="T7" s="313">
        <v>292</v>
      </c>
      <c r="U7" s="313">
        <v>523</v>
      </c>
      <c r="V7" s="311">
        <v>1012</v>
      </c>
      <c r="W7" s="315">
        <v>1017</v>
      </c>
      <c r="X7" s="310">
        <v>611</v>
      </c>
      <c r="Y7" s="313">
        <v>1747</v>
      </c>
      <c r="Z7" s="311">
        <v>2358</v>
      </c>
      <c r="AA7" s="312">
        <v>0</v>
      </c>
      <c r="AB7" s="313">
        <v>3367</v>
      </c>
      <c r="AC7" s="313">
        <v>6837</v>
      </c>
      <c r="AD7" s="313">
        <v>3866</v>
      </c>
      <c r="AE7" s="313">
        <v>3090</v>
      </c>
      <c r="AF7" s="313">
        <v>2150</v>
      </c>
      <c r="AG7" s="311">
        <v>19310</v>
      </c>
      <c r="AH7" s="315">
        <v>21668</v>
      </c>
      <c r="AI7" s="310">
        <v>107</v>
      </c>
      <c r="AJ7" s="313">
        <v>356</v>
      </c>
      <c r="AK7" s="311">
        <v>463</v>
      </c>
      <c r="AL7" s="312">
        <v>0</v>
      </c>
      <c r="AM7" s="313">
        <v>207</v>
      </c>
      <c r="AN7" s="313">
        <v>738</v>
      </c>
      <c r="AO7" s="313">
        <v>475</v>
      </c>
      <c r="AP7" s="313">
        <v>393</v>
      </c>
      <c r="AQ7" s="313">
        <v>188</v>
      </c>
      <c r="AR7" s="311">
        <v>2001</v>
      </c>
      <c r="AS7" s="315">
        <v>2464</v>
      </c>
      <c r="AT7" s="310">
        <v>0</v>
      </c>
      <c r="AU7" s="313">
        <v>0</v>
      </c>
      <c r="AV7" s="311">
        <v>0</v>
      </c>
      <c r="AW7" s="312">
        <v>0</v>
      </c>
      <c r="AX7" s="313">
        <v>4604</v>
      </c>
      <c r="AY7" s="313">
        <v>5555</v>
      </c>
      <c r="AZ7" s="313">
        <v>3201</v>
      </c>
      <c r="BA7" s="313">
        <v>1374</v>
      </c>
      <c r="BB7" s="313">
        <v>482</v>
      </c>
      <c r="BC7" s="314">
        <v>15216</v>
      </c>
      <c r="BD7" s="315">
        <v>15216</v>
      </c>
      <c r="BE7" s="310">
        <v>0</v>
      </c>
      <c r="BF7" s="313">
        <v>0</v>
      </c>
      <c r="BG7" s="311">
        <v>0</v>
      </c>
      <c r="BH7" s="312">
        <v>0</v>
      </c>
      <c r="BI7" s="313">
        <v>1038</v>
      </c>
      <c r="BJ7" s="313">
        <v>1827</v>
      </c>
      <c r="BK7" s="313">
        <v>1173</v>
      </c>
      <c r="BL7" s="313">
        <v>646</v>
      </c>
      <c r="BM7" s="313">
        <v>131</v>
      </c>
      <c r="BN7" s="311">
        <v>4815</v>
      </c>
      <c r="BO7" s="315">
        <v>4815</v>
      </c>
      <c r="BP7" s="310">
        <v>15</v>
      </c>
      <c r="BQ7" s="313">
        <v>41</v>
      </c>
      <c r="BR7" s="311">
        <v>56</v>
      </c>
      <c r="BS7" s="312">
        <v>0</v>
      </c>
      <c r="BT7" s="313">
        <v>454</v>
      </c>
      <c r="BU7" s="313">
        <v>763</v>
      </c>
      <c r="BV7" s="313">
        <v>1602</v>
      </c>
      <c r="BW7" s="313">
        <v>1189</v>
      </c>
      <c r="BX7" s="313">
        <v>281</v>
      </c>
      <c r="BY7" s="311">
        <v>4289</v>
      </c>
      <c r="BZ7" s="315">
        <v>4345</v>
      </c>
      <c r="CA7" s="310">
        <v>19</v>
      </c>
      <c r="CB7" s="313">
        <v>3</v>
      </c>
      <c r="CC7" s="311">
        <v>22</v>
      </c>
      <c r="CD7" s="312">
        <v>0</v>
      </c>
      <c r="CE7" s="313">
        <v>70</v>
      </c>
      <c r="CF7" s="313">
        <v>166</v>
      </c>
      <c r="CG7" s="313">
        <v>308</v>
      </c>
      <c r="CH7" s="313">
        <v>122</v>
      </c>
      <c r="CI7" s="313">
        <v>83</v>
      </c>
      <c r="CJ7" s="311">
        <v>749</v>
      </c>
      <c r="CK7" s="315">
        <v>771</v>
      </c>
      <c r="CL7" s="310">
        <v>0</v>
      </c>
      <c r="CM7" s="313">
        <v>0</v>
      </c>
      <c r="CN7" s="311">
        <v>0</v>
      </c>
      <c r="CO7" s="312">
        <v>0</v>
      </c>
      <c r="CP7" s="313">
        <v>0</v>
      </c>
      <c r="CQ7" s="313">
        <v>0</v>
      </c>
      <c r="CR7" s="313">
        <v>0</v>
      </c>
      <c r="CS7" s="313">
        <v>0</v>
      </c>
      <c r="CT7" s="313">
        <v>0</v>
      </c>
      <c r="CU7" s="311">
        <v>0</v>
      </c>
      <c r="CV7" s="315">
        <v>0</v>
      </c>
      <c r="CW7" s="310">
        <v>0</v>
      </c>
      <c r="CX7" s="313">
        <v>0</v>
      </c>
      <c r="CY7" s="311">
        <v>0</v>
      </c>
      <c r="CZ7" s="312">
        <v>0</v>
      </c>
      <c r="DA7" s="313">
        <v>0</v>
      </c>
      <c r="DB7" s="313">
        <v>0</v>
      </c>
      <c r="DC7" s="313">
        <v>0</v>
      </c>
      <c r="DD7" s="313">
        <v>0</v>
      </c>
      <c r="DE7" s="313">
        <v>0</v>
      </c>
      <c r="DF7" s="311">
        <v>0</v>
      </c>
      <c r="DG7" s="315">
        <v>0</v>
      </c>
    </row>
    <row r="8" spans="1:111" ht="18.75" customHeight="1" x14ac:dyDescent="0.2">
      <c r="A8" s="297" t="s">
        <v>6</v>
      </c>
      <c r="B8" s="310">
        <v>0</v>
      </c>
      <c r="C8" s="313">
        <v>0</v>
      </c>
      <c r="D8" s="441">
        <v>0</v>
      </c>
      <c r="E8" s="312">
        <v>0</v>
      </c>
      <c r="F8" s="313">
        <v>1908</v>
      </c>
      <c r="G8" s="313">
        <v>2388</v>
      </c>
      <c r="H8" s="313">
        <v>2577</v>
      </c>
      <c r="I8" s="313">
        <v>3587</v>
      </c>
      <c r="J8" s="313">
        <v>3195</v>
      </c>
      <c r="K8" s="314">
        <v>13655</v>
      </c>
      <c r="L8" s="315">
        <v>13655</v>
      </c>
      <c r="M8" s="310">
        <v>0</v>
      </c>
      <c r="N8" s="313">
        <v>0</v>
      </c>
      <c r="O8" s="311">
        <v>0</v>
      </c>
      <c r="P8" s="312">
        <v>0</v>
      </c>
      <c r="Q8" s="313">
        <v>5</v>
      </c>
      <c r="R8" s="313">
        <v>23</v>
      </c>
      <c r="S8" s="313">
        <v>27</v>
      </c>
      <c r="T8" s="313">
        <v>53</v>
      </c>
      <c r="U8" s="313">
        <v>148</v>
      </c>
      <c r="V8" s="311">
        <v>256</v>
      </c>
      <c r="W8" s="315">
        <v>256</v>
      </c>
      <c r="X8" s="310">
        <v>163</v>
      </c>
      <c r="Y8" s="313">
        <v>383</v>
      </c>
      <c r="Z8" s="311">
        <v>546</v>
      </c>
      <c r="AA8" s="312">
        <v>0</v>
      </c>
      <c r="AB8" s="313">
        <v>1425</v>
      </c>
      <c r="AC8" s="313">
        <v>1477</v>
      </c>
      <c r="AD8" s="313">
        <v>744</v>
      </c>
      <c r="AE8" s="313">
        <v>982</v>
      </c>
      <c r="AF8" s="313">
        <v>741</v>
      </c>
      <c r="AG8" s="311">
        <v>5369</v>
      </c>
      <c r="AH8" s="315">
        <v>5915</v>
      </c>
      <c r="AI8" s="310">
        <v>14</v>
      </c>
      <c r="AJ8" s="313">
        <v>0</v>
      </c>
      <c r="AK8" s="311">
        <v>14</v>
      </c>
      <c r="AL8" s="312">
        <v>0</v>
      </c>
      <c r="AM8" s="313">
        <v>128</v>
      </c>
      <c r="AN8" s="313">
        <v>159</v>
      </c>
      <c r="AO8" s="313">
        <v>88</v>
      </c>
      <c r="AP8" s="313">
        <v>168</v>
      </c>
      <c r="AQ8" s="313">
        <v>83</v>
      </c>
      <c r="AR8" s="311">
        <v>626</v>
      </c>
      <c r="AS8" s="315">
        <v>640</v>
      </c>
      <c r="AT8" s="310">
        <v>0</v>
      </c>
      <c r="AU8" s="313">
        <v>0</v>
      </c>
      <c r="AV8" s="311">
        <v>0</v>
      </c>
      <c r="AW8" s="312">
        <v>0</v>
      </c>
      <c r="AX8" s="313">
        <v>1924</v>
      </c>
      <c r="AY8" s="313">
        <v>1481</v>
      </c>
      <c r="AZ8" s="313">
        <v>990</v>
      </c>
      <c r="BA8" s="313">
        <v>479</v>
      </c>
      <c r="BB8" s="313">
        <v>198</v>
      </c>
      <c r="BC8" s="314">
        <v>5072</v>
      </c>
      <c r="BD8" s="315">
        <v>5072</v>
      </c>
      <c r="BE8" s="310">
        <v>0</v>
      </c>
      <c r="BF8" s="313">
        <v>0</v>
      </c>
      <c r="BG8" s="311">
        <v>0</v>
      </c>
      <c r="BH8" s="312">
        <v>0</v>
      </c>
      <c r="BI8" s="313">
        <v>343</v>
      </c>
      <c r="BJ8" s="313">
        <v>508</v>
      </c>
      <c r="BK8" s="313">
        <v>252</v>
      </c>
      <c r="BL8" s="313">
        <v>154</v>
      </c>
      <c r="BM8" s="313">
        <v>70</v>
      </c>
      <c r="BN8" s="311">
        <v>1327</v>
      </c>
      <c r="BO8" s="315">
        <v>1327</v>
      </c>
      <c r="BP8" s="310">
        <v>3</v>
      </c>
      <c r="BQ8" s="313">
        <v>0</v>
      </c>
      <c r="BR8" s="311">
        <v>3</v>
      </c>
      <c r="BS8" s="312">
        <v>0</v>
      </c>
      <c r="BT8" s="313">
        <v>218</v>
      </c>
      <c r="BU8" s="313">
        <v>188</v>
      </c>
      <c r="BV8" s="313">
        <v>271</v>
      </c>
      <c r="BW8" s="313">
        <v>230</v>
      </c>
      <c r="BX8" s="313">
        <v>171</v>
      </c>
      <c r="BY8" s="311">
        <v>1078</v>
      </c>
      <c r="BZ8" s="315">
        <v>1081</v>
      </c>
      <c r="CA8" s="310">
        <v>0</v>
      </c>
      <c r="CB8" s="313">
        <v>0</v>
      </c>
      <c r="CC8" s="311">
        <v>0</v>
      </c>
      <c r="CD8" s="312">
        <v>0</v>
      </c>
      <c r="CE8" s="313">
        <v>15</v>
      </c>
      <c r="CF8" s="313">
        <v>54</v>
      </c>
      <c r="CG8" s="313">
        <v>60</v>
      </c>
      <c r="CH8" s="313">
        <v>78</v>
      </c>
      <c r="CI8" s="313">
        <v>0</v>
      </c>
      <c r="CJ8" s="311">
        <v>207</v>
      </c>
      <c r="CK8" s="315">
        <v>207</v>
      </c>
      <c r="CL8" s="310">
        <v>0</v>
      </c>
      <c r="CM8" s="313">
        <v>0</v>
      </c>
      <c r="CN8" s="311">
        <v>0</v>
      </c>
      <c r="CO8" s="312">
        <v>0</v>
      </c>
      <c r="CP8" s="313">
        <v>0</v>
      </c>
      <c r="CQ8" s="313">
        <v>0</v>
      </c>
      <c r="CR8" s="313">
        <v>0</v>
      </c>
      <c r="CS8" s="313">
        <v>0</v>
      </c>
      <c r="CT8" s="313">
        <v>0</v>
      </c>
      <c r="CU8" s="311">
        <v>0</v>
      </c>
      <c r="CV8" s="315">
        <v>0</v>
      </c>
      <c r="CW8" s="310">
        <v>0</v>
      </c>
      <c r="CX8" s="313">
        <v>0</v>
      </c>
      <c r="CY8" s="311">
        <v>0</v>
      </c>
      <c r="CZ8" s="312">
        <v>0</v>
      </c>
      <c r="DA8" s="313">
        <v>0</v>
      </c>
      <c r="DB8" s="313">
        <v>0</v>
      </c>
      <c r="DC8" s="313">
        <v>0</v>
      </c>
      <c r="DD8" s="313">
        <v>0</v>
      </c>
      <c r="DE8" s="313">
        <v>0</v>
      </c>
      <c r="DF8" s="311">
        <v>0</v>
      </c>
      <c r="DG8" s="315">
        <v>0</v>
      </c>
    </row>
    <row r="9" spans="1:111" ht="18.75" customHeight="1" x14ac:dyDescent="0.2">
      <c r="A9" s="297" t="s">
        <v>14</v>
      </c>
      <c r="B9" s="310">
        <v>0</v>
      </c>
      <c r="C9" s="313">
        <v>0</v>
      </c>
      <c r="D9" s="441">
        <v>0</v>
      </c>
      <c r="E9" s="312">
        <v>0</v>
      </c>
      <c r="F9" s="313">
        <v>979</v>
      </c>
      <c r="G9" s="313">
        <v>1399</v>
      </c>
      <c r="H9" s="313">
        <v>1342</v>
      </c>
      <c r="I9" s="313">
        <v>996</v>
      </c>
      <c r="J9" s="313">
        <v>832</v>
      </c>
      <c r="K9" s="314">
        <v>5548</v>
      </c>
      <c r="L9" s="315">
        <v>5548</v>
      </c>
      <c r="M9" s="310">
        <v>0</v>
      </c>
      <c r="N9" s="313">
        <v>2</v>
      </c>
      <c r="O9" s="311">
        <v>2</v>
      </c>
      <c r="P9" s="312">
        <v>0</v>
      </c>
      <c r="Q9" s="313">
        <v>0</v>
      </c>
      <c r="R9" s="313">
        <v>4</v>
      </c>
      <c r="S9" s="313">
        <v>15</v>
      </c>
      <c r="T9" s="313">
        <v>26</v>
      </c>
      <c r="U9" s="313">
        <v>39</v>
      </c>
      <c r="V9" s="311">
        <v>84</v>
      </c>
      <c r="W9" s="315">
        <v>86</v>
      </c>
      <c r="X9" s="310">
        <v>16</v>
      </c>
      <c r="Y9" s="313">
        <v>232</v>
      </c>
      <c r="Z9" s="311">
        <v>248</v>
      </c>
      <c r="AA9" s="312">
        <v>0</v>
      </c>
      <c r="AB9" s="313">
        <v>459</v>
      </c>
      <c r="AC9" s="313">
        <v>742</v>
      </c>
      <c r="AD9" s="313">
        <v>658</v>
      </c>
      <c r="AE9" s="313">
        <v>531</v>
      </c>
      <c r="AF9" s="313">
        <v>208</v>
      </c>
      <c r="AG9" s="311">
        <v>2598</v>
      </c>
      <c r="AH9" s="315">
        <v>2846</v>
      </c>
      <c r="AI9" s="310">
        <v>10</v>
      </c>
      <c r="AJ9" s="313">
        <v>41</v>
      </c>
      <c r="AK9" s="311">
        <v>51</v>
      </c>
      <c r="AL9" s="312">
        <v>0</v>
      </c>
      <c r="AM9" s="313">
        <v>18</v>
      </c>
      <c r="AN9" s="313">
        <v>10</v>
      </c>
      <c r="AO9" s="313">
        <v>23</v>
      </c>
      <c r="AP9" s="313">
        <v>28</v>
      </c>
      <c r="AQ9" s="313">
        <v>30</v>
      </c>
      <c r="AR9" s="311">
        <v>109</v>
      </c>
      <c r="AS9" s="315">
        <v>160</v>
      </c>
      <c r="AT9" s="310">
        <v>0</v>
      </c>
      <c r="AU9" s="313">
        <v>0</v>
      </c>
      <c r="AV9" s="311">
        <v>0</v>
      </c>
      <c r="AW9" s="312">
        <v>0</v>
      </c>
      <c r="AX9" s="313">
        <v>1034</v>
      </c>
      <c r="AY9" s="313">
        <v>951</v>
      </c>
      <c r="AZ9" s="313">
        <v>639</v>
      </c>
      <c r="BA9" s="313">
        <v>514</v>
      </c>
      <c r="BB9" s="313">
        <v>118</v>
      </c>
      <c r="BC9" s="314">
        <v>3256</v>
      </c>
      <c r="BD9" s="315">
        <v>3256</v>
      </c>
      <c r="BE9" s="310">
        <v>0</v>
      </c>
      <c r="BF9" s="313">
        <v>0</v>
      </c>
      <c r="BG9" s="311">
        <v>0</v>
      </c>
      <c r="BH9" s="312">
        <v>0</v>
      </c>
      <c r="BI9" s="313">
        <v>40</v>
      </c>
      <c r="BJ9" s="313">
        <v>225</v>
      </c>
      <c r="BK9" s="313">
        <v>149</v>
      </c>
      <c r="BL9" s="313">
        <v>73</v>
      </c>
      <c r="BM9" s="313">
        <v>19</v>
      </c>
      <c r="BN9" s="311">
        <v>506</v>
      </c>
      <c r="BO9" s="315">
        <v>506</v>
      </c>
      <c r="BP9" s="310">
        <v>9</v>
      </c>
      <c r="BQ9" s="313">
        <v>4</v>
      </c>
      <c r="BR9" s="311">
        <v>13</v>
      </c>
      <c r="BS9" s="312">
        <v>0</v>
      </c>
      <c r="BT9" s="313">
        <v>143</v>
      </c>
      <c r="BU9" s="313">
        <v>77</v>
      </c>
      <c r="BV9" s="313">
        <v>271</v>
      </c>
      <c r="BW9" s="313">
        <v>284</v>
      </c>
      <c r="BX9" s="313">
        <v>145</v>
      </c>
      <c r="BY9" s="311">
        <v>920</v>
      </c>
      <c r="BZ9" s="315">
        <v>933</v>
      </c>
      <c r="CA9" s="310">
        <v>0</v>
      </c>
      <c r="CB9" s="313">
        <v>0</v>
      </c>
      <c r="CC9" s="311">
        <v>0</v>
      </c>
      <c r="CD9" s="312">
        <v>0</v>
      </c>
      <c r="CE9" s="313">
        <v>14</v>
      </c>
      <c r="CF9" s="313">
        <v>5</v>
      </c>
      <c r="CG9" s="313">
        <v>7</v>
      </c>
      <c r="CH9" s="313">
        <v>18</v>
      </c>
      <c r="CI9" s="313">
        <v>0</v>
      </c>
      <c r="CJ9" s="311">
        <v>44</v>
      </c>
      <c r="CK9" s="315">
        <v>44</v>
      </c>
      <c r="CL9" s="310">
        <v>0</v>
      </c>
      <c r="CM9" s="313">
        <v>0</v>
      </c>
      <c r="CN9" s="311">
        <v>0</v>
      </c>
      <c r="CO9" s="312">
        <v>0</v>
      </c>
      <c r="CP9" s="313">
        <v>0</v>
      </c>
      <c r="CQ9" s="313">
        <v>0</v>
      </c>
      <c r="CR9" s="313">
        <v>0</v>
      </c>
      <c r="CS9" s="313">
        <v>0</v>
      </c>
      <c r="CT9" s="313">
        <v>0</v>
      </c>
      <c r="CU9" s="311">
        <v>0</v>
      </c>
      <c r="CV9" s="315">
        <v>0</v>
      </c>
      <c r="CW9" s="310">
        <v>0</v>
      </c>
      <c r="CX9" s="313">
        <v>0</v>
      </c>
      <c r="CY9" s="311">
        <v>0</v>
      </c>
      <c r="CZ9" s="312">
        <v>0</v>
      </c>
      <c r="DA9" s="313">
        <v>0</v>
      </c>
      <c r="DB9" s="313">
        <v>0</v>
      </c>
      <c r="DC9" s="313">
        <v>0</v>
      </c>
      <c r="DD9" s="313">
        <v>0</v>
      </c>
      <c r="DE9" s="313">
        <v>0</v>
      </c>
      <c r="DF9" s="311">
        <v>0</v>
      </c>
      <c r="DG9" s="315">
        <v>0</v>
      </c>
    </row>
    <row r="10" spans="1:111" ht="18.75" customHeight="1" x14ac:dyDescent="0.2">
      <c r="A10" s="297" t="s">
        <v>7</v>
      </c>
      <c r="B10" s="310">
        <v>0</v>
      </c>
      <c r="C10" s="313">
        <v>0</v>
      </c>
      <c r="D10" s="441">
        <v>0</v>
      </c>
      <c r="E10" s="312">
        <v>0</v>
      </c>
      <c r="F10" s="313">
        <v>1432</v>
      </c>
      <c r="G10" s="313">
        <v>1512</v>
      </c>
      <c r="H10" s="313">
        <v>1898</v>
      </c>
      <c r="I10" s="313">
        <v>1514</v>
      </c>
      <c r="J10" s="313">
        <v>925</v>
      </c>
      <c r="K10" s="314">
        <v>7281</v>
      </c>
      <c r="L10" s="315">
        <v>7281</v>
      </c>
      <c r="M10" s="310">
        <v>0</v>
      </c>
      <c r="N10" s="313">
        <v>0</v>
      </c>
      <c r="O10" s="311">
        <v>0</v>
      </c>
      <c r="P10" s="312">
        <v>0</v>
      </c>
      <c r="Q10" s="313">
        <v>18</v>
      </c>
      <c r="R10" s="313">
        <v>19</v>
      </c>
      <c r="S10" s="313">
        <v>35</v>
      </c>
      <c r="T10" s="313">
        <v>37</v>
      </c>
      <c r="U10" s="313">
        <v>70</v>
      </c>
      <c r="V10" s="311">
        <v>179</v>
      </c>
      <c r="W10" s="315">
        <v>179</v>
      </c>
      <c r="X10" s="310">
        <v>5</v>
      </c>
      <c r="Y10" s="313">
        <v>28</v>
      </c>
      <c r="Z10" s="311">
        <v>33</v>
      </c>
      <c r="AA10" s="312">
        <v>0</v>
      </c>
      <c r="AB10" s="313">
        <v>362</v>
      </c>
      <c r="AC10" s="313">
        <v>400</v>
      </c>
      <c r="AD10" s="313">
        <v>345</v>
      </c>
      <c r="AE10" s="313">
        <v>206</v>
      </c>
      <c r="AF10" s="313">
        <v>149</v>
      </c>
      <c r="AG10" s="311">
        <v>1462</v>
      </c>
      <c r="AH10" s="315">
        <v>1495</v>
      </c>
      <c r="AI10" s="310">
        <v>0</v>
      </c>
      <c r="AJ10" s="313">
        <v>12</v>
      </c>
      <c r="AK10" s="311">
        <v>12</v>
      </c>
      <c r="AL10" s="312">
        <v>0</v>
      </c>
      <c r="AM10" s="313">
        <v>18</v>
      </c>
      <c r="AN10" s="313">
        <v>42</v>
      </c>
      <c r="AO10" s="313">
        <v>46</v>
      </c>
      <c r="AP10" s="313">
        <v>55</v>
      </c>
      <c r="AQ10" s="313">
        <v>25</v>
      </c>
      <c r="AR10" s="311">
        <v>186</v>
      </c>
      <c r="AS10" s="315">
        <v>198</v>
      </c>
      <c r="AT10" s="310">
        <v>0</v>
      </c>
      <c r="AU10" s="313">
        <v>0</v>
      </c>
      <c r="AV10" s="311">
        <v>0</v>
      </c>
      <c r="AW10" s="312">
        <v>0</v>
      </c>
      <c r="AX10" s="313">
        <v>1137</v>
      </c>
      <c r="AY10" s="313">
        <v>923</v>
      </c>
      <c r="AZ10" s="313">
        <v>447</v>
      </c>
      <c r="BA10" s="313">
        <v>250</v>
      </c>
      <c r="BB10" s="313">
        <v>114</v>
      </c>
      <c r="BC10" s="314">
        <v>2871</v>
      </c>
      <c r="BD10" s="315">
        <v>2871</v>
      </c>
      <c r="BE10" s="310">
        <v>0</v>
      </c>
      <c r="BF10" s="313">
        <v>0</v>
      </c>
      <c r="BG10" s="311">
        <v>0</v>
      </c>
      <c r="BH10" s="312">
        <v>0</v>
      </c>
      <c r="BI10" s="313">
        <v>153</v>
      </c>
      <c r="BJ10" s="313">
        <v>109</v>
      </c>
      <c r="BK10" s="313">
        <v>126</v>
      </c>
      <c r="BL10" s="313">
        <v>43</v>
      </c>
      <c r="BM10" s="313">
        <v>4</v>
      </c>
      <c r="BN10" s="311">
        <v>435</v>
      </c>
      <c r="BO10" s="315">
        <v>435</v>
      </c>
      <c r="BP10" s="310">
        <v>0</v>
      </c>
      <c r="BQ10" s="313">
        <v>0</v>
      </c>
      <c r="BR10" s="311">
        <v>0</v>
      </c>
      <c r="BS10" s="312">
        <v>0</v>
      </c>
      <c r="BT10" s="313">
        <v>151</v>
      </c>
      <c r="BU10" s="313">
        <v>164</v>
      </c>
      <c r="BV10" s="313">
        <v>204</v>
      </c>
      <c r="BW10" s="313">
        <v>107</v>
      </c>
      <c r="BX10" s="313">
        <v>48</v>
      </c>
      <c r="BY10" s="311">
        <v>674</v>
      </c>
      <c r="BZ10" s="315">
        <v>674</v>
      </c>
      <c r="CA10" s="310">
        <v>0</v>
      </c>
      <c r="CB10" s="313">
        <v>0</v>
      </c>
      <c r="CC10" s="311">
        <v>0</v>
      </c>
      <c r="CD10" s="312">
        <v>0</v>
      </c>
      <c r="CE10" s="313">
        <v>0</v>
      </c>
      <c r="CF10" s="313">
        <v>0</v>
      </c>
      <c r="CG10" s="313">
        <v>0</v>
      </c>
      <c r="CH10" s="313">
        <v>16</v>
      </c>
      <c r="CI10" s="313">
        <v>5</v>
      </c>
      <c r="CJ10" s="311">
        <v>21</v>
      </c>
      <c r="CK10" s="315">
        <v>21</v>
      </c>
      <c r="CL10" s="310">
        <v>0</v>
      </c>
      <c r="CM10" s="313">
        <v>0</v>
      </c>
      <c r="CN10" s="311">
        <v>0</v>
      </c>
      <c r="CO10" s="312">
        <v>0</v>
      </c>
      <c r="CP10" s="313">
        <v>0</v>
      </c>
      <c r="CQ10" s="313">
        <v>0</v>
      </c>
      <c r="CR10" s="313">
        <v>0</v>
      </c>
      <c r="CS10" s="313">
        <v>0</v>
      </c>
      <c r="CT10" s="313">
        <v>0</v>
      </c>
      <c r="CU10" s="311">
        <v>0</v>
      </c>
      <c r="CV10" s="315">
        <v>0</v>
      </c>
      <c r="CW10" s="310">
        <v>0</v>
      </c>
      <c r="CX10" s="313">
        <v>0</v>
      </c>
      <c r="CY10" s="311">
        <v>0</v>
      </c>
      <c r="CZ10" s="312">
        <v>0</v>
      </c>
      <c r="DA10" s="313">
        <v>0</v>
      </c>
      <c r="DB10" s="313">
        <v>0</v>
      </c>
      <c r="DC10" s="313">
        <v>0</v>
      </c>
      <c r="DD10" s="313">
        <v>0</v>
      </c>
      <c r="DE10" s="313">
        <v>0</v>
      </c>
      <c r="DF10" s="311">
        <v>0</v>
      </c>
      <c r="DG10" s="315">
        <v>0</v>
      </c>
    </row>
    <row r="11" spans="1:111" ht="18.75" customHeight="1" x14ac:dyDescent="0.2">
      <c r="A11" s="297" t="s">
        <v>8</v>
      </c>
      <c r="B11" s="310">
        <v>0</v>
      </c>
      <c r="C11" s="313">
        <v>0</v>
      </c>
      <c r="D11" s="441">
        <v>0</v>
      </c>
      <c r="E11" s="312">
        <v>0</v>
      </c>
      <c r="F11" s="313">
        <v>395</v>
      </c>
      <c r="G11" s="313">
        <v>731</v>
      </c>
      <c r="H11" s="313">
        <v>742</v>
      </c>
      <c r="I11" s="313">
        <v>208</v>
      </c>
      <c r="J11" s="313">
        <v>705</v>
      </c>
      <c r="K11" s="314">
        <v>2781</v>
      </c>
      <c r="L11" s="315">
        <v>2781</v>
      </c>
      <c r="M11" s="310">
        <v>0</v>
      </c>
      <c r="N11" s="313">
        <v>0</v>
      </c>
      <c r="O11" s="311">
        <v>0</v>
      </c>
      <c r="P11" s="312">
        <v>0</v>
      </c>
      <c r="Q11" s="313">
        <v>0</v>
      </c>
      <c r="R11" s="313">
        <v>6</v>
      </c>
      <c r="S11" s="313">
        <v>5</v>
      </c>
      <c r="T11" s="313">
        <v>15</v>
      </c>
      <c r="U11" s="313">
        <v>34</v>
      </c>
      <c r="V11" s="311">
        <v>60</v>
      </c>
      <c r="W11" s="315">
        <v>60</v>
      </c>
      <c r="X11" s="310">
        <v>11</v>
      </c>
      <c r="Y11" s="313">
        <v>19</v>
      </c>
      <c r="Z11" s="311">
        <v>30</v>
      </c>
      <c r="AA11" s="312">
        <v>0</v>
      </c>
      <c r="AB11" s="313">
        <v>123</v>
      </c>
      <c r="AC11" s="313">
        <v>154</v>
      </c>
      <c r="AD11" s="313">
        <v>104</v>
      </c>
      <c r="AE11" s="313">
        <v>81</v>
      </c>
      <c r="AF11" s="313">
        <v>88</v>
      </c>
      <c r="AG11" s="311">
        <v>550</v>
      </c>
      <c r="AH11" s="315">
        <v>580</v>
      </c>
      <c r="AI11" s="310">
        <v>0</v>
      </c>
      <c r="AJ11" s="313">
        <v>14</v>
      </c>
      <c r="AK11" s="311">
        <v>14</v>
      </c>
      <c r="AL11" s="312">
        <v>0</v>
      </c>
      <c r="AM11" s="313">
        <v>24</v>
      </c>
      <c r="AN11" s="313">
        <v>52</v>
      </c>
      <c r="AO11" s="313">
        <v>92</v>
      </c>
      <c r="AP11" s="313">
        <v>66</v>
      </c>
      <c r="AQ11" s="313">
        <v>8</v>
      </c>
      <c r="AR11" s="311">
        <v>242</v>
      </c>
      <c r="AS11" s="315">
        <v>256</v>
      </c>
      <c r="AT11" s="310">
        <v>0</v>
      </c>
      <c r="AU11" s="313">
        <v>0</v>
      </c>
      <c r="AV11" s="311">
        <v>0</v>
      </c>
      <c r="AW11" s="312">
        <v>0</v>
      </c>
      <c r="AX11" s="313">
        <v>269</v>
      </c>
      <c r="AY11" s="313">
        <v>422</v>
      </c>
      <c r="AZ11" s="313">
        <v>206</v>
      </c>
      <c r="BA11" s="313">
        <v>83</v>
      </c>
      <c r="BB11" s="313">
        <v>82</v>
      </c>
      <c r="BC11" s="314">
        <v>1062</v>
      </c>
      <c r="BD11" s="315">
        <v>1062</v>
      </c>
      <c r="BE11" s="310">
        <v>0</v>
      </c>
      <c r="BF11" s="313">
        <v>0</v>
      </c>
      <c r="BG11" s="311">
        <v>0</v>
      </c>
      <c r="BH11" s="312">
        <v>0</v>
      </c>
      <c r="BI11" s="313">
        <v>32</v>
      </c>
      <c r="BJ11" s="313">
        <v>86</v>
      </c>
      <c r="BK11" s="313">
        <v>56</v>
      </c>
      <c r="BL11" s="313">
        <v>42</v>
      </c>
      <c r="BM11" s="313">
        <v>13</v>
      </c>
      <c r="BN11" s="311">
        <v>229</v>
      </c>
      <c r="BO11" s="315">
        <v>229</v>
      </c>
      <c r="BP11" s="310">
        <v>0</v>
      </c>
      <c r="BQ11" s="313">
        <v>13</v>
      </c>
      <c r="BR11" s="311">
        <v>13</v>
      </c>
      <c r="BS11" s="312">
        <v>0</v>
      </c>
      <c r="BT11" s="313">
        <v>13</v>
      </c>
      <c r="BU11" s="313">
        <v>54</v>
      </c>
      <c r="BV11" s="313">
        <v>72</v>
      </c>
      <c r="BW11" s="313">
        <v>48</v>
      </c>
      <c r="BX11" s="313">
        <v>47</v>
      </c>
      <c r="BY11" s="311">
        <v>234</v>
      </c>
      <c r="BZ11" s="315">
        <v>247</v>
      </c>
      <c r="CA11" s="310">
        <v>0</v>
      </c>
      <c r="CB11" s="313">
        <v>0</v>
      </c>
      <c r="CC11" s="311">
        <v>0</v>
      </c>
      <c r="CD11" s="312">
        <v>0</v>
      </c>
      <c r="CE11" s="313">
        <v>0</v>
      </c>
      <c r="CF11" s="313">
        <v>0</v>
      </c>
      <c r="CG11" s="313">
        <v>23</v>
      </c>
      <c r="CH11" s="313">
        <v>16</v>
      </c>
      <c r="CI11" s="313">
        <v>0</v>
      </c>
      <c r="CJ11" s="311">
        <v>39</v>
      </c>
      <c r="CK11" s="315">
        <v>39</v>
      </c>
      <c r="CL11" s="310">
        <v>0</v>
      </c>
      <c r="CM11" s="313">
        <v>0</v>
      </c>
      <c r="CN11" s="311">
        <v>0</v>
      </c>
      <c r="CO11" s="312">
        <v>0</v>
      </c>
      <c r="CP11" s="313">
        <v>0</v>
      </c>
      <c r="CQ11" s="313">
        <v>0</v>
      </c>
      <c r="CR11" s="313">
        <v>0</v>
      </c>
      <c r="CS11" s="313">
        <v>0</v>
      </c>
      <c r="CT11" s="313">
        <v>0</v>
      </c>
      <c r="CU11" s="311">
        <v>0</v>
      </c>
      <c r="CV11" s="315">
        <v>0</v>
      </c>
      <c r="CW11" s="310">
        <v>0</v>
      </c>
      <c r="CX11" s="313">
        <v>0</v>
      </c>
      <c r="CY11" s="311">
        <v>0</v>
      </c>
      <c r="CZ11" s="312">
        <v>0</v>
      </c>
      <c r="DA11" s="313">
        <v>0</v>
      </c>
      <c r="DB11" s="313">
        <v>0</v>
      </c>
      <c r="DC11" s="313">
        <v>0</v>
      </c>
      <c r="DD11" s="313">
        <v>0</v>
      </c>
      <c r="DE11" s="313">
        <v>0</v>
      </c>
      <c r="DF11" s="311">
        <v>0</v>
      </c>
      <c r="DG11" s="315">
        <v>0</v>
      </c>
    </row>
    <row r="12" spans="1:111" ht="18.75" customHeight="1" x14ac:dyDescent="0.2">
      <c r="A12" s="297" t="s">
        <v>9</v>
      </c>
      <c r="B12" s="310">
        <v>0</v>
      </c>
      <c r="C12" s="313">
        <v>0</v>
      </c>
      <c r="D12" s="441">
        <v>0</v>
      </c>
      <c r="E12" s="312">
        <v>0</v>
      </c>
      <c r="F12" s="313">
        <v>635</v>
      </c>
      <c r="G12" s="313">
        <v>823</v>
      </c>
      <c r="H12" s="313">
        <v>835</v>
      </c>
      <c r="I12" s="313">
        <v>1583</v>
      </c>
      <c r="J12" s="313">
        <v>966</v>
      </c>
      <c r="K12" s="314">
        <v>4842</v>
      </c>
      <c r="L12" s="315">
        <v>4842</v>
      </c>
      <c r="M12" s="310">
        <v>0</v>
      </c>
      <c r="N12" s="313">
        <v>0</v>
      </c>
      <c r="O12" s="311">
        <v>0</v>
      </c>
      <c r="P12" s="312">
        <v>0</v>
      </c>
      <c r="Q12" s="313">
        <v>0</v>
      </c>
      <c r="R12" s="313">
        <v>0</v>
      </c>
      <c r="S12" s="313">
        <v>4</v>
      </c>
      <c r="T12" s="313">
        <v>17</v>
      </c>
      <c r="U12" s="313">
        <v>32</v>
      </c>
      <c r="V12" s="311">
        <v>53</v>
      </c>
      <c r="W12" s="315">
        <v>53</v>
      </c>
      <c r="X12" s="310">
        <v>2</v>
      </c>
      <c r="Y12" s="313">
        <v>50</v>
      </c>
      <c r="Z12" s="311">
        <v>52</v>
      </c>
      <c r="AA12" s="312">
        <v>0</v>
      </c>
      <c r="AB12" s="313">
        <v>336</v>
      </c>
      <c r="AC12" s="313">
        <v>322</v>
      </c>
      <c r="AD12" s="313">
        <v>252</v>
      </c>
      <c r="AE12" s="313">
        <v>225</v>
      </c>
      <c r="AF12" s="313">
        <v>179</v>
      </c>
      <c r="AG12" s="311">
        <v>1314</v>
      </c>
      <c r="AH12" s="315">
        <v>1366</v>
      </c>
      <c r="AI12" s="310">
        <v>8</v>
      </c>
      <c r="AJ12" s="313">
        <v>9</v>
      </c>
      <c r="AK12" s="311">
        <v>17</v>
      </c>
      <c r="AL12" s="312">
        <v>0</v>
      </c>
      <c r="AM12" s="313">
        <v>0</v>
      </c>
      <c r="AN12" s="313">
        <v>75</v>
      </c>
      <c r="AO12" s="313">
        <v>38</v>
      </c>
      <c r="AP12" s="313">
        <v>74</v>
      </c>
      <c r="AQ12" s="313">
        <v>36</v>
      </c>
      <c r="AR12" s="311">
        <v>223</v>
      </c>
      <c r="AS12" s="315">
        <v>240</v>
      </c>
      <c r="AT12" s="310">
        <v>0</v>
      </c>
      <c r="AU12" s="313">
        <v>0</v>
      </c>
      <c r="AV12" s="311">
        <v>0</v>
      </c>
      <c r="AW12" s="312">
        <v>0</v>
      </c>
      <c r="AX12" s="313">
        <v>401</v>
      </c>
      <c r="AY12" s="313">
        <v>375</v>
      </c>
      <c r="AZ12" s="313">
        <v>304</v>
      </c>
      <c r="BA12" s="313">
        <v>120</v>
      </c>
      <c r="BB12" s="313">
        <v>79</v>
      </c>
      <c r="BC12" s="314">
        <v>1279</v>
      </c>
      <c r="BD12" s="315">
        <v>1279</v>
      </c>
      <c r="BE12" s="310">
        <v>0</v>
      </c>
      <c r="BF12" s="313">
        <v>0</v>
      </c>
      <c r="BG12" s="311">
        <v>0</v>
      </c>
      <c r="BH12" s="312">
        <v>0</v>
      </c>
      <c r="BI12" s="313">
        <v>116</v>
      </c>
      <c r="BJ12" s="313">
        <v>140</v>
      </c>
      <c r="BK12" s="313">
        <v>84</v>
      </c>
      <c r="BL12" s="313">
        <v>86</v>
      </c>
      <c r="BM12" s="313">
        <v>2</v>
      </c>
      <c r="BN12" s="311">
        <v>428</v>
      </c>
      <c r="BO12" s="315">
        <v>428</v>
      </c>
      <c r="BP12" s="310">
        <v>0</v>
      </c>
      <c r="BQ12" s="313">
        <v>0</v>
      </c>
      <c r="BR12" s="311">
        <v>0</v>
      </c>
      <c r="BS12" s="312">
        <v>0</v>
      </c>
      <c r="BT12" s="313">
        <v>45</v>
      </c>
      <c r="BU12" s="313">
        <v>57</v>
      </c>
      <c r="BV12" s="313">
        <v>93</v>
      </c>
      <c r="BW12" s="313">
        <v>68</v>
      </c>
      <c r="BX12" s="313">
        <v>66</v>
      </c>
      <c r="BY12" s="311">
        <v>329</v>
      </c>
      <c r="BZ12" s="315">
        <v>329</v>
      </c>
      <c r="CA12" s="310">
        <v>0</v>
      </c>
      <c r="CB12" s="313">
        <v>0</v>
      </c>
      <c r="CC12" s="311">
        <v>0</v>
      </c>
      <c r="CD12" s="312">
        <v>0</v>
      </c>
      <c r="CE12" s="313">
        <v>0</v>
      </c>
      <c r="CF12" s="313">
        <v>20</v>
      </c>
      <c r="CG12" s="313">
        <v>4</v>
      </c>
      <c r="CH12" s="313">
        <v>18</v>
      </c>
      <c r="CI12" s="313">
        <v>0</v>
      </c>
      <c r="CJ12" s="311">
        <v>42</v>
      </c>
      <c r="CK12" s="315">
        <v>42</v>
      </c>
      <c r="CL12" s="310">
        <v>0</v>
      </c>
      <c r="CM12" s="313">
        <v>0</v>
      </c>
      <c r="CN12" s="311">
        <v>0</v>
      </c>
      <c r="CO12" s="312">
        <v>0</v>
      </c>
      <c r="CP12" s="313">
        <v>0</v>
      </c>
      <c r="CQ12" s="313">
        <v>0</v>
      </c>
      <c r="CR12" s="313">
        <v>0</v>
      </c>
      <c r="CS12" s="313">
        <v>0</v>
      </c>
      <c r="CT12" s="313">
        <v>0</v>
      </c>
      <c r="CU12" s="311">
        <v>0</v>
      </c>
      <c r="CV12" s="315">
        <v>0</v>
      </c>
      <c r="CW12" s="310">
        <v>0</v>
      </c>
      <c r="CX12" s="313">
        <v>0</v>
      </c>
      <c r="CY12" s="311">
        <v>0</v>
      </c>
      <c r="CZ12" s="312">
        <v>0</v>
      </c>
      <c r="DA12" s="313">
        <v>0</v>
      </c>
      <c r="DB12" s="313">
        <v>0</v>
      </c>
      <c r="DC12" s="313">
        <v>0</v>
      </c>
      <c r="DD12" s="313">
        <v>0</v>
      </c>
      <c r="DE12" s="313">
        <v>0</v>
      </c>
      <c r="DF12" s="311">
        <v>0</v>
      </c>
      <c r="DG12" s="315">
        <v>0</v>
      </c>
    </row>
    <row r="13" spans="1:111" ht="18.75" customHeight="1" x14ac:dyDescent="0.2">
      <c r="A13" s="297" t="s">
        <v>10</v>
      </c>
      <c r="B13" s="310">
        <v>0</v>
      </c>
      <c r="C13" s="313">
        <v>0</v>
      </c>
      <c r="D13" s="441">
        <v>0</v>
      </c>
      <c r="E13" s="312">
        <v>0</v>
      </c>
      <c r="F13" s="313">
        <v>1175</v>
      </c>
      <c r="G13" s="313">
        <v>786</v>
      </c>
      <c r="H13" s="313">
        <v>1390</v>
      </c>
      <c r="I13" s="313">
        <v>1056</v>
      </c>
      <c r="J13" s="313">
        <v>1277</v>
      </c>
      <c r="K13" s="314">
        <v>5684</v>
      </c>
      <c r="L13" s="315">
        <v>5684</v>
      </c>
      <c r="M13" s="310">
        <v>0</v>
      </c>
      <c r="N13" s="313">
        <v>0</v>
      </c>
      <c r="O13" s="311">
        <v>0</v>
      </c>
      <c r="P13" s="312">
        <v>0</v>
      </c>
      <c r="Q13" s="313">
        <v>0</v>
      </c>
      <c r="R13" s="313">
        <v>2</v>
      </c>
      <c r="S13" s="313">
        <v>28</v>
      </c>
      <c r="T13" s="313">
        <v>44</v>
      </c>
      <c r="U13" s="313">
        <v>42</v>
      </c>
      <c r="V13" s="311">
        <v>116</v>
      </c>
      <c r="W13" s="315">
        <v>116</v>
      </c>
      <c r="X13" s="310">
        <v>91</v>
      </c>
      <c r="Y13" s="313">
        <v>159</v>
      </c>
      <c r="Z13" s="311">
        <v>250</v>
      </c>
      <c r="AA13" s="312">
        <v>0</v>
      </c>
      <c r="AB13" s="313">
        <v>614</v>
      </c>
      <c r="AC13" s="313">
        <v>458</v>
      </c>
      <c r="AD13" s="313">
        <v>213</v>
      </c>
      <c r="AE13" s="313">
        <v>297</v>
      </c>
      <c r="AF13" s="313">
        <v>283</v>
      </c>
      <c r="AG13" s="311">
        <v>1865</v>
      </c>
      <c r="AH13" s="315">
        <v>2115</v>
      </c>
      <c r="AI13" s="310">
        <v>8</v>
      </c>
      <c r="AJ13" s="313">
        <v>38</v>
      </c>
      <c r="AK13" s="311">
        <v>46</v>
      </c>
      <c r="AL13" s="312">
        <v>0</v>
      </c>
      <c r="AM13" s="313">
        <v>160</v>
      </c>
      <c r="AN13" s="313">
        <v>53</v>
      </c>
      <c r="AO13" s="313">
        <v>40</v>
      </c>
      <c r="AP13" s="313">
        <v>25</v>
      </c>
      <c r="AQ13" s="313">
        <v>-198</v>
      </c>
      <c r="AR13" s="311">
        <v>80</v>
      </c>
      <c r="AS13" s="315">
        <v>126</v>
      </c>
      <c r="AT13" s="310">
        <v>0</v>
      </c>
      <c r="AU13" s="313">
        <v>0</v>
      </c>
      <c r="AV13" s="311">
        <v>0</v>
      </c>
      <c r="AW13" s="312">
        <v>0</v>
      </c>
      <c r="AX13" s="313">
        <v>985</v>
      </c>
      <c r="AY13" s="313">
        <v>672</v>
      </c>
      <c r="AZ13" s="313">
        <v>378</v>
      </c>
      <c r="BA13" s="313">
        <v>144</v>
      </c>
      <c r="BB13" s="313">
        <v>102</v>
      </c>
      <c r="BC13" s="314">
        <v>2281</v>
      </c>
      <c r="BD13" s="315">
        <v>2281</v>
      </c>
      <c r="BE13" s="310">
        <v>0</v>
      </c>
      <c r="BF13" s="313">
        <v>0</v>
      </c>
      <c r="BG13" s="311">
        <v>0</v>
      </c>
      <c r="BH13" s="312">
        <v>0</v>
      </c>
      <c r="BI13" s="313">
        <v>107</v>
      </c>
      <c r="BJ13" s="313">
        <v>84</v>
      </c>
      <c r="BK13" s="313">
        <v>80</v>
      </c>
      <c r="BL13" s="313">
        <v>41</v>
      </c>
      <c r="BM13" s="313">
        <v>9</v>
      </c>
      <c r="BN13" s="311">
        <v>321</v>
      </c>
      <c r="BO13" s="315">
        <v>321</v>
      </c>
      <c r="BP13" s="310">
        <v>0</v>
      </c>
      <c r="BQ13" s="313">
        <v>23</v>
      </c>
      <c r="BR13" s="311">
        <v>23</v>
      </c>
      <c r="BS13" s="312">
        <v>0</v>
      </c>
      <c r="BT13" s="313">
        <v>65</v>
      </c>
      <c r="BU13" s="313">
        <v>145</v>
      </c>
      <c r="BV13" s="313">
        <v>287</v>
      </c>
      <c r="BW13" s="313">
        <v>215</v>
      </c>
      <c r="BX13" s="313">
        <v>95</v>
      </c>
      <c r="BY13" s="311">
        <v>807</v>
      </c>
      <c r="BZ13" s="315">
        <v>830</v>
      </c>
      <c r="CA13" s="310">
        <v>0</v>
      </c>
      <c r="CB13" s="313">
        <v>0</v>
      </c>
      <c r="CC13" s="311">
        <v>0</v>
      </c>
      <c r="CD13" s="312">
        <v>0</v>
      </c>
      <c r="CE13" s="313">
        <v>10</v>
      </c>
      <c r="CF13" s="313">
        <v>26</v>
      </c>
      <c r="CG13" s="313">
        <v>27</v>
      </c>
      <c r="CH13" s="313">
        <v>0</v>
      </c>
      <c r="CI13" s="313">
        <v>0</v>
      </c>
      <c r="CJ13" s="311">
        <v>63</v>
      </c>
      <c r="CK13" s="315">
        <v>63</v>
      </c>
      <c r="CL13" s="310">
        <v>0</v>
      </c>
      <c r="CM13" s="313">
        <v>0</v>
      </c>
      <c r="CN13" s="311">
        <v>0</v>
      </c>
      <c r="CO13" s="312">
        <v>0</v>
      </c>
      <c r="CP13" s="313">
        <v>0</v>
      </c>
      <c r="CQ13" s="313">
        <v>0</v>
      </c>
      <c r="CR13" s="313">
        <v>0</v>
      </c>
      <c r="CS13" s="313">
        <v>0</v>
      </c>
      <c r="CT13" s="313">
        <v>0</v>
      </c>
      <c r="CU13" s="311">
        <v>0</v>
      </c>
      <c r="CV13" s="315">
        <v>0</v>
      </c>
      <c r="CW13" s="310">
        <v>0</v>
      </c>
      <c r="CX13" s="313">
        <v>0</v>
      </c>
      <c r="CY13" s="311">
        <v>0</v>
      </c>
      <c r="CZ13" s="312">
        <v>0</v>
      </c>
      <c r="DA13" s="313">
        <v>0</v>
      </c>
      <c r="DB13" s="313">
        <v>0</v>
      </c>
      <c r="DC13" s="313">
        <v>0</v>
      </c>
      <c r="DD13" s="313">
        <v>0</v>
      </c>
      <c r="DE13" s="313">
        <v>0</v>
      </c>
      <c r="DF13" s="311">
        <v>0</v>
      </c>
      <c r="DG13" s="315">
        <v>0</v>
      </c>
    </row>
    <row r="14" spans="1:111" ht="18.75" customHeight="1" x14ac:dyDescent="0.2">
      <c r="A14" s="297" t="s">
        <v>11</v>
      </c>
      <c r="B14" s="310">
        <v>0</v>
      </c>
      <c r="C14" s="313">
        <v>0</v>
      </c>
      <c r="D14" s="441">
        <v>0</v>
      </c>
      <c r="E14" s="312">
        <v>0</v>
      </c>
      <c r="F14" s="313">
        <v>264</v>
      </c>
      <c r="G14" s="313">
        <v>91</v>
      </c>
      <c r="H14" s="313">
        <v>610</v>
      </c>
      <c r="I14" s="313">
        <v>357</v>
      </c>
      <c r="J14" s="313">
        <v>401</v>
      </c>
      <c r="K14" s="314">
        <v>1723</v>
      </c>
      <c r="L14" s="315">
        <v>1723</v>
      </c>
      <c r="M14" s="310">
        <v>0</v>
      </c>
      <c r="N14" s="313">
        <v>0</v>
      </c>
      <c r="O14" s="311">
        <v>0</v>
      </c>
      <c r="P14" s="312">
        <v>0</v>
      </c>
      <c r="Q14" s="313">
        <v>1</v>
      </c>
      <c r="R14" s="313">
        <v>0</v>
      </c>
      <c r="S14" s="313">
        <v>20</v>
      </c>
      <c r="T14" s="313">
        <v>28</v>
      </c>
      <c r="U14" s="313">
        <v>19</v>
      </c>
      <c r="V14" s="311">
        <v>68</v>
      </c>
      <c r="W14" s="315">
        <v>68</v>
      </c>
      <c r="X14" s="310">
        <v>16</v>
      </c>
      <c r="Y14" s="313">
        <v>18</v>
      </c>
      <c r="Z14" s="311">
        <v>34</v>
      </c>
      <c r="AA14" s="312">
        <v>0</v>
      </c>
      <c r="AB14" s="313">
        <v>204</v>
      </c>
      <c r="AC14" s="313">
        <v>149</v>
      </c>
      <c r="AD14" s="313">
        <v>160</v>
      </c>
      <c r="AE14" s="313">
        <v>101</v>
      </c>
      <c r="AF14" s="313">
        <v>132</v>
      </c>
      <c r="AG14" s="311">
        <v>746</v>
      </c>
      <c r="AH14" s="315">
        <v>780</v>
      </c>
      <c r="AI14" s="310">
        <v>6</v>
      </c>
      <c r="AJ14" s="313">
        <v>15</v>
      </c>
      <c r="AK14" s="311">
        <v>21</v>
      </c>
      <c r="AL14" s="312">
        <v>0</v>
      </c>
      <c r="AM14" s="313">
        <v>12</v>
      </c>
      <c r="AN14" s="313">
        <v>12</v>
      </c>
      <c r="AO14" s="313">
        <v>39</v>
      </c>
      <c r="AP14" s="313">
        <v>85</v>
      </c>
      <c r="AQ14" s="313">
        <v>0</v>
      </c>
      <c r="AR14" s="311">
        <v>148</v>
      </c>
      <c r="AS14" s="315">
        <v>169</v>
      </c>
      <c r="AT14" s="310">
        <v>0</v>
      </c>
      <c r="AU14" s="313">
        <v>0</v>
      </c>
      <c r="AV14" s="311">
        <v>0</v>
      </c>
      <c r="AW14" s="312">
        <v>0</v>
      </c>
      <c r="AX14" s="313">
        <v>348</v>
      </c>
      <c r="AY14" s="313">
        <v>201</v>
      </c>
      <c r="AZ14" s="313">
        <v>156</v>
      </c>
      <c r="BA14" s="313">
        <v>136</v>
      </c>
      <c r="BB14" s="313">
        <v>24</v>
      </c>
      <c r="BC14" s="314">
        <v>865</v>
      </c>
      <c r="BD14" s="315">
        <v>865</v>
      </c>
      <c r="BE14" s="310">
        <v>0</v>
      </c>
      <c r="BF14" s="313">
        <v>0</v>
      </c>
      <c r="BG14" s="311">
        <v>0</v>
      </c>
      <c r="BH14" s="312">
        <v>0</v>
      </c>
      <c r="BI14" s="313">
        <v>177</v>
      </c>
      <c r="BJ14" s="313">
        <v>60</v>
      </c>
      <c r="BK14" s="313">
        <v>37</v>
      </c>
      <c r="BL14" s="313">
        <v>52</v>
      </c>
      <c r="BM14" s="313">
        <v>8</v>
      </c>
      <c r="BN14" s="311">
        <v>334</v>
      </c>
      <c r="BO14" s="315">
        <v>334</v>
      </c>
      <c r="BP14" s="310">
        <v>2</v>
      </c>
      <c r="BQ14" s="313">
        <v>0</v>
      </c>
      <c r="BR14" s="311">
        <v>2</v>
      </c>
      <c r="BS14" s="312">
        <v>0</v>
      </c>
      <c r="BT14" s="313">
        <v>54</v>
      </c>
      <c r="BU14" s="313">
        <v>38</v>
      </c>
      <c r="BV14" s="313">
        <v>69</v>
      </c>
      <c r="BW14" s="313">
        <v>77</v>
      </c>
      <c r="BX14" s="313">
        <v>8</v>
      </c>
      <c r="BY14" s="311">
        <v>246</v>
      </c>
      <c r="BZ14" s="315">
        <v>248</v>
      </c>
      <c r="CA14" s="310">
        <v>0</v>
      </c>
      <c r="CB14" s="313">
        <v>0</v>
      </c>
      <c r="CC14" s="311">
        <v>0</v>
      </c>
      <c r="CD14" s="312">
        <v>0</v>
      </c>
      <c r="CE14" s="313">
        <v>0</v>
      </c>
      <c r="CF14" s="313">
        <v>8</v>
      </c>
      <c r="CG14" s="313">
        <v>0</v>
      </c>
      <c r="CH14" s="313">
        <v>61</v>
      </c>
      <c r="CI14" s="313">
        <v>5</v>
      </c>
      <c r="CJ14" s="311">
        <v>74</v>
      </c>
      <c r="CK14" s="315">
        <v>74</v>
      </c>
      <c r="CL14" s="310">
        <v>0</v>
      </c>
      <c r="CM14" s="313">
        <v>0</v>
      </c>
      <c r="CN14" s="311">
        <v>0</v>
      </c>
      <c r="CO14" s="312">
        <v>0</v>
      </c>
      <c r="CP14" s="313">
        <v>0</v>
      </c>
      <c r="CQ14" s="313">
        <v>0</v>
      </c>
      <c r="CR14" s="313">
        <v>0</v>
      </c>
      <c r="CS14" s="313">
        <v>0</v>
      </c>
      <c r="CT14" s="313">
        <v>0</v>
      </c>
      <c r="CU14" s="311">
        <v>0</v>
      </c>
      <c r="CV14" s="315">
        <v>0</v>
      </c>
      <c r="CW14" s="310">
        <v>0</v>
      </c>
      <c r="CX14" s="313">
        <v>0</v>
      </c>
      <c r="CY14" s="311">
        <v>0</v>
      </c>
      <c r="CZ14" s="312">
        <v>0</v>
      </c>
      <c r="DA14" s="313">
        <v>0</v>
      </c>
      <c r="DB14" s="313">
        <v>0</v>
      </c>
      <c r="DC14" s="313">
        <v>0</v>
      </c>
      <c r="DD14" s="313">
        <v>0</v>
      </c>
      <c r="DE14" s="313">
        <v>0</v>
      </c>
      <c r="DF14" s="311">
        <v>0</v>
      </c>
      <c r="DG14" s="315">
        <v>0</v>
      </c>
    </row>
    <row r="15" spans="1:111" ht="18.75" customHeight="1" x14ac:dyDescent="0.2">
      <c r="A15" s="297" t="s">
        <v>12</v>
      </c>
      <c r="B15" s="310">
        <v>0</v>
      </c>
      <c r="C15" s="313">
        <v>0</v>
      </c>
      <c r="D15" s="441">
        <v>0</v>
      </c>
      <c r="E15" s="312">
        <v>0</v>
      </c>
      <c r="F15" s="313">
        <v>458</v>
      </c>
      <c r="G15" s="313">
        <v>742</v>
      </c>
      <c r="H15" s="313">
        <v>585</v>
      </c>
      <c r="I15" s="313">
        <v>1114</v>
      </c>
      <c r="J15" s="313">
        <v>1004</v>
      </c>
      <c r="K15" s="314">
        <v>3903</v>
      </c>
      <c r="L15" s="315">
        <v>3903</v>
      </c>
      <c r="M15" s="310">
        <v>0</v>
      </c>
      <c r="N15" s="313">
        <v>3</v>
      </c>
      <c r="O15" s="311">
        <v>3</v>
      </c>
      <c r="P15" s="312">
        <v>0</v>
      </c>
      <c r="Q15" s="313">
        <v>0</v>
      </c>
      <c r="R15" s="313">
        <v>1</v>
      </c>
      <c r="S15" s="313">
        <v>5</v>
      </c>
      <c r="T15" s="313">
        <v>5</v>
      </c>
      <c r="U15" s="313">
        <v>41</v>
      </c>
      <c r="V15" s="311">
        <v>52</v>
      </c>
      <c r="W15" s="315">
        <v>55</v>
      </c>
      <c r="X15" s="310">
        <v>57</v>
      </c>
      <c r="Y15" s="313">
        <v>118</v>
      </c>
      <c r="Z15" s="311">
        <v>175</v>
      </c>
      <c r="AA15" s="312">
        <v>0</v>
      </c>
      <c r="AB15" s="313">
        <v>202</v>
      </c>
      <c r="AC15" s="313">
        <v>274</v>
      </c>
      <c r="AD15" s="313">
        <v>131</v>
      </c>
      <c r="AE15" s="313">
        <v>143</v>
      </c>
      <c r="AF15" s="313">
        <v>92</v>
      </c>
      <c r="AG15" s="311">
        <v>842</v>
      </c>
      <c r="AH15" s="315">
        <v>1017</v>
      </c>
      <c r="AI15" s="310">
        <v>0</v>
      </c>
      <c r="AJ15" s="313">
        <v>0</v>
      </c>
      <c r="AK15" s="311">
        <v>0</v>
      </c>
      <c r="AL15" s="312">
        <v>0</v>
      </c>
      <c r="AM15" s="313">
        <v>24</v>
      </c>
      <c r="AN15" s="313">
        <v>67</v>
      </c>
      <c r="AO15" s="313">
        <v>39</v>
      </c>
      <c r="AP15" s="313">
        <v>47</v>
      </c>
      <c r="AQ15" s="313">
        <v>20</v>
      </c>
      <c r="AR15" s="311">
        <v>197</v>
      </c>
      <c r="AS15" s="315">
        <v>197</v>
      </c>
      <c r="AT15" s="310">
        <v>0</v>
      </c>
      <c r="AU15" s="313">
        <v>0</v>
      </c>
      <c r="AV15" s="311">
        <v>0</v>
      </c>
      <c r="AW15" s="312">
        <v>0</v>
      </c>
      <c r="AX15" s="313">
        <v>513</v>
      </c>
      <c r="AY15" s="313">
        <v>247</v>
      </c>
      <c r="AZ15" s="313">
        <v>298</v>
      </c>
      <c r="BA15" s="313">
        <v>100</v>
      </c>
      <c r="BB15" s="313">
        <v>49</v>
      </c>
      <c r="BC15" s="314">
        <v>1207</v>
      </c>
      <c r="BD15" s="315">
        <v>1207</v>
      </c>
      <c r="BE15" s="310">
        <v>0</v>
      </c>
      <c r="BF15" s="313">
        <v>0</v>
      </c>
      <c r="BG15" s="311">
        <v>0</v>
      </c>
      <c r="BH15" s="312">
        <v>0</v>
      </c>
      <c r="BI15" s="313">
        <v>127</v>
      </c>
      <c r="BJ15" s="313">
        <v>91</v>
      </c>
      <c r="BK15" s="313">
        <v>91</v>
      </c>
      <c r="BL15" s="313">
        <v>44</v>
      </c>
      <c r="BM15" s="313">
        <v>5</v>
      </c>
      <c r="BN15" s="311">
        <v>358</v>
      </c>
      <c r="BO15" s="315">
        <v>358</v>
      </c>
      <c r="BP15" s="310">
        <v>0</v>
      </c>
      <c r="BQ15" s="313">
        <v>0</v>
      </c>
      <c r="BR15" s="311">
        <v>0</v>
      </c>
      <c r="BS15" s="312">
        <v>0</v>
      </c>
      <c r="BT15" s="313">
        <v>71</v>
      </c>
      <c r="BU15" s="313">
        <v>59</v>
      </c>
      <c r="BV15" s="313">
        <v>104</v>
      </c>
      <c r="BW15" s="313">
        <v>96</v>
      </c>
      <c r="BX15" s="313">
        <v>63</v>
      </c>
      <c r="BY15" s="311">
        <v>393</v>
      </c>
      <c r="BZ15" s="315">
        <v>393</v>
      </c>
      <c r="CA15" s="310">
        <v>0</v>
      </c>
      <c r="CB15" s="313">
        <v>0</v>
      </c>
      <c r="CC15" s="311">
        <v>0</v>
      </c>
      <c r="CD15" s="312">
        <v>0</v>
      </c>
      <c r="CE15" s="313">
        <v>0</v>
      </c>
      <c r="CF15" s="313">
        <v>7</v>
      </c>
      <c r="CG15" s="313">
        <v>6</v>
      </c>
      <c r="CH15" s="313">
        <v>3</v>
      </c>
      <c r="CI15" s="313">
        <v>0</v>
      </c>
      <c r="CJ15" s="311">
        <v>16</v>
      </c>
      <c r="CK15" s="315">
        <v>16</v>
      </c>
      <c r="CL15" s="310">
        <v>0</v>
      </c>
      <c r="CM15" s="313">
        <v>0</v>
      </c>
      <c r="CN15" s="311">
        <v>0</v>
      </c>
      <c r="CO15" s="312">
        <v>0</v>
      </c>
      <c r="CP15" s="313">
        <v>0</v>
      </c>
      <c r="CQ15" s="313">
        <v>0</v>
      </c>
      <c r="CR15" s="313">
        <v>0</v>
      </c>
      <c r="CS15" s="313">
        <v>0</v>
      </c>
      <c r="CT15" s="313">
        <v>0</v>
      </c>
      <c r="CU15" s="311">
        <v>0</v>
      </c>
      <c r="CV15" s="315">
        <v>0</v>
      </c>
      <c r="CW15" s="310">
        <v>0</v>
      </c>
      <c r="CX15" s="313">
        <v>0</v>
      </c>
      <c r="CY15" s="311">
        <v>0</v>
      </c>
      <c r="CZ15" s="312">
        <v>0</v>
      </c>
      <c r="DA15" s="313">
        <v>0</v>
      </c>
      <c r="DB15" s="313">
        <v>0</v>
      </c>
      <c r="DC15" s="313">
        <v>0</v>
      </c>
      <c r="DD15" s="313">
        <v>0</v>
      </c>
      <c r="DE15" s="313">
        <v>0</v>
      </c>
      <c r="DF15" s="311">
        <v>0</v>
      </c>
      <c r="DG15" s="315">
        <v>0</v>
      </c>
    </row>
    <row r="16" spans="1:111" ht="18.75" customHeight="1" x14ac:dyDescent="0.2">
      <c r="A16" s="297" t="s">
        <v>13</v>
      </c>
      <c r="B16" s="310">
        <v>0</v>
      </c>
      <c r="C16" s="313">
        <v>0</v>
      </c>
      <c r="D16" s="441">
        <v>0</v>
      </c>
      <c r="E16" s="312">
        <v>0</v>
      </c>
      <c r="F16" s="313">
        <v>204</v>
      </c>
      <c r="G16" s="313">
        <v>617</v>
      </c>
      <c r="H16" s="313">
        <v>327</v>
      </c>
      <c r="I16" s="313">
        <v>485</v>
      </c>
      <c r="J16" s="313">
        <v>232</v>
      </c>
      <c r="K16" s="314">
        <v>1865</v>
      </c>
      <c r="L16" s="315">
        <v>1865</v>
      </c>
      <c r="M16" s="310">
        <v>0</v>
      </c>
      <c r="N16" s="313">
        <v>0</v>
      </c>
      <c r="O16" s="311">
        <v>0</v>
      </c>
      <c r="P16" s="312">
        <v>0</v>
      </c>
      <c r="Q16" s="313">
        <v>0</v>
      </c>
      <c r="R16" s="313">
        <v>0</v>
      </c>
      <c r="S16" s="313">
        <v>0</v>
      </c>
      <c r="T16" s="313">
        <v>5</v>
      </c>
      <c r="U16" s="313">
        <v>20</v>
      </c>
      <c r="V16" s="311">
        <v>25</v>
      </c>
      <c r="W16" s="315">
        <v>25</v>
      </c>
      <c r="X16" s="310">
        <v>5</v>
      </c>
      <c r="Y16" s="313">
        <v>16</v>
      </c>
      <c r="Z16" s="311">
        <v>21</v>
      </c>
      <c r="AA16" s="312">
        <v>0</v>
      </c>
      <c r="AB16" s="313">
        <v>67</v>
      </c>
      <c r="AC16" s="313">
        <v>105</v>
      </c>
      <c r="AD16" s="313">
        <v>74</v>
      </c>
      <c r="AE16" s="313">
        <v>65</v>
      </c>
      <c r="AF16" s="313">
        <v>96</v>
      </c>
      <c r="AG16" s="311">
        <v>407</v>
      </c>
      <c r="AH16" s="315">
        <v>428</v>
      </c>
      <c r="AI16" s="310">
        <v>0</v>
      </c>
      <c r="AJ16" s="313">
        <v>0</v>
      </c>
      <c r="AK16" s="311">
        <v>0</v>
      </c>
      <c r="AL16" s="312">
        <v>0</v>
      </c>
      <c r="AM16" s="313">
        <v>0</v>
      </c>
      <c r="AN16" s="313">
        <v>12</v>
      </c>
      <c r="AO16" s="313">
        <v>0</v>
      </c>
      <c r="AP16" s="313">
        <v>26</v>
      </c>
      <c r="AQ16" s="313">
        <v>8</v>
      </c>
      <c r="AR16" s="311">
        <v>46</v>
      </c>
      <c r="AS16" s="315">
        <v>46</v>
      </c>
      <c r="AT16" s="310">
        <v>0</v>
      </c>
      <c r="AU16" s="313">
        <v>0</v>
      </c>
      <c r="AV16" s="311">
        <v>0</v>
      </c>
      <c r="AW16" s="312">
        <v>0</v>
      </c>
      <c r="AX16" s="313">
        <v>90</v>
      </c>
      <c r="AY16" s="313">
        <v>212</v>
      </c>
      <c r="AZ16" s="313">
        <v>144</v>
      </c>
      <c r="BA16" s="313">
        <v>49</v>
      </c>
      <c r="BB16" s="313">
        <v>28</v>
      </c>
      <c r="BC16" s="314">
        <v>523</v>
      </c>
      <c r="BD16" s="315">
        <v>523</v>
      </c>
      <c r="BE16" s="310">
        <v>0</v>
      </c>
      <c r="BF16" s="313">
        <v>0</v>
      </c>
      <c r="BG16" s="311">
        <v>0</v>
      </c>
      <c r="BH16" s="312">
        <v>0</v>
      </c>
      <c r="BI16" s="313">
        <v>10</v>
      </c>
      <c r="BJ16" s="313">
        <v>38</v>
      </c>
      <c r="BK16" s="313">
        <v>13</v>
      </c>
      <c r="BL16" s="313">
        <v>37</v>
      </c>
      <c r="BM16" s="313">
        <v>0</v>
      </c>
      <c r="BN16" s="311">
        <v>98</v>
      </c>
      <c r="BO16" s="315">
        <v>98</v>
      </c>
      <c r="BP16" s="310">
        <v>0</v>
      </c>
      <c r="BQ16" s="313">
        <v>0</v>
      </c>
      <c r="BR16" s="311">
        <v>0</v>
      </c>
      <c r="BS16" s="312">
        <v>0</v>
      </c>
      <c r="BT16" s="313">
        <v>20</v>
      </c>
      <c r="BU16" s="313">
        <v>44</v>
      </c>
      <c r="BV16" s="313">
        <v>54</v>
      </c>
      <c r="BW16" s="313">
        <v>110</v>
      </c>
      <c r="BX16" s="313">
        <v>70</v>
      </c>
      <c r="BY16" s="311">
        <v>298</v>
      </c>
      <c r="BZ16" s="315">
        <v>298</v>
      </c>
      <c r="CA16" s="310">
        <v>0</v>
      </c>
      <c r="CB16" s="313">
        <v>0</v>
      </c>
      <c r="CC16" s="311">
        <v>0</v>
      </c>
      <c r="CD16" s="312">
        <v>0</v>
      </c>
      <c r="CE16" s="313">
        <v>3</v>
      </c>
      <c r="CF16" s="313">
        <v>13</v>
      </c>
      <c r="CG16" s="313">
        <v>22</v>
      </c>
      <c r="CH16" s="313">
        <v>0</v>
      </c>
      <c r="CI16" s="313">
        <v>0</v>
      </c>
      <c r="CJ16" s="311">
        <v>38</v>
      </c>
      <c r="CK16" s="315">
        <v>38</v>
      </c>
      <c r="CL16" s="310">
        <v>0</v>
      </c>
      <c r="CM16" s="313">
        <v>0</v>
      </c>
      <c r="CN16" s="311">
        <v>0</v>
      </c>
      <c r="CO16" s="312">
        <v>0</v>
      </c>
      <c r="CP16" s="313">
        <v>0</v>
      </c>
      <c r="CQ16" s="313">
        <v>0</v>
      </c>
      <c r="CR16" s="313">
        <v>0</v>
      </c>
      <c r="CS16" s="313">
        <v>0</v>
      </c>
      <c r="CT16" s="313">
        <v>0</v>
      </c>
      <c r="CU16" s="311">
        <v>0</v>
      </c>
      <c r="CV16" s="315">
        <v>0</v>
      </c>
      <c r="CW16" s="310">
        <v>0</v>
      </c>
      <c r="CX16" s="313">
        <v>0</v>
      </c>
      <c r="CY16" s="311">
        <v>0</v>
      </c>
      <c r="CZ16" s="312">
        <v>0</v>
      </c>
      <c r="DA16" s="313">
        <v>0</v>
      </c>
      <c r="DB16" s="313">
        <v>0</v>
      </c>
      <c r="DC16" s="313">
        <v>0</v>
      </c>
      <c r="DD16" s="313">
        <v>0</v>
      </c>
      <c r="DE16" s="313">
        <v>0</v>
      </c>
      <c r="DF16" s="311">
        <v>0</v>
      </c>
      <c r="DG16" s="315">
        <v>0</v>
      </c>
    </row>
    <row r="17" spans="1:111" ht="18.75" customHeight="1" x14ac:dyDescent="0.2">
      <c r="A17" s="297" t="s">
        <v>15</v>
      </c>
      <c r="B17" s="310">
        <v>0</v>
      </c>
      <c r="C17" s="313">
        <v>0</v>
      </c>
      <c r="D17" s="441">
        <v>0</v>
      </c>
      <c r="E17" s="312">
        <v>0</v>
      </c>
      <c r="F17" s="313">
        <v>40</v>
      </c>
      <c r="G17" s="313">
        <v>126</v>
      </c>
      <c r="H17" s="313">
        <v>99</v>
      </c>
      <c r="I17" s="313">
        <v>55</v>
      </c>
      <c r="J17" s="313">
        <v>121</v>
      </c>
      <c r="K17" s="314">
        <v>441</v>
      </c>
      <c r="L17" s="315">
        <v>441</v>
      </c>
      <c r="M17" s="310">
        <v>0</v>
      </c>
      <c r="N17" s="313">
        <v>0</v>
      </c>
      <c r="O17" s="311">
        <v>0</v>
      </c>
      <c r="P17" s="312">
        <v>0</v>
      </c>
      <c r="Q17" s="313">
        <v>0</v>
      </c>
      <c r="R17" s="313">
        <v>0</v>
      </c>
      <c r="S17" s="313">
        <v>0</v>
      </c>
      <c r="T17" s="313">
        <v>17</v>
      </c>
      <c r="U17" s="313">
        <v>4</v>
      </c>
      <c r="V17" s="311">
        <v>21</v>
      </c>
      <c r="W17" s="315">
        <v>21</v>
      </c>
      <c r="X17" s="310">
        <v>0</v>
      </c>
      <c r="Y17" s="313">
        <v>0</v>
      </c>
      <c r="Z17" s="311">
        <v>0</v>
      </c>
      <c r="AA17" s="312">
        <v>0</v>
      </c>
      <c r="AB17" s="313">
        <v>8</v>
      </c>
      <c r="AC17" s="313">
        <v>70</v>
      </c>
      <c r="AD17" s="313">
        <v>0</v>
      </c>
      <c r="AE17" s="313">
        <v>36</v>
      </c>
      <c r="AF17" s="313">
        <v>3</v>
      </c>
      <c r="AG17" s="311">
        <v>117</v>
      </c>
      <c r="AH17" s="315">
        <v>117</v>
      </c>
      <c r="AI17" s="310">
        <v>0</v>
      </c>
      <c r="AJ17" s="313">
        <v>0</v>
      </c>
      <c r="AK17" s="311">
        <v>0</v>
      </c>
      <c r="AL17" s="312">
        <v>0</v>
      </c>
      <c r="AM17" s="313">
        <v>8</v>
      </c>
      <c r="AN17" s="313">
        <v>12</v>
      </c>
      <c r="AO17" s="313">
        <v>0</v>
      </c>
      <c r="AP17" s="313">
        <v>0</v>
      </c>
      <c r="AQ17" s="313">
        <v>15</v>
      </c>
      <c r="AR17" s="311">
        <v>35</v>
      </c>
      <c r="AS17" s="315">
        <v>35</v>
      </c>
      <c r="AT17" s="310">
        <v>0</v>
      </c>
      <c r="AU17" s="313">
        <v>0</v>
      </c>
      <c r="AV17" s="311">
        <v>0</v>
      </c>
      <c r="AW17" s="312">
        <v>0</v>
      </c>
      <c r="AX17" s="313">
        <v>16</v>
      </c>
      <c r="AY17" s="313">
        <v>36</v>
      </c>
      <c r="AZ17" s="313">
        <v>31</v>
      </c>
      <c r="BA17" s="313">
        <v>6</v>
      </c>
      <c r="BB17" s="313">
        <v>0</v>
      </c>
      <c r="BC17" s="314">
        <v>89</v>
      </c>
      <c r="BD17" s="315">
        <v>89</v>
      </c>
      <c r="BE17" s="310">
        <v>0</v>
      </c>
      <c r="BF17" s="313">
        <v>0</v>
      </c>
      <c r="BG17" s="311">
        <v>0</v>
      </c>
      <c r="BH17" s="312">
        <v>0</v>
      </c>
      <c r="BI17" s="313">
        <v>15</v>
      </c>
      <c r="BJ17" s="313">
        <v>17</v>
      </c>
      <c r="BK17" s="313">
        <v>14</v>
      </c>
      <c r="BL17" s="313">
        <v>4</v>
      </c>
      <c r="BM17" s="313">
        <v>0</v>
      </c>
      <c r="BN17" s="311">
        <v>50</v>
      </c>
      <c r="BO17" s="315">
        <v>50</v>
      </c>
      <c r="BP17" s="310">
        <v>0</v>
      </c>
      <c r="BQ17" s="313">
        <v>0</v>
      </c>
      <c r="BR17" s="311">
        <v>0</v>
      </c>
      <c r="BS17" s="312">
        <v>0</v>
      </c>
      <c r="BT17" s="313">
        <v>0</v>
      </c>
      <c r="BU17" s="313">
        <v>3</v>
      </c>
      <c r="BV17" s="313">
        <v>2</v>
      </c>
      <c r="BW17" s="313">
        <v>0</v>
      </c>
      <c r="BX17" s="313">
        <v>0</v>
      </c>
      <c r="BY17" s="311">
        <v>5</v>
      </c>
      <c r="BZ17" s="315">
        <v>5</v>
      </c>
      <c r="CA17" s="310">
        <v>0</v>
      </c>
      <c r="CB17" s="313">
        <v>0</v>
      </c>
      <c r="CC17" s="311">
        <v>0</v>
      </c>
      <c r="CD17" s="312">
        <v>0</v>
      </c>
      <c r="CE17" s="313">
        <v>0</v>
      </c>
      <c r="CF17" s="313">
        <v>0</v>
      </c>
      <c r="CG17" s="313">
        <v>9</v>
      </c>
      <c r="CH17" s="313">
        <v>21</v>
      </c>
      <c r="CI17" s="313">
        <v>0</v>
      </c>
      <c r="CJ17" s="311">
        <v>30</v>
      </c>
      <c r="CK17" s="315">
        <v>30</v>
      </c>
      <c r="CL17" s="310">
        <v>0</v>
      </c>
      <c r="CM17" s="313">
        <v>0</v>
      </c>
      <c r="CN17" s="311">
        <v>0</v>
      </c>
      <c r="CO17" s="312">
        <v>0</v>
      </c>
      <c r="CP17" s="313">
        <v>0</v>
      </c>
      <c r="CQ17" s="313">
        <v>0</v>
      </c>
      <c r="CR17" s="313">
        <v>0</v>
      </c>
      <c r="CS17" s="313">
        <v>0</v>
      </c>
      <c r="CT17" s="313">
        <v>0</v>
      </c>
      <c r="CU17" s="311">
        <v>0</v>
      </c>
      <c r="CV17" s="315">
        <v>0</v>
      </c>
      <c r="CW17" s="310">
        <v>0</v>
      </c>
      <c r="CX17" s="313">
        <v>0</v>
      </c>
      <c r="CY17" s="311">
        <v>0</v>
      </c>
      <c r="CZ17" s="312">
        <v>0</v>
      </c>
      <c r="DA17" s="313">
        <v>0</v>
      </c>
      <c r="DB17" s="313">
        <v>0</v>
      </c>
      <c r="DC17" s="313">
        <v>0</v>
      </c>
      <c r="DD17" s="313">
        <v>0</v>
      </c>
      <c r="DE17" s="313">
        <v>0</v>
      </c>
      <c r="DF17" s="311">
        <v>0</v>
      </c>
      <c r="DG17" s="315">
        <v>0</v>
      </c>
    </row>
    <row r="18" spans="1:111" ht="18.75" customHeight="1" x14ac:dyDescent="0.2">
      <c r="A18" s="297" t="s">
        <v>16</v>
      </c>
      <c r="B18" s="310">
        <v>0</v>
      </c>
      <c r="C18" s="313">
        <v>0</v>
      </c>
      <c r="D18" s="441">
        <v>0</v>
      </c>
      <c r="E18" s="312">
        <v>0</v>
      </c>
      <c r="F18" s="313">
        <v>74</v>
      </c>
      <c r="G18" s="313">
        <v>98</v>
      </c>
      <c r="H18" s="313">
        <v>135</v>
      </c>
      <c r="I18" s="313">
        <v>313</v>
      </c>
      <c r="J18" s="313">
        <v>233</v>
      </c>
      <c r="K18" s="314">
        <v>853</v>
      </c>
      <c r="L18" s="315">
        <v>853</v>
      </c>
      <c r="M18" s="310">
        <v>0</v>
      </c>
      <c r="N18" s="313">
        <v>0</v>
      </c>
      <c r="O18" s="311">
        <v>0</v>
      </c>
      <c r="P18" s="312">
        <v>0</v>
      </c>
      <c r="Q18" s="313">
        <v>0</v>
      </c>
      <c r="R18" s="313">
        <v>0</v>
      </c>
      <c r="S18" s="313">
        <v>0</v>
      </c>
      <c r="T18" s="313">
        <v>12</v>
      </c>
      <c r="U18" s="313">
        <v>9</v>
      </c>
      <c r="V18" s="311">
        <v>21</v>
      </c>
      <c r="W18" s="315">
        <v>21</v>
      </c>
      <c r="X18" s="310">
        <v>10</v>
      </c>
      <c r="Y18" s="313">
        <v>25</v>
      </c>
      <c r="Z18" s="311">
        <v>35</v>
      </c>
      <c r="AA18" s="312">
        <v>0</v>
      </c>
      <c r="AB18" s="313">
        <v>83</v>
      </c>
      <c r="AC18" s="313">
        <v>132</v>
      </c>
      <c r="AD18" s="313">
        <v>82</v>
      </c>
      <c r="AE18" s="313">
        <v>94</v>
      </c>
      <c r="AF18" s="313">
        <v>21</v>
      </c>
      <c r="AG18" s="311">
        <v>412</v>
      </c>
      <c r="AH18" s="315">
        <v>447</v>
      </c>
      <c r="AI18" s="310">
        <v>0</v>
      </c>
      <c r="AJ18" s="313">
        <v>0</v>
      </c>
      <c r="AK18" s="311">
        <v>0</v>
      </c>
      <c r="AL18" s="312">
        <v>0</v>
      </c>
      <c r="AM18" s="313">
        <v>0</v>
      </c>
      <c r="AN18" s="313">
        <v>9</v>
      </c>
      <c r="AO18" s="313">
        <v>19</v>
      </c>
      <c r="AP18" s="313">
        <v>0</v>
      </c>
      <c r="AQ18" s="313">
        <v>12</v>
      </c>
      <c r="AR18" s="311">
        <v>40</v>
      </c>
      <c r="AS18" s="315">
        <v>40</v>
      </c>
      <c r="AT18" s="310">
        <v>0</v>
      </c>
      <c r="AU18" s="313">
        <v>0</v>
      </c>
      <c r="AV18" s="311">
        <v>0</v>
      </c>
      <c r="AW18" s="312">
        <v>0</v>
      </c>
      <c r="AX18" s="313">
        <v>168</v>
      </c>
      <c r="AY18" s="313">
        <v>265</v>
      </c>
      <c r="AZ18" s="313">
        <v>99</v>
      </c>
      <c r="BA18" s="313">
        <v>84</v>
      </c>
      <c r="BB18" s="313">
        <v>31</v>
      </c>
      <c r="BC18" s="314">
        <v>647</v>
      </c>
      <c r="BD18" s="315">
        <v>647</v>
      </c>
      <c r="BE18" s="310">
        <v>0</v>
      </c>
      <c r="BF18" s="313">
        <v>0</v>
      </c>
      <c r="BG18" s="311">
        <v>0</v>
      </c>
      <c r="BH18" s="312">
        <v>0</v>
      </c>
      <c r="BI18" s="313">
        <v>129</v>
      </c>
      <c r="BJ18" s="313">
        <v>213</v>
      </c>
      <c r="BK18" s="313">
        <v>51</v>
      </c>
      <c r="BL18" s="313">
        <v>41</v>
      </c>
      <c r="BM18" s="313">
        <v>7</v>
      </c>
      <c r="BN18" s="311">
        <v>441</v>
      </c>
      <c r="BO18" s="315">
        <v>441</v>
      </c>
      <c r="BP18" s="310">
        <v>0</v>
      </c>
      <c r="BQ18" s="313">
        <v>4</v>
      </c>
      <c r="BR18" s="311">
        <v>4</v>
      </c>
      <c r="BS18" s="312">
        <v>0</v>
      </c>
      <c r="BT18" s="313">
        <v>16</v>
      </c>
      <c r="BU18" s="313">
        <v>74</v>
      </c>
      <c r="BV18" s="313">
        <v>54</v>
      </c>
      <c r="BW18" s="313">
        <v>26</v>
      </c>
      <c r="BX18" s="313">
        <v>0</v>
      </c>
      <c r="BY18" s="311">
        <v>170</v>
      </c>
      <c r="BZ18" s="315">
        <v>174</v>
      </c>
      <c r="CA18" s="310">
        <v>0</v>
      </c>
      <c r="CB18" s="313">
        <v>0</v>
      </c>
      <c r="CC18" s="311">
        <v>0</v>
      </c>
      <c r="CD18" s="312">
        <v>0</v>
      </c>
      <c r="CE18" s="313">
        <v>0</v>
      </c>
      <c r="CF18" s="313">
        <v>0</v>
      </c>
      <c r="CG18" s="313">
        <v>14</v>
      </c>
      <c r="CH18" s="313">
        <v>3</v>
      </c>
      <c r="CI18" s="313">
        <v>0</v>
      </c>
      <c r="CJ18" s="311">
        <v>17</v>
      </c>
      <c r="CK18" s="315">
        <v>17</v>
      </c>
      <c r="CL18" s="310">
        <v>0</v>
      </c>
      <c r="CM18" s="313">
        <v>0</v>
      </c>
      <c r="CN18" s="311">
        <v>0</v>
      </c>
      <c r="CO18" s="312">
        <v>0</v>
      </c>
      <c r="CP18" s="313">
        <v>0</v>
      </c>
      <c r="CQ18" s="313">
        <v>0</v>
      </c>
      <c r="CR18" s="313">
        <v>0</v>
      </c>
      <c r="CS18" s="313">
        <v>0</v>
      </c>
      <c r="CT18" s="313">
        <v>0</v>
      </c>
      <c r="CU18" s="311">
        <v>0</v>
      </c>
      <c r="CV18" s="315">
        <v>0</v>
      </c>
      <c r="CW18" s="310">
        <v>0</v>
      </c>
      <c r="CX18" s="313">
        <v>0</v>
      </c>
      <c r="CY18" s="311">
        <v>0</v>
      </c>
      <c r="CZ18" s="312">
        <v>0</v>
      </c>
      <c r="DA18" s="313">
        <v>0</v>
      </c>
      <c r="DB18" s="313">
        <v>0</v>
      </c>
      <c r="DC18" s="313">
        <v>0</v>
      </c>
      <c r="DD18" s="313">
        <v>0</v>
      </c>
      <c r="DE18" s="313">
        <v>0</v>
      </c>
      <c r="DF18" s="311">
        <v>0</v>
      </c>
      <c r="DG18" s="315">
        <v>0</v>
      </c>
    </row>
    <row r="19" spans="1:111" ht="18.75" customHeight="1" x14ac:dyDescent="0.2">
      <c r="A19" s="297" t="s">
        <v>17</v>
      </c>
      <c r="B19" s="310">
        <v>0</v>
      </c>
      <c r="C19" s="313">
        <v>0</v>
      </c>
      <c r="D19" s="441">
        <v>0</v>
      </c>
      <c r="E19" s="312">
        <v>0</v>
      </c>
      <c r="F19" s="313">
        <v>89</v>
      </c>
      <c r="G19" s="313">
        <v>453</v>
      </c>
      <c r="H19" s="313">
        <v>410</v>
      </c>
      <c r="I19" s="313">
        <v>601</v>
      </c>
      <c r="J19" s="313">
        <v>797</v>
      </c>
      <c r="K19" s="314">
        <v>2350</v>
      </c>
      <c r="L19" s="315">
        <v>2350</v>
      </c>
      <c r="M19" s="310">
        <v>0</v>
      </c>
      <c r="N19" s="313">
        <v>0</v>
      </c>
      <c r="O19" s="311">
        <v>0</v>
      </c>
      <c r="P19" s="312">
        <v>0</v>
      </c>
      <c r="Q19" s="313">
        <v>0</v>
      </c>
      <c r="R19" s="313">
        <v>1</v>
      </c>
      <c r="S19" s="313">
        <v>0</v>
      </c>
      <c r="T19" s="313">
        <v>0</v>
      </c>
      <c r="U19" s="313">
        <v>39</v>
      </c>
      <c r="V19" s="311">
        <v>40</v>
      </c>
      <c r="W19" s="315">
        <v>40</v>
      </c>
      <c r="X19" s="310">
        <v>0</v>
      </c>
      <c r="Y19" s="313">
        <v>38</v>
      </c>
      <c r="Z19" s="311">
        <v>38</v>
      </c>
      <c r="AA19" s="312">
        <v>0</v>
      </c>
      <c r="AB19" s="313">
        <v>72</v>
      </c>
      <c r="AC19" s="313">
        <v>88</v>
      </c>
      <c r="AD19" s="313">
        <v>75</v>
      </c>
      <c r="AE19" s="313">
        <v>103</v>
      </c>
      <c r="AF19" s="313">
        <v>86</v>
      </c>
      <c r="AG19" s="311">
        <v>424</v>
      </c>
      <c r="AH19" s="315">
        <v>462</v>
      </c>
      <c r="AI19" s="310">
        <v>24</v>
      </c>
      <c r="AJ19" s="313">
        <v>0</v>
      </c>
      <c r="AK19" s="311">
        <v>24</v>
      </c>
      <c r="AL19" s="312">
        <v>0</v>
      </c>
      <c r="AM19" s="313">
        <v>0</v>
      </c>
      <c r="AN19" s="313">
        <v>24</v>
      </c>
      <c r="AO19" s="313">
        <v>0</v>
      </c>
      <c r="AP19" s="313">
        <v>12</v>
      </c>
      <c r="AQ19" s="313">
        <v>6</v>
      </c>
      <c r="AR19" s="311">
        <v>42</v>
      </c>
      <c r="AS19" s="315">
        <v>66</v>
      </c>
      <c r="AT19" s="310">
        <v>0</v>
      </c>
      <c r="AU19" s="313">
        <v>0</v>
      </c>
      <c r="AV19" s="311">
        <v>0</v>
      </c>
      <c r="AW19" s="312">
        <v>0</v>
      </c>
      <c r="AX19" s="313">
        <v>260</v>
      </c>
      <c r="AY19" s="313">
        <v>211</v>
      </c>
      <c r="AZ19" s="313">
        <v>138</v>
      </c>
      <c r="BA19" s="313">
        <v>103</v>
      </c>
      <c r="BB19" s="313">
        <v>42</v>
      </c>
      <c r="BC19" s="314">
        <v>754</v>
      </c>
      <c r="BD19" s="315">
        <v>754</v>
      </c>
      <c r="BE19" s="310">
        <v>0</v>
      </c>
      <c r="BF19" s="313">
        <v>0</v>
      </c>
      <c r="BG19" s="311">
        <v>0</v>
      </c>
      <c r="BH19" s="312">
        <v>0</v>
      </c>
      <c r="BI19" s="313">
        <v>58</v>
      </c>
      <c r="BJ19" s="313">
        <v>115</v>
      </c>
      <c r="BK19" s="313">
        <v>29</v>
      </c>
      <c r="BL19" s="313">
        <v>7</v>
      </c>
      <c r="BM19" s="313">
        <v>11</v>
      </c>
      <c r="BN19" s="311">
        <v>220</v>
      </c>
      <c r="BO19" s="315">
        <v>220</v>
      </c>
      <c r="BP19" s="310">
        <v>0</v>
      </c>
      <c r="BQ19" s="313">
        <v>4</v>
      </c>
      <c r="BR19" s="311">
        <v>4</v>
      </c>
      <c r="BS19" s="312">
        <v>0</v>
      </c>
      <c r="BT19" s="313">
        <v>6</v>
      </c>
      <c r="BU19" s="313">
        <v>31</v>
      </c>
      <c r="BV19" s="313">
        <v>129</v>
      </c>
      <c r="BW19" s="313">
        <v>107</v>
      </c>
      <c r="BX19" s="313">
        <v>14</v>
      </c>
      <c r="BY19" s="311">
        <v>287</v>
      </c>
      <c r="BZ19" s="315">
        <v>291</v>
      </c>
      <c r="CA19" s="310">
        <v>0</v>
      </c>
      <c r="CB19" s="313">
        <v>0</v>
      </c>
      <c r="CC19" s="311">
        <v>0</v>
      </c>
      <c r="CD19" s="312">
        <v>0</v>
      </c>
      <c r="CE19" s="313">
        <v>7</v>
      </c>
      <c r="CF19" s="313">
        <v>20</v>
      </c>
      <c r="CG19" s="313">
        <v>0</v>
      </c>
      <c r="CH19" s="313">
        <v>0</v>
      </c>
      <c r="CI19" s="313">
        <v>0</v>
      </c>
      <c r="CJ19" s="311">
        <v>27</v>
      </c>
      <c r="CK19" s="315">
        <v>27</v>
      </c>
      <c r="CL19" s="310">
        <v>0</v>
      </c>
      <c r="CM19" s="313">
        <v>0</v>
      </c>
      <c r="CN19" s="311">
        <v>0</v>
      </c>
      <c r="CO19" s="312">
        <v>0</v>
      </c>
      <c r="CP19" s="313">
        <v>0</v>
      </c>
      <c r="CQ19" s="313">
        <v>0</v>
      </c>
      <c r="CR19" s="313">
        <v>0</v>
      </c>
      <c r="CS19" s="313">
        <v>0</v>
      </c>
      <c r="CT19" s="313">
        <v>0</v>
      </c>
      <c r="CU19" s="311">
        <v>0</v>
      </c>
      <c r="CV19" s="315">
        <v>0</v>
      </c>
      <c r="CW19" s="310">
        <v>0</v>
      </c>
      <c r="CX19" s="313">
        <v>0</v>
      </c>
      <c r="CY19" s="311">
        <v>0</v>
      </c>
      <c r="CZ19" s="312">
        <v>0</v>
      </c>
      <c r="DA19" s="313">
        <v>0</v>
      </c>
      <c r="DB19" s="313">
        <v>0</v>
      </c>
      <c r="DC19" s="313">
        <v>0</v>
      </c>
      <c r="DD19" s="313">
        <v>0</v>
      </c>
      <c r="DE19" s="313">
        <v>0</v>
      </c>
      <c r="DF19" s="311">
        <v>0</v>
      </c>
      <c r="DG19" s="315">
        <v>0</v>
      </c>
    </row>
    <row r="20" spans="1:111" ht="18.75" customHeight="1" x14ac:dyDescent="0.2">
      <c r="A20" s="297" t="s">
        <v>18</v>
      </c>
      <c r="B20" s="310">
        <v>0</v>
      </c>
      <c r="C20" s="313">
        <v>0</v>
      </c>
      <c r="D20" s="441">
        <v>0</v>
      </c>
      <c r="E20" s="312">
        <v>0</v>
      </c>
      <c r="F20" s="313">
        <v>256</v>
      </c>
      <c r="G20" s="313">
        <v>771</v>
      </c>
      <c r="H20" s="313">
        <v>511</v>
      </c>
      <c r="I20" s="313">
        <v>666</v>
      </c>
      <c r="J20" s="313">
        <v>189</v>
      </c>
      <c r="K20" s="314">
        <v>2393</v>
      </c>
      <c r="L20" s="315">
        <v>2393</v>
      </c>
      <c r="M20" s="310">
        <v>0</v>
      </c>
      <c r="N20" s="313">
        <v>0</v>
      </c>
      <c r="O20" s="311">
        <v>0</v>
      </c>
      <c r="P20" s="312">
        <v>0</v>
      </c>
      <c r="Q20" s="313">
        <v>3</v>
      </c>
      <c r="R20" s="313">
        <v>1</v>
      </c>
      <c r="S20" s="313">
        <v>3</v>
      </c>
      <c r="T20" s="313">
        <v>24</v>
      </c>
      <c r="U20" s="313">
        <v>25</v>
      </c>
      <c r="V20" s="311">
        <v>56</v>
      </c>
      <c r="W20" s="315">
        <v>56</v>
      </c>
      <c r="X20" s="310">
        <v>9</v>
      </c>
      <c r="Y20" s="313">
        <v>37</v>
      </c>
      <c r="Z20" s="311">
        <v>46</v>
      </c>
      <c r="AA20" s="312">
        <v>0</v>
      </c>
      <c r="AB20" s="313">
        <v>159</v>
      </c>
      <c r="AC20" s="313">
        <v>168</v>
      </c>
      <c r="AD20" s="313">
        <v>120</v>
      </c>
      <c r="AE20" s="313">
        <v>113</v>
      </c>
      <c r="AF20" s="313">
        <v>76</v>
      </c>
      <c r="AG20" s="311">
        <v>636</v>
      </c>
      <c r="AH20" s="315">
        <v>682</v>
      </c>
      <c r="AI20" s="310">
        <v>0</v>
      </c>
      <c r="AJ20" s="313">
        <v>42</v>
      </c>
      <c r="AK20" s="311">
        <v>42</v>
      </c>
      <c r="AL20" s="312">
        <v>0</v>
      </c>
      <c r="AM20" s="313">
        <v>42</v>
      </c>
      <c r="AN20" s="313">
        <v>48</v>
      </c>
      <c r="AO20" s="313">
        <v>0</v>
      </c>
      <c r="AP20" s="313">
        <v>18</v>
      </c>
      <c r="AQ20" s="313">
        <v>0</v>
      </c>
      <c r="AR20" s="311">
        <v>108</v>
      </c>
      <c r="AS20" s="315">
        <v>150</v>
      </c>
      <c r="AT20" s="310">
        <v>0</v>
      </c>
      <c r="AU20" s="313">
        <v>0</v>
      </c>
      <c r="AV20" s="311">
        <v>0</v>
      </c>
      <c r="AW20" s="312">
        <v>0</v>
      </c>
      <c r="AX20" s="313">
        <v>353</v>
      </c>
      <c r="AY20" s="313">
        <v>368</v>
      </c>
      <c r="AZ20" s="313">
        <v>250</v>
      </c>
      <c r="BA20" s="313">
        <v>86</v>
      </c>
      <c r="BB20" s="313">
        <v>47</v>
      </c>
      <c r="BC20" s="314">
        <v>1104</v>
      </c>
      <c r="BD20" s="315">
        <v>1104</v>
      </c>
      <c r="BE20" s="310">
        <v>0</v>
      </c>
      <c r="BF20" s="313">
        <v>0</v>
      </c>
      <c r="BG20" s="311">
        <v>0</v>
      </c>
      <c r="BH20" s="312">
        <v>0</v>
      </c>
      <c r="BI20" s="313">
        <v>102</v>
      </c>
      <c r="BJ20" s="313">
        <v>101</v>
      </c>
      <c r="BK20" s="313">
        <v>86</v>
      </c>
      <c r="BL20" s="313">
        <v>25</v>
      </c>
      <c r="BM20" s="313">
        <v>16</v>
      </c>
      <c r="BN20" s="311">
        <v>330</v>
      </c>
      <c r="BO20" s="315">
        <v>330</v>
      </c>
      <c r="BP20" s="310">
        <v>0</v>
      </c>
      <c r="BQ20" s="313">
        <v>0</v>
      </c>
      <c r="BR20" s="311">
        <v>0</v>
      </c>
      <c r="BS20" s="312">
        <v>0</v>
      </c>
      <c r="BT20" s="313">
        <v>4</v>
      </c>
      <c r="BU20" s="313">
        <v>46</v>
      </c>
      <c r="BV20" s="313">
        <v>59</v>
      </c>
      <c r="BW20" s="313">
        <v>119</v>
      </c>
      <c r="BX20" s="313">
        <v>37</v>
      </c>
      <c r="BY20" s="311">
        <v>265</v>
      </c>
      <c r="BZ20" s="315">
        <v>265</v>
      </c>
      <c r="CA20" s="310">
        <v>0</v>
      </c>
      <c r="CB20" s="313">
        <v>0</v>
      </c>
      <c r="CC20" s="311">
        <v>0</v>
      </c>
      <c r="CD20" s="312">
        <v>0</v>
      </c>
      <c r="CE20" s="313">
        <v>5</v>
      </c>
      <c r="CF20" s="313">
        <v>0</v>
      </c>
      <c r="CG20" s="313">
        <v>0</v>
      </c>
      <c r="CH20" s="313">
        <v>0</v>
      </c>
      <c r="CI20" s="313">
        <v>0</v>
      </c>
      <c r="CJ20" s="311">
        <v>5</v>
      </c>
      <c r="CK20" s="315">
        <v>5</v>
      </c>
      <c r="CL20" s="310">
        <v>0</v>
      </c>
      <c r="CM20" s="313">
        <v>0</v>
      </c>
      <c r="CN20" s="311">
        <v>0</v>
      </c>
      <c r="CO20" s="312">
        <v>0</v>
      </c>
      <c r="CP20" s="313">
        <v>0</v>
      </c>
      <c r="CQ20" s="313">
        <v>0</v>
      </c>
      <c r="CR20" s="313">
        <v>0</v>
      </c>
      <c r="CS20" s="313">
        <v>0</v>
      </c>
      <c r="CT20" s="313">
        <v>0</v>
      </c>
      <c r="CU20" s="311">
        <v>0</v>
      </c>
      <c r="CV20" s="315">
        <v>0</v>
      </c>
      <c r="CW20" s="310">
        <v>0</v>
      </c>
      <c r="CX20" s="313">
        <v>0</v>
      </c>
      <c r="CY20" s="311">
        <v>0</v>
      </c>
      <c r="CZ20" s="312">
        <v>0</v>
      </c>
      <c r="DA20" s="313">
        <v>0</v>
      </c>
      <c r="DB20" s="313">
        <v>0</v>
      </c>
      <c r="DC20" s="313">
        <v>0</v>
      </c>
      <c r="DD20" s="313">
        <v>0</v>
      </c>
      <c r="DE20" s="313">
        <v>0</v>
      </c>
      <c r="DF20" s="311">
        <v>0</v>
      </c>
      <c r="DG20" s="315">
        <v>0</v>
      </c>
    </row>
    <row r="21" spans="1:111" ht="18.75" customHeight="1" x14ac:dyDescent="0.2">
      <c r="A21" s="297" t="s">
        <v>19</v>
      </c>
      <c r="B21" s="310">
        <v>0</v>
      </c>
      <c r="C21" s="313">
        <v>0</v>
      </c>
      <c r="D21" s="441">
        <v>0</v>
      </c>
      <c r="E21" s="312">
        <v>0</v>
      </c>
      <c r="F21" s="313">
        <v>305</v>
      </c>
      <c r="G21" s="313">
        <v>134</v>
      </c>
      <c r="H21" s="313">
        <v>86</v>
      </c>
      <c r="I21" s="313">
        <v>312</v>
      </c>
      <c r="J21" s="313">
        <v>13</v>
      </c>
      <c r="K21" s="314">
        <v>850</v>
      </c>
      <c r="L21" s="315">
        <v>850</v>
      </c>
      <c r="M21" s="310">
        <v>0</v>
      </c>
      <c r="N21" s="313">
        <v>0</v>
      </c>
      <c r="O21" s="311">
        <v>0</v>
      </c>
      <c r="P21" s="312">
        <v>0</v>
      </c>
      <c r="Q21" s="313">
        <v>0</v>
      </c>
      <c r="R21" s="313">
        <v>1</v>
      </c>
      <c r="S21" s="313">
        <v>0</v>
      </c>
      <c r="T21" s="313">
        <v>23</v>
      </c>
      <c r="U21" s="313">
        <v>19</v>
      </c>
      <c r="V21" s="311">
        <v>43</v>
      </c>
      <c r="W21" s="315">
        <v>43</v>
      </c>
      <c r="X21" s="310">
        <v>5</v>
      </c>
      <c r="Y21" s="313">
        <v>5</v>
      </c>
      <c r="Z21" s="311">
        <v>10</v>
      </c>
      <c r="AA21" s="312">
        <v>0</v>
      </c>
      <c r="AB21" s="313">
        <v>94</v>
      </c>
      <c r="AC21" s="313">
        <v>124</v>
      </c>
      <c r="AD21" s="313">
        <v>24</v>
      </c>
      <c r="AE21" s="313">
        <v>97</v>
      </c>
      <c r="AF21" s="313">
        <v>51</v>
      </c>
      <c r="AG21" s="311">
        <v>390</v>
      </c>
      <c r="AH21" s="315">
        <v>400</v>
      </c>
      <c r="AI21" s="310">
        <v>0</v>
      </c>
      <c r="AJ21" s="313">
        <v>0</v>
      </c>
      <c r="AK21" s="311">
        <v>0</v>
      </c>
      <c r="AL21" s="312">
        <v>0</v>
      </c>
      <c r="AM21" s="313">
        <v>0</v>
      </c>
      <c r="AN21" s="313">
        <v>29</v>
      </c>
      <c r="AO21" s="313">
        <v>26</v>
      </c>
      <c r="AP21" s="313">
        <v>0</v>
      </c>
      <c r="AQ21" s="313">
        <v>0</v>
      </c>
      <c r="AR21" s="311">
        <v>55</v>
      </c>
      <c r="AS21" s="315">
        <v>55</v>
      </c>
      <c r="AT21" s="310">
        <v>0</v>
      </c>
      <c r="AU21" s="313">
        <v>0</v>
      </c>
      <c r="AV21" s="311">
        <v>0</v>
      </c>
      <c r="AW21" s="312">
        <v>0</v>
      </c>
      <c r="AX21" s="313">
        <v>176</v>
      </c>
      <c r="AY21" s="313">
        <v>148</v>
      </c>
      <c r="AZ21" s="313">
        <v>87</v>
      </c>
      <c r="BA21" s="313">
        <v>14</v>
      </c>
      <c r="BB21" s="313">
        <v>2</v>
      </c>
      <c r="BC21" s="314">
        <v>427</v>
      </c>
      <c r="BD21" s="315">
        <v>427</v>
      </c>
      <c r="BE21" s="310">
        <v>0</v>
      </c>
      <c r="BF21" s="313">
        <v>0</v>
      </c>
      <c r="BG21" s="311">
        <v>0</v>
      </c>
      <c r="BH21" s="312">
        <v>0</v>
      </c>
      <c r="BI21" s="313">
        <v>66</v>
      </c>
      <c r="BJ21" s="313">
        <v>64</v>
      </c>
      <c r="BK21" s="313">
        <v>33</v>
      </c>
      <c r="BL21" s="313">
        <v>31</v>
      </c>
      <c r="BM21" s="313">
        <v>0</v>
      </c>
      <c r="BN21" s="311">
        <v>194</v>
      </c>
      <c r="BO21" s="315">
        <v>194</v>
      </c>
      <c r="BP21" s="310">
        <v>0</v>
      </c>
      <c r="BQ21" s="313">
        <v>0</v>
      </c>
      <c r="BR21" s="311">
        <v>0</v>
      </c>
      <c r="BS21" s="312">
        <v>0</v>
      </c>
      <c r="BT21" s="313">
        <v>2</v>
      </c>
      <c r="BU21" s="313">
        <v>19</v>
      </c>
      <c r="BV21" s="313">
        <v>2</v>
      </c>
      <c r="BW21" s="313">
        <v>0</v>
      </c>
      <c r="BX21" s="313">
        <v>0</v>
      </c>
      <c r="BY21" s="311">
        <v>23</v>
      </c>
      <c r="BZ21" s="315">
        <v>23</v>
      </c>
      <c r="CA21" s="310">
        <v>0</v>
      </c>
      <c r="CB21" s="313">
        <v>4</v>
      </c>
      <c r="CC21" s="311">
        <v>4</v>
      </c>
      <c r="CD21" s="312">
        <v>0</v>
      </c>
      <c r="CE21" s="313">
        <v>0</v>
      </c>
      <c r="CF21" s="313">
        <v>0</v>
      </c>
      <c r="CG21" s="313">
        <v>11</v>
      </c>
      <c r="CH21" s="313">
        <v>3</v>
      </c>
      <c r="CI21" s="313">
        <v>0</v>
      </c>
      <c r="CJ21" s="311">
        <v>14</v>
      </c>
      <c r="CK21" s="315">
        <v>18</v>
      </c>
      <c r="CL21" s="310">
        <v>0</v>
      </c>
      <c r="CM21" s="313">
        <v>0</v>
      </c>
      <c r="CN21" s="311">
        <v>0</v>
      </c>
      <c r="CO21" s="312">
        <v>0</v>
      </c>
      <c r="CP21" s="313">
        <v>0</v>
      </c>
      <c r="CQ21" s="313">
        <v>0</v>
      </c>
      <c r="CR21" s="313">
        <v>0</v>
      </c>
      <c r="CS21" s="313">
        <v>0</v>
      </c>
      <c r="CT21" s="313">
        <v>0</v>
      </c>
      <c r="CU21" s="311">
        <v>0</v>
      </c>
      <c r="CV21" s="315">
        <v>0</v>
      </c>
      <c r="CW21" s="310">
        <v>0</v>
      </c>
      <c r="CX21" s="313">
        <v>0</v>
      </c>
      <c r="CY21" s="311">
        <v>0</v>
      </c>
      <c r="CZ21" s="312">
        <v>0</v>
      </c>
      <c r="DA21" s="313">
        <v>0</v>
      </c>
      <c r="DB21" s="313">
        <v>0</v>
      </c>
      <c r="DC21" s="313">
        <v>0</v>
      </c>
      <c r="DD21" s="313">
        <v>0</v>
      </c>
      <c r="DE21" s="313">
        <v>0</v>
      </c>
      <c r="DF21" s="311">
        <v>0</v>
      </c>
      <c r="DG21" s="315">
        <v>0</v>
      </c>
    </row>
    <row r="22" spans="1:111" ht="18.75" customHeight="1" x14ac:dyDescent="0.2">
      <c r="A22" s="297" t="s">
        <v>20</v>
      </c>
      <c r="B22" s="310">
        <v>0</v>
      </c>
      <c r="C22" s="313">
        <v>0</v>
      </c>
      <c r="D22" s="441">
        <v>0</v>
      </c>
      <c r="E22" s="312">
        <v>0</v>
      </c>
      <c r="F22" s="313">
        <v>223</v>
      </c>
      <c r="G22" s="313">
        <v>255</v>
      </c>
      <c r="H22" s="313">
        <v>140</v>
      </c>
      <c r="I22" s="313">
        <v>146</v>
      </c>
      <c r="J22" s="313">
        <v>79</v>
      </c>
      <c r="K22" s="314">
        <v>843</v>
      </c>
      <c r="L22" s="315">
        <v>843</v>
      </c>
      <c r="M22" s="310">
        <v>0</v>
      </c>
      <c r="N22" s="313">
        <v>0</v>
      </c>
      <c r="O22" s="311">
        <v>0</v>
      </c>
      <c r="P22" s="312">
        <v>0</v>
      </c>
      <c r="Q22" s="313">
        <v>3</v>
      </c>
      <c r="R22" s="313">
        <v>0</v>
      </c>
      <c r="S22" s="313">
        <v>0</v>
      </c>
      <c r="T22" s="313">
        <v>9</v>
      </c>
      <c r="U22" s="313">
        <v>9</v>
      </c>
      <c r="V22" s="311">
        <v>21</v>
      </c>
      <c r="W22" s="315">
        <v>21</v>
      </c>
      <c r="X22" s="310">
        <v>21</v>
      </c>
      <c r="Y22" s="313">
        <v>55</v>
      </c>
      <c r="Z22" s="311">
        <v>76</v>
      </c>
      <c r="AA22" s="312">
        <v>0</v>
      </c>
      <c r="AB22" s="313">
        <v>238</v>
      </c>
      <c r="AC22" s="313">
        <v>96</v>
      </c>
      <c r="AD22" s="313">
        <v>90</v>
      </c>
      <c r="AE22" s="313">
        <v>87</v>
      </c>
      <c r="AF22" s="313">
        <v>57</v>
      </c>
      <c r="AG22" s="311">
        <v>568</v>
      </c>
      <c r="AH22" s="315">
        <v>644</v>
      </c>
      <c r="AI22" s="310">
        <v>10</v>
      </c>
      <c r="AJ22" s="313">
        <v>8</v>
      </c>
      <c r="AK22" s="311">
        <v>18</v>
      </c>
      <c r="AL22" s="312">
        <v>0</v>
      </c>
      <c r="AM22" s="313">
        <v>55</v>
      </c>
      <c r="AN22" s="313">
        <v>42</v>
      </c>
      <c r="AO22" s="313">
        <v>41</v>
      </c>
      <c r="AP22" s="313">
        <v>18</v>
      </c>
      <c r="AQ22" s="313">
        <v>14</v>
      </c>
      <c r="AR22" s="311">
        <v>170</v>
      </c>
      <c r="AS22" s="315">
        <v>188</v>
      </c>
      <c r="AT22" s="310">
        <v>0</v>
      </c>
      <c r="AU22" s="313">
        <v>0</v>
      </c>
      <c r="AV22" s="311">
        <v>0</v>
      </c>
      <c r="AW22" s="312">
        <v>0</v>
      </c>
      <c r="AX22" s="313">
        <v>164</v>
      </c>
      <c r="AY22" s="313">
        <v>115</v>
      </c>
      <c r="AZ22" s="313">
        <v>136</v>
      </c>
      <c r="BA22" s="313">
        <v>36</v>
      </c>
      <c r="BB22" s="313">
        <v>12</v>
      </c>
      <c r="BC22" s="314">
        <v>463</v>
      </c>
      <c r="BD22" s="315">
        <v>463</v>
      </c>
      <c r="BE22" s="310">
        <v>0</v>
      </c>
      <c r="BF22" s="313">
        <v>0</v>
      </c>
      <c r="BG22" s="311">
        <v>0</v>
      </c>
      <c r="BH22" s="312">
        <v>0</v>
      </c>
      <c r="BI22" s="313">
        <v>111</v>
      </c>
      <c r="BJ22" s="313">
        <v>68</v>
      </c>
      <c r="BK22" s="313">
        <v>38</v>
      </c>
      <c r="BL22" s="313">
        <v>64</v>
      </c>
      <c r="BM22" s="313">
        <v>4</v>
      </c>
      <c r="BN22" s="311">
        <v>285</v>
      </c>
      <c r="BO22" s="315">
        <v>285</v>
      </c>
      <c r="BP22" s="310">
        <v>2</v>
      </c>
      <c r="BQ22" s="313">
        <v>9</v>
      </c>
      <c r="BR22" s="311">
        <v>11</v>
      </c>
      <c r="BS22" s="312">
        <v>0</v>
      </c>
      <c r="BT22" s="313">
        <v>7</v>
      </c>
      <c r="BU22" s="313">
        <v>38</v>
      </c>
      <c r="BV22" s="313">
        <v>49</v>
      </c>
      <c r="BW22" s="313">
        <v>63</v>
      </c>
      <c r="BX22" s="313">
        <v>0</v>
      </c>
      <c r="BY22" s="311">
        <v>157</v>
      </c>
      <c r="BZ22" s="315">
        <v>168</v>
      </c>
      <c r="CA22" s="310">
        <v>0</v>
      </c>
      <c r="CB22" s="313">
        <v>0</v>
      </c>
      <c r="CC22" s="311">
        <v>0</v>
      </c>
      <c r="CD22" s="312">
        <v>0</v>
      </c>
      <c r="CE22" s="313">
        <v>0</v>
      </c>
      <c r="CF22" s="313">
        <v>0</v>
      </c>
      <c r="CG22" s="313">
        <v>0</v>
      </c>
      <c r="CH22" s="313">
        <v>15</v>
      </c>
      <c r="CI22" s="313">
        <v>0</v>
      </c>
      <c r="CJ22" s="311">
        <v>15</v>
      </c>
      <c r="CK22" s="315">
        <v>15</v>
      </c>
      <c r="CL22" s="310">
        <v>0</v>
      </c>
      <c r="CM22" s="313">
        <v>0</v>
      </c>
      <c r="CN22" s="311">
        <v>0</v>
      </c>
      <c r="CO22" s="312">
        <v>0</v>
      </c>
      <c r="CP22" s="313">
        <v>0</v>
      </c>
      <c r="CQ22" s="313">
        <v>0</v>
      </c>
      <c r="CR22" s="313">
        <v>0</v>
      </c>
      <c r="CS22" s="313">
        <v>0</v>
      </c>
      <c r="CT22" s="313">
        <v>0</v>
      </c>
      <c r="CU22" s="311">
        <v>0</v>
      </c>
      <c r="CV22" s="315">
        <v>0</v>
      </c>
      <c r="CW22" s="310">
        <v>0</v>
      </c>
      <c r="CX22" s="313">
        <v>0</v>
      </c>
      <c r="CY22" s="311">
        <v>0</v>
      </c>
      <c r="CZ22" s="312">
        <v>0</v>
      </c>
      <c r="DA22" s="313">
        <v>0</v>
      </c>
      <c r="DB22" s="313">
        <v>0</v>
      </c>
      <c r="DC22" s="313">
        <v>0</v>
      </c>
      <c r="DD22" s="313">
        <v>0</v>
      </c>
      <c r="DE22" s="313">
        <v>0</v>
      </c>
      <c r="DF22" s="311">
        <v>0</v>
      </c>
      <c r="DG22" s="315">
        <v>0</v>
      </c>
    </row>
    <row r="23" spans="1:111" ht="18.75" customHeight="1" x14ac:dyDescent="0.2">
      <c r="A23" s="297" t="s">
        <v>21</v>
      </c>
      <c r="B23" s="310">
        <v>0</v>
      </c>
      <c r="C23" s="313">
        <v>0</v>
      </c>
      <c r="D23" s="441">
        <v>0</v>
      </c>
      <c r="E23" s="312">
        <v>0</v>
      </c>
      <c r="F23" s="313">
        <v>178</v>
      </c>
      <c r="G23" s="313">
        <v>161</v>
      </c>
      <c r="H23" s="313">
        <v>333</v>
      </c>
      <c r="I23" s="313">
        <v>532</v>
      </c>
      <c r="J23" s="313">
        <v>331</v>
      </c>
      <c r="K23" s="314">
        <v>1535</v>
      </c>
      <c r="L23" s="315">
        <v>1535</v>
      </c>
      <c r="M23" s="310">
        <v>0</v>
      </c>
      <c r="N23" s="313">
        <v>0</v>
      </c>
      <c r="O23" s="311">
        <v>0</v>
      </c>
      <c r="P23" s="312">
        <v>0</v>
      </c>
      <c r="Q23" s="313">
        <v>0</v>
      </c>
      <c r="R23" s="313">
        <v>0</v>
      </c>
      <c r="S23" s="313">
        <v>0</v>
      </c>
      <c r="T23" s="313">
        <v>2</v>
      </c>
      <c r="U23" s="313">
        <v>5</v>
      </c>
      <c r="V23" s="311">
        <v>7</v>
      </c>
      <c r="W23" s="315">
        <v>7</v>
      </c>
      <c r="X23" s="310">
        <v>34</v>
      </c>
      <c r="Y23" s="313">
        <v>32</v>
      </c>
      <c r="Z23" s="311">
        <v>66</v>
      </c>
      <c r="AA23" s="312">
        <v>0</v>
      </c>
      <c r="AB23" s="313">
        <v>153</v>
      </c>
      <c r="AC23" s="313">
        <v>264</v>
      </c>
      <c r="AD23" s="313">
        <v>84</v>
      </c>
      <c r="AE23" s="313">
        <v>103</v>
      </c>
      <c r="AF23" s="313">
        <v>31</v>
      </c>
      <c r="AG23" s="311">
        <v>635</v>
      </c>
      <c r="AH23" s="315">
        <v>701</v>
      </c>
      <c r="AI23" s="310">
        <v>15</v>
      </c>
      <c r="AJ23" s="313">
        <v>8</v>
      </c>
      <c r="AK23" s="311">
        <v>23</v>
      </c>
      <c r="AL23" s="312">
        <v>0</v>
      </c>
      <c r="AM23" s="313">
        <v>48</v>
      </c>
      <c r="AN23" s="313">
        <v>47</v>
      </c>
      <c r="AO23" s="313">
        <v>0</v>
      </c>
      <c r="AP23" s="313">
        <v>0</v>
      </c>
      <c r="AQ23" s="313">
        <v>0</v>
      </c>
      <c r="AR23" s="311">
        <v>95</v>
      </c>
      <c r="AS23" s="315">
        <v>118</v>
      </c>
      <c r="AT23" s="310">
        <v>0</v>
      </c>
      <c r="AU23" s="313">
        <v>0</v>
      </c>
      <c r="AV23" s="311">
        <v>0</v>
      </c>
      <c r="AW23" s="312">
        <v>0</v>
      </c>
      <c r="AX23" s="313">
        <v>159</v>
      </c>
      <c r="AY23" s="313">
        <v>115</v>
      </c>
      <c r="AZ23" s="313">
        <v>83</v>
      </c>
      <c r="BA23" s="313">
        <v>20</v>
      </c>
      <c r="BB23" s="313">
        <v>25</v>
      </c>
      <c r="BC23" s="314">
        <v>402</v>
      </c>
      <c r="BD23" s="315">
        <v>402</v>
      </c>
      <c r="BE23" s="310">
        <v>0</v>
      </c>
      <c r="BF23" s="313">
        <v>0</v>
      </c>
      <c r="BG23" s="311">
        <v>0</v>
      </c>
      <c r="BH23" s="312">
        <v>0</v>
      </c>
      <c r="BI23" s="313">
        <v>49</v>
      </c>
      <c r="BJ23" s="313">
        <v>83</v>
      </c>
      <c r="BK23" s="313">
        <v>29</v>
      </c>
      <c r="BL23" s="313">
        <v>0</v>
      </c>
      <c r="BM23" s="313">
        <v>0</v>
      </c>
      <c r="BN23" s="311">
        <v>161</v>
      </c>
      <c r="BO23" s="315">
        <v>161</v>
      </c>
      <c r="BP23" s="310">
        <v>3</v>
      </c>
      <c r="BQ23" s="313">
        <v>0</v>
      </c>
      <c r="BR23" s="311">
        <v>3</v>
      </c>
      <c r="BS23" s="312">
        <v>0</v>
      </c>
      <c r="BT23" s="313">
        <v>10</v>
      </c>
      <c r="BU23" s="313">
        <v>4</v>
      </c>
      <c r="BV23" s="313">
        <v>86</v>
      </c>
      <c r="BW23" s="313">
        <v>131</v>
      </c>
      <c r="BX23" s="313">
        <v>33</v>
      </c>
      <c r="BY23" s="311">
        <v>264</v>
      </c>
      <c r="BZ23" s="315">
        <v>267</v>
      </c>
      <c r="CA23" s="310">
        <v>0</v>
      </c>
      <c r="CB23" s="313">
        <v>0</v>
      </c>
      <c r="CC23" s="311">
        <v>0</v>
      </c>
      <c r="CD23" s="312">
        <v>0</v>
      </c>
      <c r="CE23" s="313">
        <v>0</v>
      </c>
      <c r="CF23" s="313">
        <v>0</v>
      </c>
      <c r="CG23" s="313">
        <v>0</v>
      </c>
      <c r="CH23" s="313">
        <v>0</v>
      </c>
      <c r="CI23" s="313">
        <v>0</v>
      </c>
      <c r="CJ23" s="311">
        <v>0</v>
      </c>
      <c r="CK23" s="315">
        <v>0</v>
      </c>
      <c r="CL23" s="310">
        <v>0</v>
      </c>
      <c r="CM23" s="313">
        <v>0</v>
      </c>
      <c r="CN23" s="311">
        <v>0</v>
      </c>
      <c r="CO23" s="312">
        <v>0</v>
      </c>
      <c r="CP23" s="313">
        <v>0</v>
      </c>
      <c r="CQ23" s="313">
        <v>0</v>
      </c>
      <c r="CR23" s="313">
        <v>0</v>
      </c>
      <c r="CS23" s="313">
        <v>0</v>
      </c>
      <c r="CT23" s="313">
        <v>0</v>
      </c>
      <c r="CU23" s="311">
        <v>0</v>
      </c>
      <c r="CV23" s="315">
        <v>0</v>
      </c>
      <c r="CW23" s="310">
        <v>0</v>
      </c>
      <c r="CX23" s="313">
        <v>0</v>
      </c>
      <c r="CY23" s="311">
        <v>0</v>
      </c>
      <c r="CZ23" s="312">
        <v>0</v>
      </c>
      <c r="DA23" s="313">
        <v>0</v>
      </c>
      <c r="DB23" s="313">
        <v>0</v>
      </c>
      <c r="DC23" s="313">
        <v>0</v>
      </c>
      <c r="DD23" s="313">
        <v>0</v>
      </c>
      <c r="DE23" s="313">
        <v>0</v>
      </c>
      <c r="DF23" s="311">
        <v>0</v>
      </c>
      <c r="DG23" s="315">
        <v>0</v>
      </c>
    </row>
    <row r="24" spans="1:111" ht="18.75" customHeight="1" x14ac:dyDescent="0.2">
      <c r="A24" s="297" t="s">
        <v>22</v>
      </c>
      <c r="B24" s="310">
        <v>0</v>
      </c>
      <c r="C24" s="313">
        <v>0</v>
      </c>
      <c r="D24" s="441">
        <v>0</v>
      </c>
      <c r="E24" s="312">
        <v>0</v>
      </c>
      <c r="F24" s="313">
        <v>25</v>
      </c>
      <c r="G24" s="313">
        <v>58</v>
      </c>
      <c r="H24" s="313">
        <v>26</v>
      </c>
      <c r="I24" s="313">
        <v>58</v>
      </c>
      <c r="J24" s="313">
        <v>69</v>
      </c>
      <c r="K24" s="314">
        <v>236</v>
      </c>
      <c r="L24" s="315">
        <v>236</v>
      </c>
      <c r="M24" s="310">
        <v>0</v>
      </c>
      <c r="N24" s="313">
        <v>0</v>
      </c>
      <c r="O24" s="311">
        <v>0</v>
      </c>
      <c r="P24" s="312">
        <v>0</v>
      </c>
      <c r="Q24" s="313">
        <v>0</v>
      </c>
      <c r="R24" s="313">
        <v>0</v>
      </c>
      <c r="S24" s="313">
        <v>5</v>
      </c>
      <c r="T24" s="313">
        <v>0</v>
      </c>
      <c r="U24" s="313">
        <v>9</v>
      </c>
      <c r="V24" s="311">
        <v>14</v>
      </c>
      <c r="W24" s="315">
        <v>14</v>
      </c>
      <c r="X24" s="310">
        <v>5</v>
      </c>
      <c r="Y24" s="313">
        <v>0</v>
      </c>
      <c r="Z24" s="311">
        <v>5</v>
      </c>
      <c r="AA24" s="312">
        <v>0</v>
      </c>
      <c r="AB24" s="313">
        <v>6</v>
      </c>
      <c r="AC24" s="313">
        <v>16</v>
      </c>
      <c r="AD24" s="313">
        <v>10</v>
      </c>
      <c r="AE24" s="313">
        <v>21</v>
      </c>
      <c r="AF24" s="313">
        <v>14</v>
      </c>
      <c r="AG24" s="311">
        <v>67</v>
      </c>
      <c r="AH24" s="315">
        <v>72</v>
      </c>
      <c r="AI24" s="310">
        <v>9</v>
      </c>
      <c r="AJ24" s="313">
        <v>0</v>
      </c>
      <c r="AK24" s="311">
        <v>9</v>
      </c>
      <c r="AL24" s="312">
        <v>0</v>
      </c>
      <c r="AM24" s="313">
        <v>32</v>
      </c>
      <c r="AN24" s="313">
        <v>0</v>
      </c>
      <c r="AO24" s="313">
        <v>0</v>
      </c>
      <c r="AP24" s="313">
        <v>11</v>
      </c>
      <c r="AQ24" s="313">
        <v>24</v>
      </c>
      <c r="AR24" s="311">
        <v>67</v>
      </c>
      <c r="AS24" s="315">
        <v>76</v>
      </c>
      <c r="AT24" s="310">
        <v>0</v>
      </c>
      <c r="AU24" s="313">
        <v>0</v>
      </c>
      <c r="AV24" s="311">
        <v>0</v>
      </c>
      <c r="AW24" s="312">
        <v>0</v>
      </c>
      <c r="AX24" s="313">
        <v>85</v>
      </c>
      <c r="AY24" s="313">
        <v>229</v>
      </c>
      <c r="AZ24" s="313">
        <v>42</v>
      </c>
      <c r="BA24" s="313">
        <v>15</v>
      </c>
      <c r="BB24" s="313">
        <v>17</v>
      </c>
      <c r="BC24" s="314">
        <v>388</v>
      </c>
      <c r="BD24" s="315">
        <v>388</v>
      </c>
      <c r="BE24" s="310">
        <v>0</v>
      </c>
      <c r="BF24" s="313">
        <v>0</v>
      </c>
      <c r="BG24" s="311">
        <v>0</v>
      </c>
      <c r="BH24" s="312">
        <v>0</v>
      </c>
      <c r="BI24" s="313">
        <v>22</v>
      </c>
      <c r="BJ24" s="313">
        <v>11</v>
      </c>
      <c r="BK24" s="313">
        <v>4</v>
      </c>
      <c r="BL24" s="313">
        <v>6</v>
      </c>
      <c r="BM24" s="313">
        <v>17</v>
      </c>
      <c r="BN24" s="311">
        <v>60</v>
      </c>
      <c r="BO24" s="315">
        <v>60</v>
      </c>
      <c r="BP24" s="310">
        <v>0</v>
      </c>
      <c r="BQ24" s="313">
        <v>0</v>
      </c>
      <c r="BR24" s="311">
        <v>0</v>
      </c>
      <c r="BS24" s="312">
        <v>0</v>
      </c>
      <c r="BT24" s="313">
        <v>0</v>
      </c>
      <c r="BU24" s="313">
        <v>0</v>
      </c>
      <c r="BV24" s="313">
        <v>57</v>
      </c>
      <c r="BW24" s="313">
        <v>32</v>
      </c>
      <c r="BX24" s="313">
        <v>23</v>
      </c>
      <c r="BY24" s="311">
        <v>112</v>
      </c>
      <c r="BZ24" s="315">
        <v>112</v>
      </c>
      <c r="CA24" s="310">
        <v>0</v>
      </c>
      <c r="CB24" s="313">
        <v>0</v>
      </c>
      <c r="CC24" s="311">
        <v>0</v>
      </c>
      <c r="CD24" s="312">
        <v>0</v>
      </c>
      <c r="CE24" s="313">
        <v>0</v>
      </c>
      <c r="CF24" s="313">
        <v>0</v>
      </c>
      <c r="CG24" s="313">
        <v>24</v>
      </c>
      <c r="CH24" s="313">
        <v>0</v>
      </c>
      <c r="CI24" s="313">
        <v>0</v>
      </c>
      <c r="CJ24" s="311">
        <v>24</v>
      </c>
      <c r="CK24" s="315">
        <v>24</v>
      </c>
      <c r="CL24" s="310">
        <v>0</v>
      </c>
      <c r="CM24" s="313">
        <v>0</v>
      </c>
      <c r="CN24" s="311">
        <v>0</v>
      </c>
      <c r="CO24" s="312">
        <v>0</v>
      </c>
      <c r="CP24" s="313">
        <v>0</v>
      </c>
      <c r="CQ24" s="313">
        <v>0</v>
      </c>
      <c r="CR24" s="313">
        <v>0</v>
      </c>
      <c r="CS24" s="313">
        <v>0</v>
      </c>
      <c r="CT24" s="313">
        <v>0</v>
      </c>
      <c r="CU24" s="311">
        <v>0</v>
      </c>
      <c r="CV24" s="315">
        <v>0</v>
      </c>
      <c r="CW24" s="310">
        <v>0</v>
      </c>
      <c r="CX24" s="313">
        <v>0</v>
      </c>
      <c r="CY24" s="311">
        <v>0</v>
      </c>
      <c r="CZ24" s="312">
        <v>0</v>
      </c>
      <c r="DA24" s="313">
        <v>0</v>
      </c>
      <c r="DB24" s="313">
        <v>0</v>
      </c>
      <c r="DC24" s="313">
        <v>0</v>
      </c>
      <c r="DD24" s="313">
        <v>0</v>
      </c>
      <c r="DE24" s="313">
        <v>0</v>
      </c>
      <c r="DF24" s="311">
        <v>0</v>
      </c>
      <c r="DG24" s="315">
        <v>0</v>
      </c>
    </row>
    <row r="25" spans="1:111" ht="18.75" customHeight="1" x14ac:dyDescent="0.2">
      <c r="A25" s="297" t="s">
        <v>23</v>
      </c>
      <c r="B25" s="310">
        <v>0</v>
      </c>
      <c r="C25" s="313">
        <v>0</v>
      </c>
      <c r="D25" s="441">
        <v>0</v>
      </c>
      <c r="E25" s="312">
        <v>0</v>
      </c>
      <c r="F25" s="313">
        <v>27</v>
      </c>
      <c r="G25" s="313">
        <v>214</v>
      </c>
      <c r="H25" s="313">
        <v>180</v>
      </c>
      <c r="I25" s="313">
        <v>173</v>
      </c>
      <c r="J25" s="313">
        <v>392</v>
      </c>
      <c r="K25" s="314">
        <v>986</v>
      </c>
      <c r="L25" s="315">
        <v>986</v>
      </c>
      <c r="M25" s="310">
        <v>0</v>
      </c>
      <c r="N25" s="313">
        <v>0</v>
      </c>
      <c r="O25" s="311">
        <v>0</v>
      </c>
      <c r="P25" s="312">
        <v>0</v>
      </c>
      <c r="Q25" s="313">
        <v>0</v>
      </c>
      <c r="R25" s="313">
        <v>0</v>
      </c>
      <c r="S25" s="313">
        <v>0</v>
      </c>
      <c r="T25" s="313">
        <v>0</v>
      </c>
      <c r="U25" s="313">
        <v>0</v>
      </c>
      <c r="V25" s="311">
        <v>0</v>
      </c>
      <c r="W25" s="315">
        <v>0</v>
      </c>
      <c r="X25" s="310">
        <v>16</v>
      </c>
      <c r="Y25" s="313">
        <v>33</v>
      </c>
      <c r="Z25" s="311">
        <v>49</v>
      </c>
      <c r="AA25" s="312">
        <v>0</v>
      </c>
      <c r="AB25" s="313">
        <v>57</v>
      </c>
      <c r="AC25" s="313">
        <v>115</v>
      </c>
      <c r="AD25" s="313">
        <v>35</v>
      </c>
      <c r="AE25" s="313">
        <v>36</v>
      </c>
      <c r="AF25" s="313">
        <v>1</v>
      </c>
      <c r="AG25" s="311">
        <v>244</v>
      </c>
      <c r="AH25" s="315">
        <v>293</v>
      </c>
      <c r="AI25" s="310">
        <v>0</v>
      </c>
      <c r="AJ25" s="313">
        <v>0</v>
      </c>
      <c r="AK25" s="311">
        <v>0</v>
      </c>
      <c r="AL25" s="312">
        <v>0</v>
      </c>
      <c r="AM25" s="313">
        <v>15</v>
      </c>
      <c r="AN25" s="313">
        <v>46</v>
      </c>
      <c r="AO25" s="313">
        <v>0</v>
      </c>
      <c r="AP25" s="313">
        <v>0</v>
      </c>
      <c r="AQ25" s="313">
        <v>0</v>
      </c>
      <c r="AR25" s="311">
        <v>61</v>
      </c>
      <c r="AS25" s="315">
        <v>61</v>
      </c>
      <c r="AT25" s="310">
        <v>0</v>
      </c>
      <c r="AU25" s="313">
        <v>0</v>
      </c>
      <c r="AV25" s="311">
        <v>0</v>
      </c>
      <c r="AW25" s="312">
        <v>0</v>
      </c>
      <c r="AX25" s="313">
        <v>168</v>
      </c>
      <c r="AY25" s="313">
        <v>77</v>
      </c>
      <c r="AZ25" s="313">
        <v>71</v>
      </c>
      <c r="BA25" s="313">
        <v>59</v>
      </c>
      <c r="BB25" s="313">
        <v>0</v>
      </c>
      <c r="BC25" s="314">
        <v>375</v>
      </c>
      <c r="BD25" s="315">
        <v>375</v>
      </c>
      <c r="BE25" s="310">
        <v>0</v>
      </c>
      <c r="BF25" s="313">
        <v>0</v>
      </c>
      <c r="BG25" s="311">
        <v>0</v>
      </c>
      <c r="BH25" s="312">
        <v>0</v>
      </c>
      <c r="BI25" s="313">
        <v>19</v>
      </c>
      <c r="BJ25" s="313">
        <v>22</v>
      </c>
      <c r="BK25" s="313">
        <v>17</v>
      </c>
      <c r="BL25" s="313">
        <v>41</v>
      </c>
      <c r="BM25" s="313">
        <v>0</v>
      </c>
      <c r="BN25" s="311">
        <v>99</v>
      </c>
      <c r="BO25" s="315">
        <v>99</v>
      </c>
      <c r="BP25" s="310">
        <v>0</v>
      </c>
      <c r="BQ25" s="313">
        <v>0</v>
      </c>
      <c r="BR25" s="311">
        <v>0</v>
      </c>
      <c r="BS25" s="312">
        <v>0</v>
      </c>
      <c r="BT25" s="313">
        <v>13</v>
      </c>
      <c r="BU25" s="313">
        <v>11</v>
      </c>
      <c r="BV25" s="313">
        <v>40</v>
      </c>
      <c r="BW25" s="313">
        <v>39</v>
      </c>
      <c r="BX25" s="313">
        <v>0</v>
      </c>
      <c r="BY25" s="311">
        <v>103</v>
      </c>
      <c r="BZ25" s="315">
        <v>103</v>
      </c>
      <c r="CA25" s="310">
        <v>0</v>
      </c>
      <c r="CB25" s="313">
        <v>0</v>
      </c>
      <c r="CC25" s="311">
        <v>0</v>
      </c>
      <c r="CD25" s="312">
        <v>0</v>
      </c>
      <c r="CE25" s="313">
        <v>3</v>
      </c>
      <c r="CF25" s="313">
        <v>0</v>
      </c>
      <c r="CG25" s="313">
        <v>0</v>
      </c>
      <c r="CH25" s="313">
        <v>0</v>
      </c>
      <c r="CI25" s="313">
        <v>0</v>
      </c>
      <c r="CJ25" s="311">
        <v>3</v>
      </c>
      <c r="CK25" s="315">
        <v>3</v>
      </c>
      <c r="CL25" s="310">
        <v>0</v>
      </c>
      <c r="CM25" s="313">
        <v>0</v>
      </c>
      <c r="CN25" s="311">
        <v>0</v>
      </c>
      <c r="CO25" s="312">
        <v>0</v>
      </c>
      <c r="CP25" s="313">
        <v>0</v>
      </c>
      <c r="CQ25" s="313">
        <v>0</v>
      </c>
      <c r="CR25" s="313">
        <v>0</v>
      </c>
      <c r="CS25" s="313">
        <v>0</v>
      </c>
      <c r="CT25" s="313">
        <v>0</v>
      </c>
      <c r="CU25" s="311">
        <v>0</v>
      </c>
      <c r="CV25" s="315">
        <v>0</v>
      </c>
      <c r="CW25" s="310">
        <v>0</v>
      </c>
      <c r="CX25" s="313">
        <v>0</v>
      </c>
      <c r="CY25" s="311">
        <v>0</v>
      </c>
      <c r="CZ25" s="312">
        <v>0</v>
      </c>
      <c r="DA25" s="313">
        <v>0</v>
      </c>
      <c r="DB25" s="313">
        <v>0</v>
      </c>
      <c r="DC25" s="313">
        <v>0</v>
      </c>
      <c r="DD25" s="313">
        <v>0</v>
      </c>
      <c r="DE25" s="313">
        <v>0</v>
      </c>
      <c r="DF25" s="311">
        <v>0</v>
      </c>
      <c r="DG25" s="315">
        <v>0</v>
      </c>
    </row>
    <row r="26" spans="1:111" ht="18.75" customHeight="1" x14ac:dyDescent="0.2">
      <c r="A26" s="297" t="s">
        <v>24</v>
      </c>
      <c r="B26" s="310">
        <v>0</v>
      </c>
      <c r="C26" s="313">
        <v>0</v>
      </c>
      <c r="D26" s="441">
        <v>0</v>
      </c>
      <c r="E26" s="312">
        <v>0</v>
      </c>
      <c r="F26" s="313">
        <v>123</v>
      </c>
      <c r="G26" s="313">
        <v>106</v>
      </c>
      <c r="H26" s="313">
        <v>96</v>
      </c>
      <c r="I26" s="313">
        <v>127</v>
      </c>
      <c r="J26" s="313">
        <v>28</v>
      </c>
      <c r="K26" s="314">
        <v>480</v>
      </c>
      <c r="L26" s="315">
        <v>480</v>
      </c>
      <c r="M26" s="310">
        <v>0</v>
      </c>
      <c r="N26" s="313">
        <v>0</v>
      </c>
      <c r="O26" s="311">
        <v>0</v>
      </c>
      <c r="P26" s="312">
        <v>0</v>
      </c>
      <c r="Q26" s="313">
        <v>0</v>
      </c>
      <c r="R26" s="313">
        <v>7</v>
      </c>
      <c r="S26" s="313">
        <v>0</v>
      </c>
      <c r="T26" s="313">
        <v>8</v>
      </c>
      <c r="U26" s="313">
        <v>8</v>
      </c>
      <c r="V26" s="311">
        <v>23</v>
      </c>
      <c r="W26" s="315">
        <v>23</v>
      </c>
      <c r="X26" s="310">
        <v>30</v>
      </c>
      <c r="Y26" s="313">
        <v>16</v>
      </c>
      <c r="Z26" s="311">
        <v>46</v>
      </c>
      <c r="AA26" s="312">
        <v>0</v>
      </c>
      <c r="AB26" s="313">
        <v>104</v>
      </c>
      <c r="AC26" s="313">
        <v>35</v>
      </c>
      <c r="AD26" s="313">
        <v>20</v>
      </c>
      <c r="AE26" s="313">
        <v>61</v>
      </c>
      <c r="AF26" s="313">
        <v>12</v>
      </c>
      <c r="AG26" s="311">
        <v>232</v>
      </c>
      <c r="AH26" s="315">
        <v>278</v>
      </c>
      <c r="AI26" s="310">
        <v>12</v>
      </c>
      <c r="AJ26" s="313">
        <v>16</v>
      </c>
      <c r="AK26" s="311">
        <v>28</v>
      </c>
      <c r="AL26" s="312">
        <v>0</v>
      </c>
      <c r="AM26" s="313">
        <v>24</v>
      </c>
      <c r="AN26" s="313">
        <v>0</v>
      </c>
      <c r="AO26" s="313">
        <v>0</v>
      </c>
      <c r="AP26" s="313">
        <v>0</v>
      </c>
      <c r="AQ26" s="313">
        <v>0</v>
      </c>
      <c r="AR26" s="311">
        <v>24</v>
      </c>
      <c r="AS26" s="315">
        <v>52</v>
      </c>
      <c r="AT26" s="310">
        <v>0</v>
      </c>
      <c r="AU26" s="313">
        <v>0</v>
      </c>
      <c r="AV26" s="311">
        <v>0</v>
      </c>
      <c r="AW26" s="312">
        <v>0</v>
      </c>
      <c r="AX26" s="313">
        <v>44</v>
      </c>
      <c r="AY26" s="313">
        <v>73</v>
      </c>
      <c r="AZ26" s="313">
        <v>31</v>
      </c>
      <c r="BA26" s="313">
        <v>15</v>
      </c>
      <c r="BB26" s="313">
        <v>0</v>
      </c>
      <c r="BC26" s="314">
        <v>163</v>
      </c>
      <c r="BD26" s="315">
        <v>163</v>
      </c>
      <c r="BE26" s="310">
        <v>0</v>
      </c>
      <c r="BF26" s="313">
        <v>0</v>
      </c>
      <c r="BG26" s="311">
        <v>0</v>
      </c>
      <c r="BH26" s="312">
        <v>0</v>
      </c>
      <c r="BI26" s="313">
        <v>22</v>
      </c>
      <c r="BJ26" s="313">
        <v>22</v>
      </c>
      <c r="BK26" s="313">
        <v>35</v>
      </c>
      <c r="BL26" s="313">
        <v>0</v>
      </c>
      <c r="BM26" s="313">
        <v>0</v>
      </c>
      <c r="BN26" s="311">
        <v>79</v>
      </c>
      <c r="BO26" s="315">
        <v>79</v>
      </c>
      <c r="BP26" s="310">
        <v>4</v>
      </c>
      <c r="BQ26" s="313">
        <v>0</v>
      </c>
      <c r="BR26" s="311">
        <v>4</v>
      </c>
      <c r="BS26" s="312">
        <v>0</v>
      </c>
      <c r="BT26" s="313">
        <v>12</v>
      </c>
      <c r="BU26" s="313">
        <v>0</v>
      </c>
      <c r="BV26" s="313">
        <v>37</v>
      </c>
      <c r="BW26" s="313">
        <v>22</v>
      </c>
      <c r="BX26" s="313">
        <v>0</v>
      </c>
      <c r="BY26" s="311">
        <v>71</v>
      </c>
      <c r="BZ26" s="315">
        <v>75</v>
      </c>
      <c r="CA26" s="310">
        <v>0</v>
      </c>
      <c r="CB26" s="313">
        <v>0</v>
      </c>
      <c r="CC26" s="311">
        <v>0</v>
      </c>
      <c r="CD26" s="312">
        <v>0</v>
      </c>
      <c r="CE26" s="313">
        <v>0</v>
      </c>
      <c r="CF26" s="313">
        <v>0</v>
      </c>
      <c r="CG26" s="313">
        <v>0</v>
      </c>
      <c r="CH26" s="313">
        <v>0</v>
      </c>
      <c r="CI26" s="313">
        <v>0</v>
      </c>
      <c r="CJ26" s="311">
        <v>0</v>
      </c>
      <c r="CK26" s="315">
        <v>0</v>
      </c>
      <c r="CL26" s="310">
        <v>0</v>
      </c>
      <c r="CM26" s="313">
        <v>0</v>
      </c>
      <c r="CN26" s="311">
        <v>0</v>
      </c>
      <c r="CO26" s="312">
        <v>0</v>
      </c>
      <c r="CP26" s="313">
        <v>0</v>
      </c>
      <c r="CQ26" s="313">
        <v>0</v>
      </c>
      <c r="CR26" s="313">
        <v>0</v>
      </c>
      <c r="CS26" s="313">
        <v>0</v>
      </c>
      <c r="CT26" s="313">
        <v>0</v>
      </c>
      <c r="CU26" s="311">
        <v>0</v>
      </c>
      <c r="CV26" s="315">
        <v>0</v>
      </c>
      <c r="CW26" s="310">
        <v>0</v>
      </c>
      <c r="CX26" s="313">
        <v>0</v>
      </c>
      <c r="CY26" s="311">
        <v>0</v>
      </c>
      <c r="CZ26" s="312">
        <v>0</v>
      </c>
      <c r="DA26" s="313">
        <v>0</v>
      </c>
      <c r="DB26" s="313">
        <v>0</v>
      </c>
      <c r="DC26" s="313">
        <v>0</v>
      </c>
      <c r="DD26" s="313">
        <v>0</v>
      </c>
      <c r="DE26" s="313">
        <v>0</v>
      </c>
      <c r="DF26" s="311">
        <v>0</v>
      </c>
      <c r="DG26" s="315">
        <v>0</v>
      </c>
    </row>
    <row r="27" spans="1:111" ht="18.75" customHeight="1" x14ac:dyDescent="0.2">
      <c r="A27" s="297" t="s">
        <v>25</v>
      </c>
      <c r="B27" s="310">
        <v>0</v>
      </c>
      <c r="C27" s="313">
        <v>0</v>
      </c>
      <c r="D27" s="441">
        <v>0</v>
      </c>
      <c r="E27" s="312">
        <v>0</v>
      </c>
      <c r="F27" s="313">
        <v>52</v>
      </c>
      <c r="G27" s="313">
        <v>120</v>
      </c>
      <c r="H27" s="313">
        <v>79</v>
      </c>
      <c r="I27" s="313">
        <v>166</v>
      </c>
      <c r="J27" s="313">
        <v>4</v>
      </c>
      <c r="K27" s="314">
        <v>421</v>
      </c>
      <c r="L27" s="315">
        <v>421</v>
      </c>
      <c r="M27" s="310">
        <v>0</v>
      </c>
      <c r="N27" s="313">
        <v>0</v>
      </c>
      <c r="O27" s="311">
        <v>0</v>
      </c>
      <c r="P27" s="312">
        <v>0</v>
      </c>
      <c r="Q27" s="313">
        <v>0</v>
      </c>
      <c r="R27" s="313">
        <v>2</v>
      </c>
      <c r="S27" s="313">
        <v>0</v>
      </c>
      <c r="T27" s="313">
        <v>5</v>
      </c>
      <c r="U27" s="313">
        <v>8</v>
      </c>
      <c r="V27" s="311">
        <v>15</v>
      </c>
      <c r="W27" s="315">
        <v>15</v>
      </c>
      <c r="X27" s="310">
        <v>0</v>
      </c>
      <c r="Y27" s="313">
        <v>17</v>
      </c>
      <c r="Z27" s="311">
        <v>17</v>
      </c>
      <c r="AA27" s="312">
        <v>0</v>
      </c>
      <c r="AB27" s="313">
        <v>61</v>
      </c>
      <c r="AC27" s="313">
        <v>29</v>
      </c>
      <c r="AD27" s="313">
        <v>4</v>
      </c>
      <c r="AE27" s="313">
        <v>8</v>
      </c>
      <c r="AF27" s="313">
        <v>31</v>
      </c>
      <c r="AG27" s="311">
        <v>133</v>
      </c>
      <c r="AH27" s="315">
        <v>150</v>
      </c>
      <c r="AI27" s="310">
        <v>0</v>
      </c>
      <c r="AJ27" s="313">
        <v>16</v>
      </c>
      <c r="AK27" s="311">
        <v>16</v>
      </c>
      <c r="AL27" s="312">
        <v>0</v>
      </c>
      <c r="AM27" s="313">
        <v>6</v>
      </c>
      <c r="AN27" s="313">
        <v>0</v>
      </c>
      <c r="AO27" s="313">
        <v>0</v>
      </c>
      <c r="AP27" s="313">
        <v>0</v>
      </c>
      <c r="AQ27" s="313">
        <v>16</v>
      </c>
      <c r="AR27" s="311">
        <v>22</v>
      </c>
      <c r="AS27" s="315">
        <v>38</v>
      </c>
      <c r="AT27" s="310">
        <v>0</v>
      </c>
      <c r="AU27" s="313">
        <v>0</v>
      </c>
      <c r="AV27" s="311">
        <v>0</v>
      </c>
      <c r="AW27" s="312">
        <v>0</v>
      </c>
      <c r="AX27" s="313">
        <v>72</v>
      </c>
      <c r="AY27" s="313">
        <v>32</v>
      </c>
      <c r="AZ27" s="313">
        <v>0</v>
      </c>
      <c r="BA27" s="313">
        <v>50</v>
      </c>
      <c r="BB27" s="313">
        <v>3</v>
      </c>
      <c r="BC27" s="314">
        <v>157</v>
      </c>
      <c r="BD27" s="315">
        <v>157</v>
      </c>
      <c r="BE27" s="310">
        <v>0</v>
      </c>
      <c r="BF27" s="313">
        <v>0</v>
      </c>
      <c r="BG27" s="311">
        <v>0</v>
      </c>
      <c r="BH27" s="312">
        <v>0</v>
      </c>
      <c r="BI27" s="313">
        <v>24</v>
      </c>
      <c r="BJ27" s="313">
        <v>13</v>
      </c>
      <c r="BK27" s="313">
        <v>8</v>
      </c>
      <c r="BL27" s="313">
        <v>12</v>
      </c>
      <c r="BM27" s="313">
        <v>2</v>
      </c>
      <c r="BN27" s="311">
        <v>59</v>
      </c>
      <c r="BO27" s="315">
        <v>59</v>
      </c>
      <c r="BP27" s="310">
        <v>0</v>
      </c>
      <c r="BQ27" s="313">
        <v>0</v>
      </c>
      <c r="BR27" s="311">
        <v>0</v>
      </c>
      <c r="BS27" s="312">
        <v>0</v>
      </c>
      <c r="BT27" s="313">
        <v>13</v>
      </c>
      <c r="BU27" s="313">
        <v>0</v>
      </c>
      <c r="BV27" s="313">
        <v>9</v>
      </c>
      <c r="BW27" s="313">
        <v>6</v>
      </c>
      <c r="BX27" s="313">
        <v>0</v>
      </c>
      <c r="BY27" s="311">
        <v>28</v>
      </c>
      <c r="BZ27" s="315">
        <v>28</v>
      </c>
      <c r="CA27" s="310">
        <v>0</v>
      </c>
      <c r="CB27" s="313">
        <v>0</v>
      </c>
      <c r="CC27" s="311">
        <v>0</v>
      </c>
      <c r="CD27" s="312">
        <v>0</v>
      </c>
      <c r="CE27" s="313">
        <v>0</v>
      </c>
      <c r="CF27" s="313">
        <v>0</v>
      </c>
      <c r="CG27" s="313">
        <v>0</v>
      </c>
      <c r="CH27" s="313">
        <v>0</v>
      </c>
      <c r="CI27" s="313">
        <v>0</v>
      </c>
      <c r="CJ27" s="311">
        <v>0</v>
      </c>
      <c r="CK27" s="315">
        <v>0</v>
      </c>
      <c r="CL27" s="310">
        <v>0</v>
      </c>
      <c r="CM27" s="313">
        <v>0</v>
      </c>
      <c r="CN27" s="311">
        <v>0</v>
      </c>
      <c r="CO27" s="312">
        <v>0</v>
      </c>
      <c r="CP27" s="313">
        <v>0</v>
      </c>
      <c r="CQ27" s="313">
        <v>0</v>
      </c>
      <c r="CR27" s="313">
        <v>0</v>
      </c>
      <c r="CS27" s="313">
        <v>0</v>
      </c>
      <c r="CT27" s="313">
        <v>0</v>
      </c>
      <c r="CU27" s="311">
        <v>0</v>
      </c>
      <c r="CV27" s="315">
        <v>0</v>
      </c>
      <c r="CW27" s="310">
        <v>0</v>
      </c>
      <c r="CX27" s="313">
        <v>0</v>
      </c>
      <c r="CY27" s="311">
        <v>0</v>
      </c>
      <c r="CZ27" s="312">
        <v>0</v>
      </c>
      <c r="DA27" s="313">
        <v>0</v>
      </c>
      <c r="DB27" s="313">
        <v>0</v>
      </c>
      <c r="DC27" s="313">
        <v>0</v>
      </c>
      <c r="DD27" s="313">
        <v>0</v>
      </c>
      <c r="DE27" s="313">
        <v>0</v>
      </c>
      <c r="DF27" s="311">
        <v>0</v>
      </c>
      <c r="DG27" s="315">
        <v>0</v>
      </c>
    </row>
    <row r="28" spans="1:111" ht="18.75" customHeight="1" x14ac:dyDescent="0.2">
      <c r="A28" s="297" t="s">
        <v>26</v>
      </c>
      <c r="B28" s="310">
        <v>0</v>
      </c>
      <c r="C28" s="313">
        <v>0</v>
      </c>
      <c r="D28" s="441">
        <v>0</v>
      </c>
      <c r="E28" s="312">
        <v>0</v>
      </c>
      <c r="F28" s="313">
        <v>20</v>
      </c>
      <c r="G28" s="313">
        <v>126</v>
      </c>
      <c r="H28" s="313">
        <v>242</v>
      </c>
      <c r="I28" s="313">
        <v>38</v>
      </c>
      <c r="J28" s="313">
        <v>101</v>
      </c>
      <c r="K28" s="314">
        <v>527</v>
      </c>
      <c r="L28" s="315">
        <v>527</v>
      </c>
      <c r="M28" s="310">
        <v>0</v>
      </c>
      <c r="N28" s="313">
        <v>0</v>
      </c>
      <c r="O28" s="311">
        <v>0</v>
      </c>
      <c r="P28" s="312">
        <v>0</v>
      </c>
      <c r="Q28" s="313">
        <v>0</v>
      </c>
      <c r="R28" s="313">
        <v>0</v>
      </c>
      <c r="S28" s="313">
        <v>8</v>
      </c>
      <c r="T28" s="313">
        <v>12</v>
      </c>
      <c r="U28" s="313">
        <v>9</v>
      </c>
      <c r="V28" s="311">
        <v>29</v>
      </c>
      <c r="W28" s="315">
        <v>29</v>
      </c>
      <c r="X28" s="310">
        <v>4</v>
      </c>
      <c r="Y28" s="313">
        <v>13</v>
      </c>
      <c r="Z28" s="311">
        <v>17</v>
      </c>
      <c r="AA28" s="312">
        <v>0</v>
      </c>
      <c r="AB28" s="313">
        <v>35</v>
      </c>
      <c r="AC28" s="313">
        <v>18</v>
      </c>
      <c r="AD28" s="313">
        <v>56</v>
      </c>
      <c r="AE28" s="313">
        <v>25</v>
      </c>
      <c r="AF28" s="313">
        <v>42</v>
      </c>
      <c r="AG28" s="311">
        <v>176</v>
      </c>
      <c r="AH28" s="315">
        <v>193</v>
      </c>
      <c r="AI28" s="310">
        <v>0</v>
      </c>
      <c r="AJ28" s="313">
        <v>0</v>
      </c>
      <c r="AK28" s="311">
        <v>0</v>
      </c>
      <c r="AL28" s="312">
        <v>0</v>
      </c>
      <c r="AM28" s="313">
        <v>0</v>
      </c>
      <c r="AN28" s="313">
        <v>12</v>
      </c>
      <c r="AO28" s="313">
        <v>36</v>
      </c>
      <c r="AP28" s="313">
        <v>0</v>
      </c>
      <c r="AQ28" s="313">
        <v>0</v>
      </c>
      <c r="AR28" s="311">
        <v>48</v>
      </c>
      <c r="AS28" s="315">
        <v>48</v>
      </c>
      <c r="AT28" s="310">
        <v>0</v>
      </c>
      <c r="AU28" s="313">
        <v>0</v>
      </c>
      <c r="AV28" s="311">
        <v>0</v>
      </c>
      <c r="AW28" s="312">
        <v>0</v>
      </c>
      <c r="AX28" s="313">
        <v>82</v>
      </c>
      <c r="AY28" s="313">
        <v>94</v>
      </c>
      <c r="AZ28" s="313">
        <v>35</v>
      </c>
      <c r="BA28" s="313">
        <v>15</v>
      </c>
      <c r="BB28" s="313">
        <v>39</v>
      </c>
      <c r="BC28" s="314">
        <v>265</v>
      </c>
      <c r="BD28" s="315">
        <v>265</v>
      </c>
      <c r="BE28" s="310">
        <v>0</v>
      </c>
      <c r="BF28" s="313">
        <v>0</v>
      </c>
      <c r="BG28" s="311">
        <v>0</v>
      </c>
      <c r="BH28" s="312">
        <v>0</v>
      </c>
      <c r="BI28" s="313">
        <v>0</v>
      </c>
      <c r="BJ28" s="313">
        <v>26</v>
      </c>
      <c r="BK28" s="313">
        <v>27</v>
      </c>
      <c r="BL28" s="313">
        <v>0</v>
      </c>
      <c r="BM28" s="313">
        <v>0</v>
      </c>
      <c r="BN28" s="311">
        <v>53</v>
      </c>
      <c r="BO28" s="315">
        <v>53</v>
      </c>
      <c r="BP28" s="310">
        <v>0</v>
      </c>
      <c r="BQ28" s="313">
        <v>0</v>
      </c>
      <c r="BR28" s="311">
        <v>0</v>
      </c>
      <c r="BS28" s="312">
        <v>0</v>
      </c>
      <c r="BT28" s="313">
        <v>0</v>
      </c>
      <c r="BU28" s="313">
        <v>25</v>
      </c>
      <c r="BV28" s="313">
        <v>0</v>
      </c>
      <c r="BW28" s="313">
        <v>0</v>
      </c>
      <c r="BX28" s="313">
        <v>0</v>
      </c>
      <c r="BY28" s="311">
        <v>25</v>
      </c>
      <c r="BZ28" s="315">
        <v>25</v>
      </c>
      <c r="CA28" s="310">
        <v>0</v>
      </c>
      <c r="CB28" s="313">
        <v>0</v>
      </c>
      <c r="CC28" s="311">
        <v>0</v>
      </c>
      <c r="CD28" s="312">
        <v>0</v>
      </c>
      <c r="CE28" s="313">
        <v>0</v>
      </c>
      <c r="CF28" s="313">
        <v>0</v>
      </c>
      <c r="CG28" s="313">
        <v>3</v>
      </c>
      <c r="CH28" s="313">
        <v>0</v>
      </c>
      <c r="CI28" s="313">
        <v>0</v>
      </c>
      <c r="CJ28" s="311">
        <v>3</v>
      </c>
      <c r="CK28" s="315">
        <v>3</v>
      </c>
      <c r="CL28" s="310">
        <v>0</v>
      </c>
      <c r="CM28" s="313">
        <v>0</v>
      </c>
      <c r="CN28" s="311">
        <v>0</v>
      </c>
      <c r="CO28" s="312">
        <v>0</v>
      </c>
      <c r="CP28" s="313">
        <v>0</v>
      </c>
      <c r="CQ28" s="313">
        <v>0</v>
      </c>
      <c r="CR28" s="313">
        <v>0</v>
      </c>
      <c r="CS28" s="313">
        <v>0</v>
      </c>
      <c r="CT28" s="313">
        <v>0</v>
      </c>
      <c r="CU28" s="311">
        <v>0</v>
      </c>
      <c r="CV28" s="315">
        <v>0</v>
      </c>
      <c r="CW28" s="310">
        <v>0</v>
      </c>
      <c r="CX28" s="313">
        <v>0</v>
      </c>
      <c r="CY28" s="311">
        <v>0</v>
      </c>
      <c r="CZ28" s="312">
        <v>0</v>
      </c>
      <c r="DA28" s="313">
        <v>0</v>
      </c>
      <c r="DB28" s="313">
        <v>0</v>
      </c>
      <c r="DC28" s="313">
        <v>0</v>
      </c>
      <c r="DD28" s="313">
        <v>0</v>
      </c>
      <c r="DE28" s="313">
        <v>0</v>
      </c>
      <c r="DF28" s="311">
        <v>0</v>
      </c>
      <c r="DG28" s="315">
        <v>0</v>
      </c>
    </row>
    <row r="29" spans="1:111" ht="18.75" customHeight="1" x14ac:dyDescent="0.2">
      <c r="A29" s="297" t="s">
        <v>27</v>
      </c>
      <c r="B29" s="310">
        <v>0</v>
      </c>
      <c r="C29" s="313">
        <v>0</v>
      </c>
      <c r="D29" s="441">
        <v>0</v>
      </c>
      <c r="E29" s="312">
        <v>0</v>
      </c>
      <c r="F29" s="313">
        <v>36</v>
      </c>
      <c r="G29" s="313">
        <v>3</v>
      </c>
      <c r="H29" s="313">
        <v>219</v>
      </c>
      <c r="I29" s="313">
        <v>216</v>
      </c>
      <c r="J29" s="313">
        <v>39</v>
      </c>
      <c r="K29" s="314">
        <v>513</v>
      </c>
      <c r="L29" s="315">
        <v>513</v>
      </c>
      <c r="M29" s="310">
        <v>0</v>
      </c>
      <c r="N29" s="313">
        <v>0</v>
      </c>
      <c r="O29" s="311">
        <v>0</v>
      </c>
      <c r="P29" s="312">
        <v>0</v>
      </c>
      <c r="Q29" s="313">
        <v>0</v>
      </c>
      <c r="R29" s="313">
        <v>0</v>
      </c>
      <c r="S29" s="313">
        <v>0</v>
      </c>
      <c r="T29" s="313">
        <v>6</v>
      </c>
      <c r="U29" s="313">
        <v>6</v>
      </c>
      <c r="V29" s="311">
        <v>12</v>
      </c>
      <c r="W29" s="315">
        <v>12</v>
      </c>
      <c r="X29" s="310">
        <v>0</v>
      </c>
      <c r="Y29" s="313">
        <v>25</v>
      </c>
      <c r="Z29" s="311">
        <v>25</v>
      </c>
      <c r="AA29" s="312">
        <v>0</v>
      </c>
      <c r="AB29" s="313">
        <v>33</v>
      </c>
      <c r="AC29" s="313">
        <v>90</v>
      </c>
      <c r="AD29" s="313">
        <v>15</v>
      </c>
      <c r="AE29" s="313">
        <v>55</v>
      </c>
      <c r="AF29" s="313">
        <v>32</v>
      </c>
      <c r="AG29" s="311">
        <v>225</v>
      </c>
      <c r="AH29" s="315">
        <v>250</v>
      </c>
      <c r="AI29" s="310">
        <v>0</v>
      </c>
      <c r="AJ29" s="313">
        <v>15</v>
      </c>
      <c r="AK29" s="311">
        <v>15</v>
      </c>
      <c r="AL29" s="312">
        <v>0</v>
      </c>
      <c r="AM29" s="313">
        <v>0</v>
      </c>
      <c r="AN29" s="313">
        <v>0</v>
      </c>
      <c r="AO29" s="313">
        <v>21</v>
      </c>
      <c r="AP29" s="313">
        <v>0</v>
      </c>
      <c r="AQ29" s="313">
        <v>0</v>
      </c>
      <c r="AR29" s="311">
        <v>21</v>
      </c>
      <c r="AS29" s="315">
        <v>36</v>
      </c>
      <c r="AT29" s="310">
        <v>0</v>
      </c>
      <c r="AU29" s="313">
        <v>0</v>
      </c>
      <c r="AV29" s="311">
        <v>0</v>
      </c>
      <c r="AW29" s="312">
        <v>0</v>
      </c>
      <c r="AX29" s="313">
        <v>64</v>
      </c>
      <c r="AY29" s="313">
        <v>82</v>
      </c>
      <c r="AZ29" s="313">
        <v>58</v>
      </c>
      <c r="BA29" s="313">
        <v>54</v>
      </c>
      <c r="BB29" s="313">
        <v>19</v>
      </c>
      <c r="BC29" s="314">
        <v>277</v>
      </c>
      <c r="BD29" s="315">
        <v>277</v>
      </c>
      <c r="BE29" s="310">
        <v>0</v>
      </c>
      <c r="BF29" s="313">
        <v>0</v>
      </c>
      <c r="BG29" s="311">
        <v>0</v>
      </c>
      <c r="BH29" s="312">
        <v>0</v>
      </c>
      <c r="BI29" s="313">
        <v>4</v>
      </c>
      <c r="BJ29" s="313">
        <v>28</v>
      </c>
      <c r="BK29" s="313">
        <v>14</v>
      </c>
      <c r="BL29" s="313">
        <v>8</v>
      </c>
      <c r="BM29" s="313">
        <v>9</v>
      </c>
      <c r="BN29" s="311">
        <v>63</v>
      </c>
      <c r="BO29" s="315">
        <v>63</v>
      </c>
      <c r="BP29" s="310">
        <v>0</v>
      </c>
      <c r="BQ29" s="313">
        <v>0</v>
      </c>
      <c r="BR29" s="311">
        <v>0</v>
      </c>
      <c r="BS29" s="312">
        <v>0</v>
      </c>
      <c r="BT29" s="313">
        <v>0</v>
      </c>
      <c r="BU29" s="313">
        <v>2</v>
      </c>
      <c r="BV29" s="313">
        <v>5</v>
      </c>
      <c r="BW29" s="313">
        <v>0</v>
      </c>
      <c r="BX29" s="313">
        <v>3</v>
      </c>
      <c r="BY29" s="311">
        <v>10</v>
      </c>
      <c r="BZ29" s="315">
        <v>10</v>
      </c>
      <c r="CA29" s="310">
        <v>0</v>
      </c>
      <c r="CB29" s="313">
        <v>0</v>
      </c>
      <c r="CC29" s="311">
        <v>0</v>
      </c>
      <c r="CD29" s="312">
        <v>0</v>
      </c>
      <c r="CE29" s="313">
        <v>0</v>
      </c>
      <c r="CF29" s="313">
        <v>0</v>
      </c>
      <c r="CG29" s="313">
        <v>4</v>
      </c>
      <c r="CH29" s="313">
        <v>0</v>
      </c>
      <c r="CI29" s="313">
        <v>0</v>
      </c>
      <c r="CJ29" s="311">
        <v>4</v>
      </c>
      <c r="CK29" s="315">
        <v>4</v>
      </c>
      <c r="CL29" s="310">
        <v>0</v>
      </c>
      <c r="CM29" s="313">
        <v>0</v>
      </c>
      <c r="CN29" s="311">
        <v>0</v>
      </c>
      <c r="CO29" s="312">
        <v>0</v>
      </c>
      <c r="CP29" s="313">
        <v>0</v>
      </c>
      <c r="CQ29" s="313">
        <v>0</v>
      </c>
      <c r="CR29" s="313">
        <v>0</v>
      </c>
      <c r="CS29" s="313">
        <v>0</v>
      </c>
      <c r="CT29" s="313">
        <v>0</v>
      </c>
      <c r="CU29" s="311">
        <v>0</v>
      </c>
      <c r="CV29" s="315">
        <v>0</v>
      </c>
      <c r="CW29" s="310">
        <v>0</v>
      </c>
      <c r="CX29" s="313">
        <v>0</v>
      </c>
      <c r="CY29" s="311">
        <v>0</v>
      </c>
      <c r="CZ29" s="312">
        <v>0</v>
      </c>
      <c r="DA29" s="313">
        <v>0</v>
      </c>
      <c r="DB29" s="313">
        <v>0</v>
      </c>
      <c r="DC29" s="313">
        <v>0</v>
      </c>
      <c r="DD29" s="313">
        <v>0</v>
      </c>
      <c r="DE29" s="313">
        <v>0</v>
      </c>
      <c r="DF29" s="311">
        <v>0</v>
      </c>
      <c r="DG29" s="315">
        <v>0</v>
      </c>
    </row>
    <row r="30" spans="1:111" ht="18.75" customHeight="1" x14ac:dyDescent="0.2">
      <c r="A30" s="297" t="s">
        <v>28</v>
      </c>
      <c r="B30" s="310">
        <v>0</v>
      </c>
      <c r="C30" s="313">
        <v>0</v>
      </c>
      <c r="D30" s="441">
        <v>0</v>
      </c>
      <c r="E30" s="312">
        <v>0</v>
      </c>
      <c r="F30" s="313">
        <v>0</v>
      </c>
      <c r="G30" s="313">
        <v>5</v>
      </c>
      <c r="H30" s="313">
        <v>19</v>
      </c>
      <c r="I30" s="313">
        <v>0</v>
      </c>
      <c r="J30" s="313">
        <v>0</v>
      </c>
      <c r="K30" s="314">
        <v>24</v>
      </c>
      <c r="L30" s="315">
        <v>24</v>
      </c>
      <c r="M30" s="310">
        <v>0</v>
      </c>
      <c r="N30" s="313">
        <v>0</v>
      </c>
      <c r="O30" s="311">
        <v>0</v>
      </c>
      <c r="P30" s="312">
        <v>0</v>
      </c>
      <c r="Q30" s="313">
        <v>0</v>
      </c>
      <c r="R30" s="313">
        <v>0</v>
      </c>
      <c r="S30" s="313">
        <v>0</v>
      </c>
      <c r="T30" s="313">
        <v>0</v>
      </c>
      <c r="U30" s="313">
        <v>0</v>
      </c>
      <c r="V30" s="311">
        <v>0</v>
      </c>
      <c r="W30" s="315">
        <v>0</v>
      </c>
      <c r="X30" s="310">
        <v>0</v>
      </c>
      <c r="Y30" s="313">
        <v>0</v>
      </c>
      <c r="Z30" s="311">
        <v>0</v>
      </c>
      <c r="AA30" s="312">
        <v>0</v>
      </c>
      <c r="AB30" s="313">
        <v>0</v>
      </c>
      <c r="AC30" s="313">
        <v>20</v>
      </c>
      <c r="AD30" s="313">
        <v>4</v>
      </c>
      <c r="AE30" s="313">
        <v>0</v>
      </c>
      <c r="AF30" s="313">
        <v>0</v>
      </c>
      <c r="AG30" s="311">
        <v>24</v>
      </c>
      <c r="AH30" s="315">
        <v>24</v>
      </c>
      <c r="AI30" s="310">
        <v>0</v>
      </c>
      <c r="AJ30" s="313">
        <v>0</v>
      </c>
      <c r="AK30" s="311">
        <v>0</v>
      </c>
      <c r="AL30" s="312">
        <v>0</v>
      </c>
      <c r="AM30" s="313">
        <v>0</v>
      </c>
      <c r="AN30" s="313">
        <v>0</v>
      </c>
      <c r="AO30" s="313">
        <v>0</v>
      </c>
      <c r="AP30" s="313">
        <v>0</v>
      </c>
      <c r="AQ30" s="313">
        <v>0</v>
      </c>
      <c r="AR30" s="311">
        <v>0</v>
      </c>
      <c r="AS30" s="315">
        <v>0</v>
      </c>
      <c r="AT30" s="310">
        <v>0</v>
      </c>
      <c r="AU30" s="313">
        <v>0</v>
      </c>
      <c r="AV30" s="311">
        <v>0</v>
      </c>
      <c r="AW30" s="312">
        <v>0</v>
      </c>
      <c r="AX30" s="313">
        <v>24</v>
      </c>
      <c r="AY30" s="313">
        <v>0</v>
      </c>
      <c r="AZ30" s="313">
        <v>0</v>
      </c>
      <c r="BA30" s="313">
        <v>0</v>
      </c>
      <c r="BB30" s="313">
        <v>0</v>
      </c>
      <c r="BC30" s="314">
        <v>24</v>
      </c>
      <c r="BD30" s="315">
        <v>24</v>
      </c>
      <c r="BE30" s="310">
        <v>0</v>
      </c>
      <c r="BF30" s="313">
        <v>0</v>
      </c>
      <c r="BG30" s="311">
        <v>0</v>
      </c>
      <c r="BH30" s="312">
        <v>0</v>
      </c>
      <c r="BI30" s="313">
        <v>0</v>
      </c>
      <c r="BJ30" s="313">
        <v>0</v>
      </c>
      <c r="BK30" s="313">
        <v>0</v>
      </c>
      <c r="BL30" s="313">
        <v>0</v>
      </c>
      <c r="BM30" s="313">
        <v>0</v>
      </c>
      <c r="BN30" s="311">
        <v>0</v>
      </c>
      <c r="BO30" s="315">
        <v>0</v>
      </c>
      <c r="BP30" s="310">
        <v>0</v>
      </c>
      <c r="BQ30" s="313">
        <v>0</v>
      </c>
      <c r="BR30" s="311">
        <v>0</v>
      </c>
      <c r="BS30" s="312">
        <v>0</v>
      </c>
      <c r="BT30" s="313">
        <v>0</v>
      </c>
      <c r="BU30" s="313">
        <v>3</v>
      </c>
      <c r="BV30" s="313">
        <v>0</v>
      </c>
      <c r="BW30" s="313">
        <v>0</v>
      </c>
      <c r="BX30" s="313">
        <v>0</v>
      </c>
      <c r="BY30" s="311">
        <v>3</v>
      </c>
      <c r="BZ30" s="315">
        <v>3</v>
      </c>
      <c r="CA30" s="310">
        <v>0</v>
      </c>
      <c r="CB30" s="313">
        <v>0</v>
      </c>
      <c r="CC30" s="311">
        <v>0</v>
      </c>
      <c r="CD30" s="312">
        <v>0</v>
      </c>
      <c r="CE30" s="313">
        <v>0</v>
      </c>
      <c r="CF30" s="313">
        <v>0</v>
      </c>
      <c r="CG30" s="313">
        <v>0</v>
      </c>
      <c r="CH30" s="313">
        <v>0</v>
      </c>
      <c r="CI30" s="313">
        <v>0</v>
      </c>
      <c r="CJ30" s="311">
        <v>0</v>
      </c>
      <c r="CK30" s="315">
        <v>0</v>
      </c>
      <c r="CL30" s="310">
        <v>0</v>
      </c>
      <c r="CM30" s="313">
        <v>0</v>
      </c>
      <c r="CN30" s="311">
        <v>0</v>
      </c>
      <c r="CO30" s="312">
        <v>0</v>
      </c>
      <c r="CP30" s="313">
        <v>0</v>
      </c>
      <c r="CQ30" s="313">
        <v>0</v>
      </c>
      <c r="CR30" s="313">
        <v>0</v>
      </c>
      <c r="CS30" s="313">
        <v>0</v>
      </c>
      <c r="CT30" s="313">
        <v>0</v>
      </c>
      <c r="CU30" s="311">
        <v>0</v>
      </c>
      <c r="CV30" s="315">
        <v>0</v>
      </c>
      <c r="CW30" s="310">
        <v>0</v>
      </c>
      <c r="CX30" s="313">
        <v>0</v>
      </c>
      <c r="CY30" s="311">
        <v>0</v>
      </c>
      <c r="CZ30" s="312">
        <v>0</v>
      </c>
      <c r="DA30" s="313">
        <v>0</v>
      </c>
      <c r="DB30" s="313">
        <v>0</v>
      </c>
      <c r="DC30" s="313">
        <v>0</v>
      </c>
      <c r="DD30" s="313">
        <v>0</v>
      </c>
      <c r="DE30" s="313">
        <v>0</v>
      </c>
      <c r="DF30" s="311">
        <v>0</v>
      </c>
      <c r="DG30" s="315">
        <v>0</v>
      </c>
    </row>
    <row r="31" spans="1:111" ht="18.75" customHeight="1" x14ac:dyDescent="0.2">
      <c r="A31" s="297" t="s">
        <v>29</v>
      </c>
      <c r="B31" s="310">
        <v>0</v>
      </c>
      <c r="C31" s="313">
        <v>0</v>
      </c>
      <c r="D31" s="441">
        <v>0</v>
      </c>
      <c r="E31" s="312">
        <v>0</v>
      </c>
      <c r="F31" s="313">
        <v>0</v>
      </c>
      <c r="G31" s="313">
        <v>9</v>
      </c>
      <c r="H31" s="313">
        <v>0</v>
      </c>
      <c r="I31" s="313">
        <v>62</v>
      </c>
      <c r="J31" s="313">
        <v>0</v>
      </c>
      <c r="K31" s="314">
        <v>71</v>
      </c>
      <c r="L31" s="315">
        <v>71</v>
      </c>
      <c r="M31" s="310">
        <v>0</v>
      </c>
      <c r="N31" s="313">
        <v>0</v>
      </c>
      <c r="O31" s="311">
        <v>0</v>
      </c>
      <c r="P31" s="312">
        <v>0</v>
      </c>
      <c r="Q31" s="313">
        <v>0</v>
      </c>
      <c r="R31" s="313">
        <v>0</v>
      </c>
      <c r="S31" s="313">
        <v>0</v>
      </c>
      <c r="T31" s="313">
        <v>0</v>
      </c>
      <c r="U31" s="313">
        <v>5</v>
      </c>
      <c r="V31" s="311">
        <v>5</v>
      </c>
      <c r="W31" s="315">
        <v>5</v>
      </c>
      <c r="X31" s="310">
        <v>0</v>
      </c>
      <c r="Y31" s="313">
        <v>2</v>
      </c>
      <c r="Z31" s="311">
        <v>2</v>
      </c>
      <c r="AA31" s="312">
        <v>0</v>
      </c>
      <c r="AB31" s="313">
        <v>0</v>
      </c>
      <c r="AC31" s="313">
        <v>0</v>
      </c>
      <c r="AD31" s="313">
        <v>0</v>
      </c>
      <c r="AE31" s="313">
        <v>0</v>
      </c>
      <c r="AF31" s="313">
        <v>4</v>
      </c>
      <c r="AG31" s="311">
        <v>4</v>
      </c>
      <c r="AH31" s="315">
        <v>6</v>
      </c>
      <c r="AI31" s="310">
        <v>0</v>
      </c>
      <c r="AJ31" s="313">
        <v>0</v>
      </c>
      <c r="AK31" s="311">
        <v>0</v>
      </c>
      <c r="AL31" s="312">
        <v>0</v>
      </c>
      <c r="AM31" s="313">
        <v>0</v>
      </c>
      <c r="AN31" s="313">
        <v>0</v>
      </c>
      <c r="AO31" s="313">
        <v>0</v>
      </c>
      <c r="AP31" s="313">
        <v>0</v>
      </c>
      <c r="AQ31" s="313">
        <v>0</v>
      </c>
      <c r="AR31" s="311">
        <v>0</v>
      </c>
      <c r="AS31" s="315">
        <v>0</v>
      </c>
      <c r="AT31" s="310">
        <v>0</v>
      </c>
      <c r="AU31" s="313">
        <v>0</v>
      </c>
      <c r="AV31" s="311">
        <v>0</v>
      </c>
      <c r="AW31" s="312">
        <v>0</v>
      </c>
      <c r="AX31" s="313">
        <v>40</v>
      </c>
      <c r="AY31" s="313">
        <v>5</v>
      </c>
      <c r="AZ31" s="313">
        <v>18</v>
      </c>
      <c r="BA31" s="313">
        <v>0</v>
      </c>
      <c r="BB31" s="313">
        <v>8</v>
      </c>
      <c r="BC31" s="314">
        <v>71</v>
      </c>
      <c r="BD31" s="315">
        <v>71</v>
      </c>
      <c r="BE31" s="310">
        <v>0</v>
      </c>
      <c r="BF31" s="313">
        <v>0</v>
      </c>
      <c r="BG31" s="311">
        <v>0</v>
      </c>
      <c r="BH31" s="312">
        <v>0</v>
      </c>
      <c r="BI31" s="313">
        <v>0</v>
      </c>
      <c r="BJ31" s="313">
        <v>8</v>
      </c>
      <c r="BK31" s="313">
        <v>3</v>
      </c>
      <c r="BL31" s="313">
        <v>9</v>
      </c>
      <c r="BM31" s="313">
        <v>0</v>
      </c>
      <c r="BN31" s="311">
        <v>20</v>
      </c>
      <c r="BO31" s="315">
        <v>20</v>
      </c>
      <c r="BP31" s="310">
        <v>0</v>
      </c>
      <c r="BQ31" s="313">
        <v>0</v>
      </c>
      <c r="BR31" s="311">
        <v>0</v>
      </c>
      <c r="BS31" s="312">
        <v>0</v>
      </c>
      <c r="BT31" s="313">
        <v>0</v>
      </c>
      <c r="BU31" s="313">
        <v>0</v>
      </c>
      <c r="BV31" s="313">
        <v>0</v>
      </c>
      <c r="BW31" s="313">
        <v>16</v>
      </c>
      <c r="BX31" s="313">
        <v>12</v>
      </c>
      <c r="BY31" s="311">
        <v>28</v>
      </c>
      <c r="BZ31" s="315">
        <v>28</v>
      </c>
      <c r="CA31" s="310">
        <v>0</v>
      </c>
      <c r="CB31" s="313">
        <v>0</v>
      </c>
      <c r="CC31" s="311">
        <v>0</v>
      </c>
      <c r="CD31" s="312">
        <v>0</v>
      </c>
      <c r="CE31" s="313">
        <v>0</v>
      </c>
      <c r="CF31" s="313">
        <v>0</v>
      </c>
      <c r="CG31" s="313">
        <v>0</v>
      </c>
      <c r="CH31" s="313">
        <v>30</v>
      </c>
      <c r="CI31" s="313">
        <v>0</v>
      </c>
      <c r="CJ31" s="311">
        <v>30</v>
      </c>
      <c r="CK31" s="315">
        <v>30</v>
      </c>
      <c r="CL31" s="310">
        <v>0</v>
      </c>
      <c r="CM31" s="313">
        <v>0</v>
      </c>
      <c r="CN31" s="311">
        <v>0</v>
      </c>
      <c r="CO31" s="312">
        <v>0</v>
      </c>
      <c r="CP31" s="313">
        <v>0</v>
      </c>
      <c r="CQ31" s="313">
        <v>0</v>
      </c>
      <c r="CR31" s="313">
        <v>0</v>
      </c>
      <c r="CS31" s="313">
        <v>0</v>
      </c>
      <c r="CT31" s="313">
        <v>0</v>
      </c>
      <c r="CU31" s="311">
        <v>0</v>
      </c>
      <c r="CV31" s="315">
        <v>0</v>
      </c>
      <c r="CW31" s="310">
        <v>0</v>
      </c>
      <c r="CX31" s="313">
        <v>0</v>
      </c>
      <c r="CY31" s="311">
        <v>0</v>
      </c>
      <c r="CZ31" s="312">
        <v>0</v>
      </c>
      <c r="DA31" s="313">
        <v>0</v>
      </c>
      <c r="DB31" s="313">
        <v>0</v>
      </c>
      <c r="DC31" s="313">
        <v>0</v>
      </c>
      <c r="DD31" s="313">
        <v>0</v>
      </c>
      <c r="DE31" s="313">
        <v>0</v>
      </c>
      <c r="DF31" s="311">
        <v>0</v>
      </c>
      <c r="DG31" s="315">
        <v>0</v>
      </c>
    </row>
    <row r="32" spans="1:111" ht="18.75" customHeight="1" x14ac:dyDescent="0.2">
      <c r="A32" s="297" t="s">
        <v>30</v>
      </c>
      <c r="B32" s="310">
        <v>0</v>
      </c>
      <c r="C32" s="313">
        <v>0</v>
      </c>
      <c r="D32" s="441">
        <v>0</v>
      </c>
      <c r="E32" s="312">
        <v>0</v>
      </c>
      <c r="F32" s="313">
        <v>0</v>
      </c>
      <c r="G32" s="313">
        <v>21</v>
      </c>
      <c r="H32" s="313">
        <v>1</v>
      </c>
      <c r="I32" s="313">
        <v>29</v>
      </c>
      <c r="J32" s="313">
        <v>0</v>
      </c>
      <c r="K32" s="314">
        <v>51</v>
      </c>
      <c r="L32" s="315">
        <v>51</v>
      </c>
      <c r="M32" s="310">
        <v>0</v>
      </c>
      <c r="N32" s="313">
        <v>0</v>
      </c>
      <c r="O32" s="311">
        <v>0</v>
      </c>
      <c r="P32" s="312">
        <v>0</v>
      </c>
      <c r="Q32" s="313">
        <v>0</v>
      </c>
      <c r="R32" s="313">
        <v>0</v>
      </c>
      <c r="S32" s="313">
        <v>0</v>
      </c>
      <c r="T32" s="313">
        <v>9</v>
      </c>
      <c r="U32" s="313">
        <v>0</v>
      </c>
      <c r="V32" s="311">
        <v>9</v>
      </c>
      <c r="W32" s="315">
        <v>9</v>
      </c>
      <c r="X32" s="310">
        <v>0</v>
      </c>
      <c r="Y32" s="313">
        <v>0</v>
      </c>
      <c r="Z32" s="311">
        <v>0</v>
      </c>
      <c r="AA32" s="312">
        <v>0</v>
      </c>
      <c r="AB32" s="313">
        <v>2</v>
      </c>
      <c r="AC32" s="313">
        <v>0</v>
      </c>
      <c r="AD32" s="313">
        <v>0</v>
      </c>
      <c r="AE32" s="313">
        <v>8</v>
      </c>
      <c r="AF32" s="313">
        <v>0</v>
      </c>
      <c r="AG32" s="311">
        <v>10</v>
      </c>
      <c r="AH32" s="315">
        <v>10</v>
      </c>
      <c r="AI32" s="310">
        <v>0</v>
      </c>
      <c r="AJ32" s="313">
        <v>0</v>
      </c>
      <c r="AK32" s="311">
        <v>0</v>
      </c>
      <c r="AL32" s="312">
        <v>0</v>
      </c>
      <c r="AM32" s="313">
        <v>0</v>
      </c>
      <c r="AN32" s="313">
        <v>0</v>
      </c>
      <c r="AO32" s="313">
        <v>0</v>
      </c>
      <c r="AP32" s="313">
        <v>0</v>
      </c>
      <c r="AQ32" s="313">
        <v>0</v>
      </c>
      <c r="AR32" s="311">
        <v>0</v>
      </c>
      <c r="AS32" s="315">
        <v>0</v>
      </c>
      <c r="AT32" s="310">
        <v>0</v>
      </c>
      <c r="AU32" s="313">
        <v>0</v>
      </c>
      <c r="AV32" s="311">
        <v>0</v>
      </c>
      <c r="AW32" s="312">
        <v>0</v>
      </c>
      <c r="AX32" s="313">
        <v>0</v>
      </c>
      <c r="AY32" s="313">
        <v>0</v>
      </c>
      <c r="AZ32" s="313">
        <v>0</v>
      </c>
      <c r="BA32" s="313">
        <v>14</v>
      </c>
      <c r="BB32" s="313">
        <v>0</v>
      </c>
      <c r="BC32" s="314">
        <v>14</v>
      </c>
      <c r="BD32" s="315">
        <v>14</v>
      </c>
      <c r="BE32" s="310">
        <v>0</v>
      </c>
      <c r="BF32" s="313">
        <v>0</v>
      </c>
      <c r="BG32" s="311">
        <v>0</v>
      </c>
      <c r="BH32" s="312">
        <v>0</v>
      </c>
      <c r="BI32" s="313">
        <v>6</v>
      </c>
      <c r="BJ32" s="313">
        <v>0</v>
      </c>
      <c r="BK32" s="313">
        <v>0</v>
      </c>
      <c r="BL32" s="313">
        <v>0</v>
      </c>
      <c r="BM32" s="313">
        <v>0</v>
      </c>
      <c r="BN32" s="311">
        <v>6</v>
      </c>
      <c r="BO32" s="315">
        <v>6</v>
      </c>
      <c r="BP32" s="310">
        <v>0</v>
      </c>
      <c r="BQ32" s="313">
        <v>0</v>
      </c>
      <c r="BR32" s="311">
        <v>0</v>
      </c>
      <c r="BS32" s="312">
        <v>0</v>
      </c>
      <c r="BT32" s="313">
        <v>4</v>
      </c>
      <c r="BU32" s="313">
        <v>0</v>
      </c>
      <c r="BV32" s="313">
        <v>30</v>
      </c>
      <c r="BW32" s="313">
        <v>8</v>
      </c>
      <c r="BX32" s="313">
        <v>0</v>
      </c>
      <c r="BY32" s="311">
        <v>42</v>
      </c>
      <c r="BZ32" s="315">
        <v>42</v>
      </c>
      <c r="CA32" s="310">
        <v>0</v>
      </c>
      <c r="CB32" s="313">
        <v>0</v>
      </c>
      <c r="CC32" s="311">
        <v>0</v>
      </c>
      <c r="CD32" s="312">
        <v>0</v>
      </c>
      <c r="CE32" s="313">
        <v>0</v>
      </c>
      <c r="CF32" s="313">
        <v>0</v>
      </c>
      <c r="CG32" s="313">
        <v>0</v>
      </c>
      <c r="CH32" s="313">
        <v>0</v>
      </c>
      <c r="CI32" s="313">
        <v>0</v>
      </c>
      <c r="CJ32" s="311">
        <v>0</v>
      </c>
      <c r="CK32" s="315">
        <v>0</v>
      </c>
      <c r="CL32" s="310">
        <v>0</v>
      </c>
      <c r="CM32" s="313">
        <v>0</v>
      </c>
      <c r="CN32" s="311">
        <v>0</v>
      </c>
      <c r="CO32" s="312">
        <v>0</v>
      </c>
      <c r="CP32" s="313">
        <v>0</v>
      </c>
      <c r="CQ32" s="313">
        <v>0</v>
      </c>
      <c r="CR32" s="313">
        <v>0</v>
      </c>
      <c r="CS32" s="313">
        <v>0</v>
      </c>
      <c r="CT32" s="313">
        <v>0</v>
      </c>
      <c r="CU32" s="311">
        <v>0</v>
      </c>
      <c r="CV32" s="315">
        <v>0</v>
      </c>
      <c r="CW32" s="310">
        <v>0</v>
      </c>
      <c r="CX32" s="313">
        <v>0</v>
      </c>
      <c r="CY32" s="311">
        <v>0</v>
      </c>
      <c r="CZ32" s="312">
        <v>0</v>
      </c>
      <c r="DA32" s="313">
        <v>0</v>
      </c>
      <c r="DB32" s="313">
        <v>0</v>
      </c>
      <c r="DC32" s="313">
        <v>0</v>
      </c>
      <c r="DD32" s="313">
        <v>0</v>
      </c>
      <c r="DE32" s="313">
        <v>0</v>
      </c>
      <c r="DF32" s="311">
        <v>0</v>
      </c>
      <c r="DG32" s="315">
        <v>0</v>
      </c>
    </row>
    <row r="33" spans="1:111" ht="18.75" customHeight="1" x14ac:dyDescent="0.2">
      <c r="A33" s="297" t="s">
        <v>31</v>
      </c>
      <c r="B33" s="310">
        <v>0</v>
      </c>
      <c r="C33" s="313">
        <v>0</v>
      </c>
      <c r="D33" s="441">
        <v>0</v>
      </c>
      <c r="E33" s="312">
        <v>0</v>
      </c>
      <c r="F33" s="313">
        <v>8</v>
      </c>
      <c r="G33" s="313">
        <v>0</v>
      </c>
      <c r="H33" s="313">
        <v>12</v>
      </c>
      <c r="I33" s="313">
        <v>0</v>
      </c>
      <c r="J33" s="313">
        <v>0</v>
      </c>
      <c r="K33" s="314">
        <v>20</v>
      </c>
      <c r="L33" s="315">
        <v>20</v>
      </c>
      <c r="M33" s="310">
        <v>0</v>
      </c>
      <c r="N33" s="313">
        <v>0</v>
      </c>
      <c r="O33" s="311">
        <v>0</v>
      </c>
      <c r="P33" s="312">
        <v>0</v>
      </c>
      <c r="Q33" s="313">
        <v>0</v>
      </c>
      <c r="R33" s="313">
        <v>5</v>
      </c>
      <c r="S33" s="313">
        <v>6</v>
      </c>
      <c r="T33" s="313">
        <v>0</v>
      </c>
      <c r="U33" s="313">
        <v>0</v>
      </c>
      <c r="V33" s="311">
        <v>11</v>
      </c>
      <c r="W33" s="315">
        <v>11</v>
      </c>
      <c r="X33" s="310">
        <v>0</v>
      </c>
      <c r="Y33" s="313">
        <v>0</v>
      </c>
      <c r="Z33" s="311">
        <v>0</v>
      </c>
      <c r="AA33" s="312">
        <v>0</v>
      </c>
      <c r="AB33" s="313">
        <v>3</v>
      </c>
      <c r="AC33" s="313">
        <v>0</v>
      </c>
      <c r="AD33" s="313">
        <v>4</v>
      </c>
      <c r="AE33" s="313">
        <v>0</v>
      </c>
      <c r="AF33" s="313">
        <v>0</v>
      </c>
      <c r="AG33" s="311">
        <v>7</v>
      </c>
      <c r="AH33" s="315">
        <v>7</v>
      </c>
      <c r="AI33" s="310">
        <v>0</v>
      </c>
      <c r="AJ33" s="313">
        <v>2</v>
      </c>
      <c r="AK33" s="311">
        <v>2</v>
      </c>
      <c r="AL33" s="312">
        <v>0</v>
      </c>
      <c r="AM33" s="313">
        <v>0</v>
      </c>
      <c r="AN33" s="313">
        <v>48</v>
      </c>
      <c r="AO33" s="313">
        <v>0</v>
      </c>
      <c r="AP33" s="313">
        <v>0</v>
      </c>
      <c r="AQ33" s="313">
        <v>0</v>
      </c>
      <c r="AR33" s="311">
        <v>48</v>
      </c>
      <c r="AS33" s="315">
        <v>50</v>
      </c>
      <c r="AT33" s="310">
        <v>0</v>
      </c>
      <c r="AU33" s="313">
        <v>0</v>
      </c>
      <c r="AV33" s="311">
        <v>0</v>
      </c>
      <c r="AW33" s="312">
        <v>0</v>
      </c>
      <c r="AX33" s="313">
        <v>39</v>
      </c>
      <c r="AY33" s="313">
        <v>58</v>
      </c>
      <c r="AZ33" s="313">
        <v>4</v>
      </c>
      <c r="BA33" s="313">
        <v>0</v>
      </c>
      <c r="BB33" s="313">
        <v>0</v>
      </c>
      <c r="BC33" s="314">
        <v>101</v>
      </c>
      <c r="BD33" s="315">
        <v>101</v>
      </c>
      <c r="BE33" s="310">
        <v>0</v>
      </c>
      <c r="BF33" s="313">
        <v>0</v>
      </c>
      <c r="BG33" s="311">
        <v>0</v>
      </c>
      <c r="BH33" s="312">
        <v>0</v>
      </c>
      <c r="BI33" s="313">
        <v>0</v>
      </c>
      <c r="BJ33" s="313">
        <v>16</v>
      </c>
      <c r="BK33" s="313">
        <v>12</v>
      </c>
      <c r="BL33" s="313">
        <v>0</v>
      </c>
      <c r="BM33" s="313">
        <v>0</v>
      </c>
      <c r="BN33" s="311">
        <v>28</v>
      </c>
      <c r="BO33" s="315">
        <v>28</v>
      </c>
      <c r="BP33" s="310">
        <v>0</v>
      </c>
      <c r="BQ33" s="313">
        <v>0</v>
      </c>
      <c r="BR33" s="311">
        <v>0</v>
      </c>
      <c r="BS33" s="312">
        <v>0</v>
      </c>
      <c r="BT33" s="313">
        <v>10</v>
      </c>
      <c r="BU33" s="313">
        <v>8</v>
      </c>
      <c r="BV33" s="313">
        <v>4</v>
      </c>
      <c r="BW33" s="313">
        <v>0</v>
      </c>
      <c r="BX33" s="313">
        <v>0</v>
      </c>
      <c r="BY33" s="311">
        <v>22</v>
      </c>
      <c r="BZ33" s="315">
        <v>22</v>
      </c>
      <c r="CA33" s="310">
        <v>0</v>
      </c>
      <c r="CB33" s="313">
        <v>0</v>
      </c>
      <c r="CC33" s="311">
        <v>0</v>
      </c>
      <c r="CD33" s="312">
        <v>0</v>
      </c>
      <c r="CE33" s="313">
        <v>0</v>
      </c>
      <c r="CF33" s="313">
        <v>0</v>
      </c>
      <c r="CG33" s="313">
        <v>0</v>
      </c>
      <c r="CH33" s="313">
        <v>0</v>
      </c>
      <c r="CI33" s="313">
        <v>0</v>
      </c>
      <c r="CJ33" s="311">
        <v>0</v>
      </c>
      <c r="CK33" s="315">
        <v>0</v>
      </c>
      <c r="CL33" s="310">
        <v>0</v>
      </c>
      <c r="CM33" s="313">
        <v>0</v>
      </c>
      <c r="CN33" s="311">
        <v>0</v>
      </c>
      <c r="CO33" s="312">
        <v>0</v>
      </c>
      <c r="CP33" s="313">
        <v>0</v>
      </c>
      <c r="CQ33" s="313">
        <v>0</v>
      </c>
      <c r="CR33" s="313">
        <v>0</v>
      </c>
      <c r="CS33" s="313">
        <v>0</v>
      </c>
      <c r="CT33" s="313">
        <v>0</v>
      </c>
      <c r="CU33" s="311">
        <v>0</v>
      </c>
      <c r="CV33" s="315">
        <v>0</v>
      </c>
      <c r="CW33" s="310">
        <v>0</v>
      </c>
      <c r="CX33" s="313">
        <v>0</v>
      </c>
      <c r="CY33" s="311">
        <v>0</v>
      </c>
      <c r="CZ33" s="312">
        <v>0</v>
      </c>
      <c r="DA33" s="313">
        <v>0</v>
      </c>
      <c r="DB33" s="313">
        <v>0</v>
      </c>
      <c r="DC33" s="313">
        <v>0</v>
      </c>
      <c r="DD33" s="313">
        <v>0</v>
      </c>
      <c r="DE33" s="313">
        <v>0</v>
      </c>
      <c r="DF33" s="311">
        <v>0</v>
      </c>
      <c r="DG33" s="315">
        <v>0</v>
      </c>
    </row>
    <row r="34" spans="1:111" ht="18.75" customHeight="1" x14ac:dyDescent="0.2">
      <c r="A34" s="297" t="s">
        <v>32</v>
      </c>
      <c r="B34" s="310">
        <v>0</v>
      </c>
      <c r="C34" s="313">
        <v>0</v>
      </c>
      <c r="D34" s="441">
        <v>0</v>
      </c>
      <c r="E34" s="312">
        <v>0</v>
      </c>
      <c r="F34" s="313">
        <v>4</v>
      </c>
      <c r="G34" s="313">
        <v>22</v>
      </c>
      <c r="H34" s="313">
        <v>26</v>
      </c>
      <c r="I34" s="313">
        <v>167</v>
      </c>
      <c r="J34" s="313">
        <v>0</v>
      </c>
      <c r="K34" s="314">
        <v>219</v>
      </c>
      <c r="L34" s="315">
        <v>219</v>
      </c>
      <c r="M34" s="310">
        <v>0</v>
      </c>
      <c r="N34" s="313">
        <v>0</v>
      </c>
      <c r="O34" s="311">
        <v>0</v>
      </c>
      <c r="P34" s="312">
        <v>0</v>
      </c>
      <c r="Q34" s="313">
        <v>0</v>
      </c>
      <c r="R34" s="313">
        <v>0</v>
      </c>
      <c r="S34" s="313">
        <v>2</v>
      </c>
      <c r="T34" s="313">
        <v>0</v>
      </c>
      <c r="U34" s="313">
        <v>0</v>
      </c>
      <c r="V34" s="311">
        <v>2</v>
      </c>
      <c r="W34" s="315">
        <v>2</v>
      </c>
      <c r="X34" s="310">
        <v>0</v>
      </c>
      <c r="Y34" s="313">
        <v>2</v>
      </c>
      <c r="Z34" s="311">
        <v>2</v>
      </c>
      <c r="AA34" s="312">
        <v>0</v>
      </c>
      <c r="AB34" s="313">
        <v>30</v>
      </c>
      <c r="AC34" s="313">
        <v>18</v>
      </c>
      <c r="AD34" s="313">
        <v>10</v>
      </c>
      <c r="AE34" s="313">
        <v>0</v>
      </c>
      <c r="AF34" s="313">
        <v>8</v>
      </c>
      <c r="AG34" s="311">
        <v>66</v>
      </c>
      <c r="AH34" s="315">
        <v>68</v>
      </c>
      <c r="AI34" s="310">
        <v>0</v>
      </c>
      <c r="AJ34" s="313">
        <v>0</v>
      </c>
      <c r="AK34" s="311">
        <v>0</v>
      </c>
      <c r="AL34" s="312">
        <v>0</v>
      </c>
      <c r="AM34" s="313">
        <v>0</v>
      </c>
      <c r="AN34" s="313">
        <v>0</v>
      </c>
      <c r="AO34" s="313">
        <v>0</v>
      </c>
      <c r="AP34" s="313">
        <v>0</v>
      </c>
      <c r="AQ34" s="313">
        <v>0</v>
      </c>
      <c r="AR34" s="311">
        <v>0</v>
      </c>
      <c r="AS34" s="315">
        <v>0</v>
      </c>
      <c r="AT34" s="310">
        <v>0</v>
      </c>
      <c r="AU34" s="313">
        <v>0</v>
      </c>
      <c r="AV34" s="311">
        <v>0</v>
      </c>
      <c r="AW34" s="312">
        <v>0</v>
      </c>
      <c r="AX34" s="313">
        <v>32</v>
      </c>
      <c r="AY34" s="313">
        <v>3</v>
      </c>
      <c r="AZ34" s="313">
        <v>8</v>
      </c>
      <c r="BA34" s="313">
        <v>0</v>
      </c>
      <c r="BB34" s="313">
        <v>0</v>
      </c>
      <c r="BC34" s="314">
        <v>43</v>
      </c>
      <c r="BD34" s="315">
        <v>43</v>
      </c>
      <c r="BE34" s="310">
        <v>0</v>
      </c>
      <c r="BF34" s="313">
        <v>0</v>
      </c>
      <c r="BG34" s="311">
        <v>0</v>
      </c>
      <c r="BH34" s="312">
        <v>0</v>
      </c>
      <c r="BI34" s="313">
        <v>19</v>
      </c>
      <c r="BJ34" s="313">
        <v>0</v>
      </c>
      <c r="BK34" s="313">
        <v>0</v>
      </c>
      <c r="BL34" s="313">
        <v>0</v>
      </c>
      <c r="BM34" s="313">
        <v>12</v>
      </c>
      <c r="BN34" s="311">
        <v>31</v>
      </c>
      <c r="BO34" s="315">
        <v>31</v>
      </c>
      <c r="BP34" s="310">
        <v>0</v>
      </c>
      <c r="BQ34" s="313">
        <v>0</v>
      </c>
      <c r="BR34" s="311">
        <v>0</v>
      </c>
      <c r="BS34" s="312">
        <v>0</v>
      </c>
      <c r="BT34" s="313">
        <v>3</v>
      </c>
      <c r="BU34" s="313">
        <v>0</v>
      </c>
      <c r="BV34" s="313">
        <v>6</v>
      </c>
      <c r="BW34" s="313">
        <v>0</v>
      </c>
      <c r="BX34" s="313">
        <v>0</v>
      </c>
      <c r="BY34" s="311">
        <v>9</v>
      </c>
      <c r="BZ34" s="315">
        <v>9</v>
      </c>
      <c r="CA34" s="310">
        <v>0</v>
      </c>
      <c r="CB34" s="313">
        <v>0</v>
      </c>
      <c r="CC34" s="311">
        <v>0</v>
      </c>
      <c r="CD34" s="312">
        <v>0</v>
      </c>
      <c r="CE34" s="313">
        <v>0</v>
      </c>
      <c r="CF34" s="313">
        <v>0</v>
      </c>
      <c r="CG34" s="313">
        <v>0</v>
      </c>
      <c r="CH34" s="313">
        <v>0</v>
      </c>
      <c r="CI34" s="313">
        <v>0</v>
      </c>
      <c r="CJ34" s="311">
        <v>0</v>
      </c>
      <c r="CK34" s="315">
        <v>0</v>
      </c>
      <c r="CL34" s="310">
        <v>0</v>
      </c>
      <c r="CM34" s="313">
        <v>0</v>
      </c>
      <c r="CN34" s="311">
        <v>0</v>
      </c>
      <c r="CO34" s="312">
        <v>0</v>
      </c>
      <c r="CP34" s="313">
        <v>0</v>
      </c>
      <c r="CQ34" s="313">
        <v>0</v>
      </c>
      <c r="CR34" s="313">
        <v>0</v>
      </c>
      <c r="CS34" s="313">
        <v>0</v>
      </c>
      <c r="CT34" s="313">
        <v>0</v>
      </c>
      <c r="CU34" s="311">
        <v>0</v>
      </c>
      <c r="CV34" s="315">
        <v>0</v>
      </c>
      <c r="CW34" s="310">
        <v>0</v>
      </c>
      <c r="CX34" s="313">
        <v>0</v>
      </c>
      <c r="CY34" s="311">
        <v>0</v>
      </c>
      <c r="CZ34" s="312">
        <v>0</v>
      </c>
      <c r="DA34" s="313">
        <v>0</v>
      </c>
      <c r="DB34" s="313">
        <v>0</v>
      </c>
      <c r="DC34" s="313">
        <v>0</v>
      </c>
      <c r="DD34" s="313">
        <v>0</v>
      </c>
      <c r="DE34" s="313">
        <v>0</v>
      </c>
      <c r="DF34" s="311">
        <v>0</v>
      </c>
      <c r="DG34" s="315">
        <v>0</v>
      </c>
    </row>
    <row r="35" spans="1:111" ht="18.75" customHeight="1" x14ac:dyDescent="0.2">
      <c r="A35" s="297" t="s">
        <v>33</v>
      </c>
      <c r="B35" s="310">
        <v>0</v>
      </c>
      <c r="C35" s="313">
        <v>0</v>
      </c>
      <c r="D35" s="441">
        <v>0</v>
      </c>
      <c r="E35" s="312">
        <v>0</v>
      </c>
      <c r="F35" s="313">
        <v>4</v>
      </c>
      <c r="G35" s="313">
        <v>0</v>
      </c>
      <c r="H35" s="313">
        <v>0</v>
      </c>
      <c r="I35" s="313">
        <v>0</v>
      </c>
      <c r="J35" s="313">
        <v>46</v>
      </c>
      <c r="K35" s="314">
        <v>50</v>
      </c>
      <c r="L35" s="315">
        <v>50</v>
      </c>
      <c r="M35" s="310">
        <v>0</v>
      </c>
      <c r="N35" s="313">
        <v>0</v>
      </c>
      <c r="O35" s="311">
        <v>0</v>
      </c>
      <c r="P35" s="312">
        <v>0</v>
      </c>
      <c r="Q35" s="313">
        <v>0</v>
      </c>
      <c r="R35" s="313">
        <v>0</v>
      </c>
      <c r="S35" s="313">
        <v>0</v>
      </c>
      <c r="T35" s="313">
        <v>0</v>
      </c>
      <c r="U35" s="313">
        <v>0</v>
      </c>
      <c r="V35" s="311">
        <v>0</v>
      </c>
      <c r="W35" s="315">
        <v>0</v>
      </c>
      <c r="X35" s="310">
        <v>0</v>
      </c>
      <c r="Y35" s="313">
        <v>0</v>
      </c>
      <c r="Z35" s="311">
        <v>0</v>
      </c>
      <c r="AA35" s="312">
        <v>0</v>
      </c>
      <c r="AB35" s="313">
        <v>0</v>
      </c>
      <c r="AC35" s="313">
        <v>0</v>
      </c>
      <c r="AD35" s="313">
        <v>14</v>
      </c>
      <c r="AE35" s="313">
        <v>0</v>
      </c>
      <c r="AF35" s="313">
        <v>7</v>
      </c>
      <c r="AG35" s="311">
        <v>21</v>
      </c>
      <c r="AH35" s="315">
        <v>21</v>
      </c>
      <c r="AI35" s="310">
        <v>12</v>
      </c>
      <c r="AJ35" s="313">
        <v>24</v>
      </c>
      <c r="AK35" s="311">
        <v>36</v>
      </c>
      <c r="AL35" s="312">
        <v>0</v>
      </c>
      <c r="AM35" s="313">
        <v>0</v>
      </c>
      <c r="AN35" s="313">
        <v>0</v>
      </c>
      <c r="AO35" s="313">
        <v>0</v>
      </c>
      <c r="AP35" s="313">
        <v>0</v>
      </c>
      <c r="AQ35" s="313">
        <v>0</v>
      </c>
      <c r="AR35" s="311">
        <v>0</v>
      </c>
      <c r="AS35" s="315">
        <v>36</v>
      </c>
      <c r="AT35" s="310">
        <v>0</v>
      </c>
      <c r="AU35" s="313">
        <v>0</v>
      </c>
      <c r="AV35" s="311">
        <v>0</v>
      </c>
      <c r="AW35" s="312">
        <v>0</v>
      </c>
      <c r="AX35" s="313">
        <v>0</v>
      </c>
      <c r="AY35" s="313">
        <v>0</v>
      </c>
      <c r="AZ35" s="313">
        <v>0</v>
      </c>
      <c r="BA35" s="313">
        <v>0</v>
      </c>
      <c r="BB35" s="313">
        <v>0</v>
      </c>
      <c r="BC35" s="314">
        <v>0</v>
      </c>
      <c r="BD35" s="315">
        <v>0</v>
      </c>
      <c r="BE35" s="310">
        <v>0</v>
      </c>
      <c r="BF35" s="313">
        <v>0</v>
      </c>
      <c r="BG35" s="311">
        <v>0</v>
      </c>
      <c r="BH35" s="312">
        <v>0</v>
      </c>
      <c r="BI35" s="313">
        <v>5</v>
      </c>
      <c r="BJ35" s="313">
        <v>15</v>
      </c>
      <c r="BK35" s="313">
        <v>0</v>
      </c>
      <c r="BL35" s="313">
        <v>0</v>
      </c>
      <c r="BM35" s="313">
        <v>0</v>
      </c>
      <c r="BN35" s="311">
        <v>20</v>
      </c>
      <c r="BO35" s="315">
        <v>20</v>
      </c>
      <c r="BP35" s="310">
        <v>0</v>
      </c>
      <c r="BQ35" s="313">
        <v>0</v>
      </c>
      <c r="BR35" s="311">
        <v>0</v>
      </c>
      <c r="BS35" s="312">
        <v>0</v>
      </c>
      <c r="BT35" s="313">
        <v>0</v>
      </c>
      <c r="BU35" s="313">
        <v>0</v>
      </c>
      <c r="BV35" s="313">
        <v>0</v>
      </c>
      <c r="BW35" s="313">
        <v>0</v>
      </c>
      <c r="BX35" s="313">
        <v>0</v>
      </c>
      <c r="BY35" s="311">
        <v>0</v>
      </c>
      <c r="BZ35" s="315">
        <v>0</v>
      </c>
      <c r="CA35" s="310">
        <v>0</v>
      </c>
      <c r="CB35" s="313">
        <v>0</v>
      </c>
      <c r="CC35" s="311">
        <v>0</v>
      </c>
      <c r="CD35" s="312">
        <v>0</v>
      </c>
      <c r="CE35" s="313">
        <v>4</v>
      </c>
      <c r="CF35" s="313">
        <v>6</v>
      </c>
      <c r="CG35" s="313">
        <v>0</v>
      </c>
      <c r="CH35" s="313">
        <v>0</v>
      </c>
      <c r="CI35" s="313">
        <v>0</v>
      </c>
      <c r="CJ35" s="311">
        <v>10</v>
      </c>
      <c r="CK35" s="315">
        <v>10</v>
      </c>
      <c r="CL35" s="310">
        <v>0</v>
      </c>
      <c r="CM35" s="313">
        <v>0</v>
      </c>
      <c r="CN35" s="311">
        <v>0</v>
      </c>
      <c r="CO35" s="312">
        <v>0</v>
      </c>
      <c r="CP35" s="313">
        <v>0</v>
      </c>
      <c r="CQ35" s="313">
        <v>0</v>
      </c>
      <c r="CR35" s="313">
        <v>0</v>
      </c>
      <c r="CS35" s="313">
        <v>0</v>
      </c>
      <c r="CT35" s="313">
        <v>0</v>
      </c>
      <c r="CU35" s="311">
        <v>0</v>
      </c>
      <c r="CV35" s="315">
        <v>0</v>
      </c>
      <c r="CW35" s="310">
        <v>0</v>
      </c>
      <c r="CX35" s="313">
        <v>0</v>
      </c>
      <c r="CY35" s="311">
        <v>0</v>
      </c>
      <c r="CZ35" s="312">
        <v>0</v>
      </c>
      <c r="DA35" s="313">
        <v>0</v>
      </c>
      <c r="DB35" s="313">
        <v>0</v>
      </c>
      <c r="DC35" s="313">
        <v>0</v>
      </c>
      <c r="DD35" s="313">
        <v>0</v>
      </c>
      <c r="DE35" s="313">
        <v>0</v>
      </c>
      <c r="DF35" s="311">
        <v>0</v>
      </c>
      <c r="DG35" s="315">
        <v>0</v>
      </c>
    </row>
    <row r="36" spans="1:111" ht="18.75" customHeight="1" x14ac:dyDescent="0.2">
      <c r="A36" s="297" t="s">
        <v>34</v>
      </c>
      <c r="B36" s="310">
        <v>0</v>
      </c>
      <c r="C36" s="313">
        <v>0</v>
      </c>
      <c r="D36" s="441">
        <v>0</v>
      </c>
      <c r="E36" s="312">
        <v>0</v>
      </c>
      <c r="F36" s="313">
        <v>4</v>
      </c>
      <c r="G36" s="313">
        <v>22</v>
      </c>
      <c r="H36" s="313">
        <v>0</v>
      </c>
      <c r="I36" s="313">
        <v>0</v>
      </c>
      <c r="J36" s="313">
        <v>0</v>
      </c>
      <c r="K36" s="314">
        <v>26</v>
      </c>
      <c r="L36" s="315">
        <v>26</v>
      </c>
      <c r="M36" s="310">
        <v>0</v>
      </c>
      <c r="N36" s="313">
        <v>0</v>
      </c>
      <c r="O36" s="311">
        <v>0</v>
      </c>
      <c r="P36" s="312">
        <v>0</v>
      </c>
      <c r="Q36" s="313">
        <v>0</v>
      </c>
      <c r="R36" s="313">
        <v>0</v>
      </c>
      <c r="S36" s="313">
        <v>0</v>
      </c>
      <c r="T36" s="313">
        <v>0</v>
      </c>
      <c r="U36" s="313">
        <v>0</v>
      </c>
      <c r="V36" s="311">
        <v>0</v>
      </c>
      <c r="W36" s="315">
        <v>0</v>
      </c>
      <c r="X36" s="310">
        <v>0</v>
      </c>
      <c r="Y36" s="313">
        <v>9</v>
      </c>
      <c r="Z36" s="311">
        <v>9</v>
      </c>
      <c r="AA36" s="312">
        <v>0</v>
      </c>
      <c r="AB36" s="313">
        <v>0</v>
      </c>
      <c r="AC36" s="313">
        <v>0</v>
      </c>
      <c r="AD36" s="313">
        <v>0</v>
      </c>
      <c r="AE36" s="313">
        <v>0</v>
      </c>
      <c r="AF36" s="313">
        <v>0</v>
      </c>
      <c r="AG36" s="311">
        <v>0</v>
      </c>
      <c r="AH36" s="315">
        <v>9</v>
      </c>
      <c r="AI36" s="310">
        <v>0</v>
      </c>
      <c r="AJ36" s="313">
        <v>0</v>
      </c>
      <c r="AK36" s="311">
        <v>0</v>
      </c>
      <c r="AL36" s="312">
        <v>0</v>
      </c>
      <c r="AM36" s="313">
        <v>0</v>
      </c>
      <c r="AN36" s="313">
        <v>18</v>
      </c>
      <c r="AO36" s="313">
        <v>0</v>
      </c>
      <c r="AP36" s="313">
        <v>0</v>
      </c>
      <c r="AQ36" s="313">
        <v>0</v>
      </c>
      <c r="AR36" s="311">
        <v>18</v>
      </c>
      <c r="AS36" s="315">
        <v>18</v>
      </c>
      <c r="AT36" s="310">
        <v>0</v>
      </c>
      <c r="AU36" s="313">
        <v>0</v>
      </c>
      <c r="AV36" s="311">
        <v>0</v>
      </c>
      <c r="AW36" s="312">
        <v>0</v>
      </c>
      <c r="AX36" s="313">
        <v>4</v>
      </c>
      <c r="AY36" s="313">
        <v>26</v>
      </c>
      <c r="AZ36" s="313">
        <v>0</v>
      </c>
      <c r="BA36" s="313">
        <v>0</v>
      </c>
      <c r="BB36" s="313">
        <v>0</v>
      </c>
      <c r="BC36" s="314">
        <v>30</v>
      </c>
      <c r="BD36" s="315">
        <v>30</v>
      </c>
      <c r="BE36" s="310">
        <v>0</v>
      </c>
      <c r="BF36" s="313">
        <v>0</v>
      </c>
      <c r="BG36" s="311">
        <v>0</v>
      </c>
      <c r="BH36" s="312">
        <v>0</v>
      </c>
      <c r="BI36" s="313">
        <v>15</v>
      </c>
      <c r="BJ36" s="313">
        <v>0</v>
      </c>
      <c r="BK36" s="313">
        <v>0</v>
      </c>
      <c r="BL36" s="313">
        <v>0</v>
      </c>
      <c r="BM36" s="313">
        <v>0</v>
      </c>
      <c r="BN36" s="311">
        <v>15</v>
      </c>
      <c r="BO36" s="315">
        <v>15</v>
      </c>
      <c r="BP36" s="310">
        <v>0</v>
      </c>
      <c r="BQ36" s="313">
        <v>0</v>
      </c>
      <c r="BR36" s="311">
        <v>0</v>
      </c>
      <c r="BS36" s="312">
        <v>0</v>
      </c>
      <c r="BT36" s="313">
        <v>0</v>
      </c>
      <c r="BU36" s="313">
        <v>0</v>
      </c>
      <c r="BV36" s="313">
        <v>0</v>
      </c>
      <c r="BW36" s="313">
        <v>0</v>
      </c>
      <c r="BX36" s="313">
        <v>0</v>
      </c>
      <c r="BY36" s="311">
        <v>0</v>
      </c>
      <c r="BZ36" s="315">
        <v>0</v>
      </c>
      <c r="CA36" s="310">
        <v>0</v>
      </c>
      <c r="CB36" s="313">
        <v>0</v>
      </c>
      <c r="CC36" s="311">
        <v>0</v>
      </c>
      <c r="CD36" s="312">
        <v>0</v>
      </c>
      <c r="CE36" s="313">
        <v>0</v>
      </c>
      <c r="CF36" s="313">
        <v>0</v>
      </c>
      <c r="CG36" s="313">
        <v>0</v>
      </c>
      <c r="CH36" s="313">
        <v>0</v>
      </c>
      <c r="CI36" s="313">
        <v>0</v>
      </c>
      <c r="CJ36" s="311">
        <v>0</v>
      </c>
      <c r="CK36" s="315">
        <v>0</v>
      </c>
      <c r="CL36" s="310">
        <v>0</v>
      </c>
      <c r="CM36" s="313">
        <v>0</v>
      </c>
      <c r="CN36" s="311">
        <v>0</v>
      </c>
      <c r="CO36" s="312">
        <v>0</v>
      </c>
      <c r="CP36" s="313">
        <v>0</v>
      </c>
      <c r="CQ36" s="313">
        <v>0</v>
      </c>
      <c r="CR36" s="313">
        <v>0</v>
      </c>
      <c r="CS36" s="313">
        <v>0</v>
      </c>
      <c r="CT36" s="313">
        <v>0</v>
      </c>
      <c r="CU36" s="311">
        <v>0</v>
      </c>
      <c r="CV36" s="315">
        <v>0</v>
      </c>
      <c r="CW36" s="310">
        <v>0</v>
      </c>
      <c r="CX36" s="313">
        <v>0</v>
      </c>
      <c r="CY36" s="311">
        <v>0</v>
      </c>
      <c r="CZ36" s="312">
        <v>0</v>
      </c>
      <c r="DA36" s="313">
        <v>0</v>
      </c>
      <c r="DB36" s="313">
        <v>0</v>
      </c>
      <c r="DC36" s="313">
        <v>0</v>
      </c>
      <c r="DD36" s="313">
        <v>0</v>
      </c>
      <c r="DE36" s="313">
        <v>0</v>
      </c>
      <c r="DF36" s="311">
        <v>0</v>
      </c>
      <c r="DG36" s="315">
        <v>0</v>
      </c>
    </row>
    <row r="37" spans="1:111" ht="18.75" customHeight="1" x14ac:dyDescent="0.2">
      <c r="A37" s="297" t="s">
        <v>35</v>
      </c>
      <c r="B37" s="310">
        <v>0</v>
      </c>
      <c r="C37" s="313">
        <v>0</v>
      </c>
      <c r="D37" s="441">
        <v>0</v>
      </c>
      <c r="E37" s="312">
        <v>0</v>
      </c>
      <c r="F37" s="313">
        <v>42</v>
      </c>
      <c r="G37" s="313">
        <v>111</v>
      </c>
      <c r="H37" s="313">
        <v>0</v>
      </c>
      <c r="I37" s="313">
        <v>0</v>
      </c>
      <c r="J37" s="313">
        <v>89</v>
      </c>
      <c r="K37" s="314">
        <v>242</v>
      </c>
      <c r="L37" s="315">
        <v>242</v>
      </c>
      <c r="M37" s="310">
        <v>0</v>
      </c>
      <c r="N37" s="313">
        <v>0</v>
      </c>
      <c r="O37" s="311">
        <v>0</v>
      </c>
      <c r="P37" s="312">
        <v>0</v>
      </c>
      <c r="Q37" s="313">
        <v>0</v>
      </c>
      <c r="R37" s="313">
        <v>0</v>
      </c>
      <c r="S37" s="313">
        <v>0</v>
      </c>
      <c r="T37" s="313">
        <v>0</v>
      </c>
      <c r="U37" s="313">
        <v>9</v>
      </c>
      <c r="V37" s="311">
        <v>9</v>
      </c>
      <c r="W37" s="315">
        <v>9</v>
      </c>
      <c r="X37" s="310">
        <v>0</v>
      </c>
      <c r="Y37" s="313">
        <v>0</v>
      </c>
      <c r="Z37" s="311">
        <v>0</v>
      </c>
      <c r="AA37" s="312">
        <v>0</v>
      </c>
      <c r="AB37" s="313">
        <v>0</v>
      </c>
      <c r="AC37" s="313">
        <v>37</v>
      </c>
      <c r="AD37" s="313">
        <v>0</v>
      </c>
      <c r="AE37" s="313">
        <v>0</v>
      </c>
      <c r="AF37" s="313">
        <v>0</v>
      </c>
      <c r="AG37" s="311">
        <v>37</v>
      </c>
      <c r="AH37" s="315">
        <v>37</v>
      </c>
      <c r="AI37" s="310">
        <v>0</v>
      </c>
      <c r="AJ37" s="313">
        <v>0</v>
      </c>
      <c r="AK37" s="311">
        <v>0</v>
      </c>
      <c r="AL37" s="312">
        <v>0</v>
      </c>
      <c r="AM37" s="313">
        <v>21</v>
      </c>
      <c r="AN37" s="313">
        <v>9</v>
      </c>
      <c r="AO37" s="313">
        <v>0</v>
      </c>
      <c r="AP37" s="313">
        <v>0</v>
      </c>
      <c r="AQ37" s="313">
        <v>0</v>
      </c>
      <c r="AR37" s="311">
        <v>30</v>
      </c>
      <c r="AS37" s="315">
        <v>30</v>
      </c>
      <c r="AT37" s="310">
        <v>0</v>
      </c>
      <c r="AU37" s="313">
        <v>0</v>
      </c>
      <c r="AV37" s="311">
        <v>0</v>
      </c>
      <c r="AW37" s="312">
        <v>0</v>
      </c>
      <c r="AX37" s="313">
        <v>63</v>
      </c>
      <c r="AY37" s="313">
        <v>64</v>
      </c>
      <c r="AZ37" s="313">
        <v>23</v>
      </c>
      <c r="BA37" s="313">
        <v>26</v>
      </c>
      <c r="BB37" s="313">
        <v>0</v>
      </c>
      <c r="BC37" s="314">
        <v>176</v>
      </c>
      <c r="BD37" s="315">
        <v>176</v>
      </c>
      <c r="BE37" s="310">
        <v>0</v>
      </c>
      <c r="BF37" s="313">
        <v>0</v>
      </c>
      <c r="BG37" s="311">
        <v>0</v>
      </c>
      <c r="BH37" s="312">
        <v>0</v>
      </c>
      <c r="BI37" s="313">
        <v>8</v>
      </c>
      <c r="BJ37" s="313">
        <v>16</v>
      </c>
      <c r="BK37" s="313">
        <v>0</v>
      </c>
      <c r="BL37" s="313">
        <v>13</v>
      </c>
      <c r="BM37" s="313">
        <v>0</v>
      </c>
      <c r="BN37" s="311">
        <v>37</v>
      </c>
      <c r="BO37" s="315">
        <v>37</v>
      </c>
      <c r="BP37" s="310">
        <v>0</v>
      </c>
      <c r="BQ37" s="313">
        <v>0</v>
      </c>
      <c r="BR37" s="311">
        <v>0</v>
      </c>
      <c r="BS37" s="312">
        <v>0</v>
      </c>
      <c r="BT37" s="313">
        <v>0</v>
      </c>
      <c r="BU37" s="313">
        <v>15</v>
      </c>
      <c r="BV37" s="313">
        <v>0</v>
      </c>
      <c r="BW37" s="313">
        <v>0</v>
      </c>
      <c r="BX37" s="313">
        <v>0</v>
      </c>
      <c r="BY37" s="311">
        <v>15</v>
      </c>
      <c r="BZ37" s="315">
        <v>15</v>
      </c>
      <c r="CA37" s="310">
        <v>0</v>
      </c>
      <c r="CB37" s="313">
        <v>0</v>
      </c>
      <c r="CC37" s="311">
        <v>0</v>
      </c>
      <c r="CD37" s="312">
        <v>0</v>
      </c>
      <c r="CE37" s="313">
        <v>0</v>
      </c>
      <c r="CF37" s="313">
        <v>0</v>
      </c>
      <c r="CG37" s="313">
        <v>0</v>
      </c>
      <c r="CH37" s="313">
        <v>0</v>
      </c>
      <c r="CI37" s="313">
        <v>0</v>
      </c>
      <c r="CJ37" s="311">
        <v>0</v>
      </c>
      <c r="CK37" s="315">
        <v>0</v>
      </c>
      <c r="CL37" s="310">
        <v>0</v>
      </c>
      <c r="CM37" s="313">
        <v>0</v>
      </c>
      <c r="CN37" s="311">
        <v>0</v>
      </c>
      <c r="CO37" s="312">
        <v>0</v>
      </c>
      <c r="CP37" s="313">
        <v>0</v>
      </c>
      <c r="CQ37" s="313">
        <v>0</v>
      </c>
      <c r="CR37" s="313">
        <v>0</v>
      </c>
      <c r="CS37" s="313">
        <v>0</v>
      </c>
      <c r="CT37" s="313">
        <v>0</v>
      </c>
      <c r="CU37" s="311">
        <v>0</v>
      </c>
      <c r="CV37" s="315">
        <v>0</v>
      </c>
      <c r="CW37" s="310">
        <v>0</v>
      </c>
      <c r="CX37" s="313">
        <v>0</v>
      </c>
      <c r="CY37" s="311">
        <v>0</v>
      </c>
      <c r="CZ37" s="312">
        <v>0</v>
      </c>
      <c r="DA37" s="313">
        <v>0</v>
      </c>
      <c r="DB37" s="313">
        <v>0</v>
      </c>
      <c r="DC37" s="313">
        <v>0</v>
      </c>
      <c r="DD37" s="313">
        <v>0</v>
      </c>
      <c r="DE37" s="313">
        <v>0</v>
      </c>
      <c r="DF37" s="311">
        <v>0</v>
      </c>
      <c r="DG37" s="315">
        <v>0</v>
      </c>
    </row>
    <row r="38" spans="1:111" ht="18.75" customHeight="1" x14ac:dyDescent="0.2">
      <c r="A38" s="297" t="s">
        <v>36</v>
      </c>
      <c r="B38" s="310">
        <v>0</v>
      </c>
      <c r="C38" s="313">
        <v>0</v>
      </c>
      <c r="D38" s="441">
        <v>0</v>
      </c>
      <c r="E38" s="312">
        <v>0</v>
      </c>
      <c r="F38" s="313">
        <v>51</v>
      </c>
      <c r="G38" s="313">
        <v>5</v>
      </c>
      <c r="H38" s="313">
        <v>0</v>
      </c>
      <c r="I38" s="313">
        <v>0</v>
      </c>
      <c r="J38" s="313">
        <v>0</v>
      </c>
      <c r="K38" s="314">
        <v>56</v>
      </c>
      <c r="L38" s="315">
        <v>56</v>
      </c>
      <c r="M38" s="310">
        <v>0</v>
      </c>
      <c r="N38" s="313">
        <v>0</v>
      </c>
      <c r="O38" s="311">
        <v>0</v>
      </c>
      <c r="P38" s="312">
        <v>0</v>
      </c>
      <c r="Q38" s="313">
        <v>0</v>
      </c>
      <c r="R38" s="313">
        <v>0</v>
      </c>
      <c r="S38" s="313">
        <v>0</v>
      </c>
      <c r="T38" s="313">
        <v>4</v>
      </c>
      <c r="U38" s="313">
        <v>0</v>
      </c>
      <c r="V38" s="311">
        <v>4</v>
      </c>
      <c r="W38" s="315">
        <v>4</v>
      </c>
      <c r="X38" s="310">
        <v>0</v>
      </c>
      <c r="Y38" s="313">
        <v>0</v>
      </c>
      <c r="Z38" s="311">
        <v>0</v>
      </c>
      <c r="AA38" s="312">
        <v>0</v>
      </c>
      <c r="AB38" s="313">
        <v>7</v>
      </c>
      <c r="AC38" s="313">
        <v>12</v>
      </c>
      <c r="AD38" s="313">
        <v>4</v>
      </c>
      <c r="AE38" s="313">
        <v>19</v>
      </c>
      <c r="AF38" s="313">
        <v>4</v>
      </c>
      <c r="AG38" s="311">
        <v>46</v>
      </c>
      <c r="AH38" s="315">
        <v>46</v>
      </c>
      <c r="AI38" s="310">
        <v>0</v>
      </c>
      <c r="AJ38" s="313">
        <v>0</v>
      </c>
      <c r="AK38" s="311">
        <v>0</v>
      </c>
      <c r="AL38" s="312">
        <v>0</v>
      </c>
      <c r="AM38" s="313">
        <v>0</v>
      </c>
      <c r="AN38" s="313">
        <v>0</v>
      </c>
      <c r="AO38" s="313">
        <v>0</v>
      </c>
      <c r="AP38" s="313">
        <v>0</v>
      </c>
      <c r="AQ38" s="313">
        <v>0</v>
      </c>
      <c r="AR38" s="311">
        <v>0</v>
      </c>
      <c r="AS38" s="315">
        <v>0</v>
      </c>
      <c r="AT38" s="310">
        <v>0</v>
      </c>
      <c r="AU38" s="313">
        <v>0</v>
      </c>
      <c r="AV38" s="311">
        <v>0</v>
      </c>
      <c r="AW38" s="312">
        <v>0</v>
      </c>
      <c r="AX38" s="313">
        <v>6</v>
      </c>
      <c r="AY38" s="313">
        <v>13</v>
      </c>
      <c r="AZ38" s="313">
        <v>3</v>
      </c>
      <c r="BA38" s="313">
        <v>5</v>
      </c>
      <c r="BB38" s="313">
        <v>0</v>
      </c>
      <c r="BC38" s="314">
        <v>27</v>
      </c>
      <c r="BD38" s="315">
        <v>27</v>
      </c>
      <c r="BE38" s="310">
        <v>0</v>
      </c>
      <c r="BF38" s="313">
        <v>0</v>
      </c>
      <c r="BG38" s="311">
        <v>0</v>
      </c>
      <c r="BH38" s="312">
        <v>0</v>
      </c>
      <c r="BI38" s="313">
        <v>0</v>
      </c>
      <c r="BJ38" s="313">
        <v>8</v>
      </c>
      <c r="BK38" s="313">
        <v>3</v>
      </c>
      <c r="BL38" s="313">
        <v>0</v>
      </c>
      <c r="BM38" s="313">
        <v>0</v>
      </c>
      <c r="BN38" s="311">
        <v>11</v>
      </c>
      <c r="BO38" s="315">
        <v>11</v>
      </c>
      <c r="BP38" s="310">
        <v>0</v>
      </c>
      <c r="BQ38" s="313">
        <v>0</v>
      </c>
      <c r="BR38" s="311">
        <v>0</v>
      </c>
      <c r="BS38" s="312">
        <v>0</v>
      </c>
      <c r="BT38" s="313">
        <v>44</v>
      </c>
      <c r="BU38" s="313">
        <v>0</v>
      </c>
      <c r="BV38" s="313">
        <v>2</v>
      </c>
      <c r="BW38" s="313">
        <v>6</v>
      </c>
      <c r="BX38" s="313">
        <v>0</v>
      </c>
      <c r="BY38" s="311">
        <v>52</v>
      </c>
      <c r="BZ38" s="315">
        <v>52</v>
      </c>
      <c r="CA38" s="310">
        <v>0</v>
      </c>
      <c r="CB38" s="313">
        <v>0</v>
      </c>
      <c r="CC38" s="311">
        <v>0</v>
      </c>
      <c r="CD38" s="312">
        <v>0</v>
      </c>
      <c r="CE38" s="313">
        <v>0</v>
      </c>
      <c r="CF38" s="313">
        <v>0</v>
      </c>
      <c r="CG38" s="313">
        <v>0</v>
      </c>
      <c r="CH38" s="313">
        <v>0</v>
      </c>
      <c r="CI38" s="313">
        <v>0</v>
      </c>
      <c r="CJ38" s="311">
        <v>0</v>
      </c>
      <c r="CK38" s="315">
        <v>0</v>
      </c>
      <c r="CL38" s="310">
        <v>0</v>
      </c>
      <c r="CM38" s="313">
        <v>0</v>
      </c>
      <c r="CN38" s="311">
        <v>0</v>
      </c>
      <c r="CO38" s="312">
        <v>0</v>
      </c>
      <c r="CP38" s="313">
        <v>0</v>
      </c>
      <c r="CQ38" s="313">
        <v>0</v>
      </c>
      <c r="CR38" s="313">
        <v>0</v>
      </c>
      <c r="CS38" s="313">
        <v>0</v>
      </c>
      <c r="CT38" s="313">
        <v>0</v>
      </c>
      <c r="CU38" s="311">
        <v>0</v>
      </c>
      <c r="CV38" s="315">
        <v>0</v>
      </c>
      <c r="CW38" s="310">
        <v>0</v>
      </c>
      <c r="CX38" s="313">
        <v>0</v>
      </c>
      <c r="CY38" s="311">
        <v>0</v>
      </c>
      <c r="CZ38" s="312">
        <v>0</v>
      </c>
      <c r="DA38" s="313">
        <v>0</v>
      </c>
      <c r="DB38" s="313">
        <v>0</v>
      </c>
      <c r="DC38" s="313">
        <v>0</v>
      </c>
      <c r="DD38" s="313">
        <v>0</v>
      </c>
      <c r="DE38" s="313">
        <v>0</v>
      </c>
      <c r="DF38" s="311">
        <v>0</v>
      </c>
      <c r="DG38" s="315">
        <v>0</v>
      </c>
    </row>
    <row r="39" spans="1:111" ht="18.75" customHeight="1" thickBot="1" x14ac:dyDescent="0.25">
      <c r="A39" s="298" t="s">
        <v>37</v>
      </c>
      <c r="B39" s="316">
        <v>0</v>
      </c>
      <c r="C39" s="319">
        <v>0</v>
      </c>
      <c r="D39" s="442">
        <v>0</v>
      </c>
      <c r="E39" s="318">
        <v>0</v>
      </c>
      <c r="F39" s="319">
        <v>0</v>
      </c>
      <c r="G39" s="319">
        <v>0</v>
      </c>
      <c r="H39" s="319">
        <v>0</v>
      </c>
      <c r="I39" s="319">
        <v>0</v>
      </c>
      <c r="J39" s="319">
        <v>0</v>
      </c>
      <c r="K39" s="320">
        <v>0</v>
      </c>
      <c r="L39" s="321">
        <v>0</v>
      </c>
      <c r="M39" s="316">
        <v>0</v>
      </c>
      <c r="N39" s="319">
        <v>0</v>
      </c>
      <c r="O39" s="317">
        <v>0</v>
      </c>
      <c r="P39" s="318">
        <v>0</v>
      </c>
      <c r="Q39" s="319">
        <v>0</v>
      </c>
      <c r="R39" s="319">
        <v>0</v>
      </c>
      <c r="S39" s="319">
        <v>0</v>
      </c>
      <c r="T39" s="319">
        <v>0</v>
      </c>
      <c r="U39" s="319">
        <v>0</v>
      </c>
      <c r="V39" s="317">
        <v>0</v>
      </c>
      <c r="W39" s="321">
        <v>0</v>
      </c>
      <c r="X39" s="316">
        <v>0</v>
      </c>
      <c r="Y39" s="319">
        <v>0</v>
      </c>
      <c r="Z39" s="317">
        <v>0</v>
      </c>
      <c r="AA39" s="318">
        <v>0</v>
      </c>
      <c r="AB39" s="319">
        <v>5</v>
      </c>
      <c r="AC39" s="319">
        <v>0</v>
      </c>
      <c r="AD39" s="319">
        <v>0</v>
      </c>
      <c r="AE39" s="319">
        <v>0</v>
      </c>
      <c r="AF39" s="319">
        <v>0</v>
      </c>
      <c r="AG39" s="317">
        <v>5</v>
      </c>
      <c r="AH39" s="321">
        <v>5</v>
      </c>
      <c r="AI39" s="316">
        <v>0</v>
      </c>
      <c r="AJ39" s="319">
        <v>0</v>
      </c>
      <c r="AK39" s="317">
        <v>0</v>
      </c>
      <c r="AL39" s="318">
        <v>0</v>
      </c>
      <c r="AM39" s="319">
        <v>24</v>
      </c>
      <c r="AN39" s="319">
        <v>0</v>
      </c>
      <c r="AO39" s="319">
        <v>0</v>
      </c>
      <c r="AP39" s="319">
        <v>0</v>
      </c>
      <c r="AQ39" s="319">
        <v>0</v>
      </c>
      <c r="AR39" s="317">
        <v>24</v>
      </c>
      <c r="AS39" s="321">
        <v>24</v>
      </c>
      <c r="AT39" s="316">
        <v>0</v>
      </c>
      <c r="AU39" s="319">
        <v>0</v>
      </c>
      <c r="AV39" s="317">
        <v>0</v>
      </c>
      <c r="AW39" s="318">
        <v>0</v>
      </c>
      <c r="AX39" s="319">
        <v>3</v>
      </c>
      <c r="AY39" s="319">
        <v>11</v>
      </c>
      <c r="AZ39" s="319">
        <v>0</v>
      </c>
      <c r="BA39" s="319">
        <v>0</v>
      </c>
      <c r="BB39" s="319">
        <v>0</v>
      </c>
      <c r="BC39" s="320">
        <v>14</v>
      </c>
      <c r="BD39" s="321">
        <v>14</v>
      </c>
      <c r="BE39" s="316">
        <v>0</v>
      </c>
      <c r="BF39" s="319">
        <v>0</v>
      </c>
      <c r="BG39" s="317">
        <v>0</v>
      </c>
      <c r="BH39" s="318">
        <v>0</v>
      </c>
      <c r="BI39" s="319">
        <v>4</v>
      </c>
      <c r="BJ39" s="319">
        <v>12</v>
      </c>
      <c r="BK39" s="319">
        <v>0</v>
      </c>
      <c r="BL39" s="319">
        <v>0</v>
      </c>
      <c r="BM39" s="319">
        <v>0</v>
      </c>
      <c r="BN39" s="317">
        <v>16</v>
      </c>
      <c r="BO39" s="321">
        <v>16</v>
      </c>
      <c r="BP39" s="316">
        <v>0</v>
      </c>
      <c r="BQ39" s="319">
        <v>0</v>
      </c>
      <c r="BR39" s="317">
        <v>0</v>
      </c>
      <c r="BS39" s="318">
        <v>0</v>
      </c>
      <c r="BT39" s="319">
        <v>0</v>
      </c>
      <c r="BU39" s="319">
        <v>0</v>
      </c>
      <c r="BV39" s="319">
        <v>0</v>
      </c>
      <c r="BW39" s="319">
        <v>0</v>
      </c>
      <c r="BX39" s="319">
        <v>0</v>
      </c>
      <c r="BY39" s="317">
        <v>0</v>
      </c>
      <c r="BZ39" s="321">
        <v>0</v>
      </c>
      <c r="CA39" s="316">
        <v>0</v>
      </c>
      <c r="CB39" s="319">
        <v>0</v>
      </c>
      <c r="CC39" s="317">
        <v>0</v>
      </c>
      <c r="CD39" s="318">
        <v>0</v>
      </c>
      <c r="CE39" s="319">
        <v>0</v>
      </c>
      <c r="CF39" s="319">
        <v>0</v>
      </c>
      <c r="CG39" s="319">
        <v>0</v>
      </c>
      <c r="CH39" s="319">
        <v>0</v>
      </c>
      <c r="CI39" s="319">
        <v>0</v>
      </c>
      <c r="CJ39" s="317">
        <v>0</v>
      </c>
      <c r="CK39" s="321">
        <v>0</v>
      </c>
      <c r="CL39" s="316">
        <v>0</v>
      </c>
      <c r="CM39" s="319">
        <v>0</v>
      </c>
      <c r="CN39" s="317">
        <v>0</v>
      </c>
      <c r="CO39" s="318">
        <v>0</v>
      </c>
      <c r="CP39" s="319">
        <v>0</v>
      </c>
      <c r="CQ39" s="319">
        <v>0</v>
      </c>
      <c r="CR39" s="319">
        <v>0</v>
      </c>
      <c r="CS39" s="319">
        <v>0</v>
      </c>
      <c r="CT39" s="319">
        <v>0</v>
      </c>
      <c r="CU39" s="317">
        <v>0</v>
      </c>
      <c r="CV39" s="321">
        <v>0</v>
      </c>
      <c r="CW39" s="316">
        <v>0</v>
      </c>
      <c r="CX39" s="319">
        <v>0</v>
      </c>
      <c r="CY39" s="317">
        <v>0</v>
      </c>
      <c r="CZ39" s="318">
        <v>0</v>
      </c>
      <c r="DA39" s="319">
        <v>0</v>
      </c>
      <c r="DB39" s="319">
        <v>0</v>
      </c>
      <c r="DC39" s="319">
        <v>0</v>
      </c>
      <c r="DD39" s="319">
        <v>0</v>
      </c>
      <c r="DE39" s="319">
        <v>0</v>
      </c>
      <c r="DF39" s="317">
        <v>0</v>
      </c>
      <c r="DG39" s="321">
        <v>0</v>
      </c>
    </row>
    <row r="40" spans="1:111" ht="27" customHeight="1" x14ac:dyDescent="0.2">
      <c r="B40" s="291" t="s">
        <v>127</v>
      </c>
    </row>
  </sheetData>
  <mergeCells count="43">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 ref="X3:AH3"/>
    <mergeCell ref="B4:D4"/>
    <mergeCell ref="E4:K4"/>
    <mergeCell ref="L4:L5"/>
    <mergeCell ref="M4:O4"/>
    <mergeCell ref="P4:V4"/>
    <mergeCell ref="W4:W5"/>
    <mergeCell ref="X4:Z4"/>
    <mergeCell ref="AA4:AG4"/>
    <mergeCell ref="AH4:AH5"/>
    <mergeCell ref="I1:J1"/>
    <mergeCell ref="L1:M1"/>
    <mergeCell ref="A3:A5"/>
    <mergeCell ref="B3:L3"/>
    <mergeCell ref="M3:W3"/>
    <mergeCell ref="CW3:DG3"/>
    <mergeCell ref="CW4:CY4"/>
    <mergeCell ref="CZ4:DF4"/>
    <mergeCell ref="DG4:DG5"/>
    <mergeCell ref="CA3:CK3"/>
    <mergeCell ref="CL3:CV3"/>
    <mergeCell ref="CA4:CC4"/>
    <mergeCell ref="CD4:CJ4"/>
    <mergeCell ref="CK4:CK5"/>
    <mergeCell ref="CL4:CN4"/>
    <mergeCell ref="CO4:CU4"/>
    <mergeCell ref="CV4:CV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91"/>
    <col min="5" max="5" width="7.77734375" style="291" customWidth="1"/>
    <col min="6" max="6" width="9" style="291"/>
    <col min="7" max="7" width="10.6640625" style="291" customWidth="1"/>
    <col min="8" max="15" width="9" style="291"/>
    <col min="16" max="16" width="7.88671875" style="291" customWidth="1"/>
    <col min="17" max="26" width="9" style="291"/>
    <col min="27" max="27" width="7.77734375" style="291" customWidth="1"/>
    <col min="28" max="37" width="9" style="291"/>
    <col min="38" max="38" width="6.77734375" style="291" customWidth="1"/>
    <col min="39" max="48" width="9" style="291"/>
    <col min="49" max="49" width="7.77734375" style="291" customWidth="1"/>
    <col min="50" max="59" width="9" style="291"/>
    <col min="60" max="60" width="7.44140625" style="291" customWidth="1"/>
    <col min="61" max="70" width="9" style="291"/>
    <col min="71" max="71" width="7.33203125" style="291" customWidth="1"/>
    <col min="72" max="81" width="9" style="291"/>
    <col min="82" max="82" width="7.44140625" style="291" customWidth="1"/>
    <col min="83" max="92" width="9" style="291"/>
    <col min="93" max="93" width="7.6640625" style="291" customWidth="1"/>
    <col min="94" max="16384" width="9" style="291"/>
  </cols>
  <sheetData>
    <row r="1" spans="1:111" ht="20.25" customHeight="1" x14ac:dyDescent="0.2">
      <c r="A1" s="322" t="s">
        <v>123</v>
      </c>
      <c r="I1" s="470">
        <f>第１表!F2</f>
        <v>4</v>
      </c>
      <c r="J1" s="470"/>
      <c r="K1" s="283">
        <f>第１表!G2</f>
        <v>2</v>
      </c>
      <c r="L1" s="471">
        <f>IF(K1&lt;3,K1+12-2,K1-2)</f>
        <v>12</v>
      </c>
      <c r="M1" s="471"/>
    </row>
    <row r="2" spans="1:111" ht="18.75" customHeight="1" thickBot="1" x14ac:dyDescent="0.25">
      <c r="A2" s="322" t="s">
        <v>154</v>
      </c>
    </row>
    <row r="3" spans="1:111" ht="13.8" thickBot="1" x14ac:dyDescent="0.25">
      <c r="A3" s="491"/>
      <c r="B3" s="494" t="s">
        <v>112</v>
      </c>
      <c r="C3" s="494"/>
      <c r="D3" s="494"/>
      <c r="E3" s="494"/>
      <c r="F3" s="494"/>
      <c r="G3" s="494"/>
      <c r="H3" s="494"/>
      <c r="I3" s="494"/>
      <c r="J3" s="494"/>
      <c r="K3" s="494"/>
      <c r="L3" s="495"/>
      <c r="M3" s="489" t="s">
        <v>111</v>
      </c>
      <c r="N3" s="489"/>
      <c r="O3" s="489"/>
      <c r="P3" s="489"/>
      <c r="Q3" s="489"/>
      <c r="R3" s="489"/>
      <c r="S3" s="489"/>
      <c r="T3" s="489"/>
      <c r="U3" s="489"/>
      <c r="V3" s="489"/>
      <c r="W3" s="490"/>
      <c r="X3" s="488" t="s">
        <v>110</v>
      </c>
      <c r="Y3" s="489"/>
      <c r="Z3" s="489"/>
      <c r="AA3" s="489"/>
      <c r="AB3" s="489"/>
      <c r="AC3" s="489"/>
      <c r="AD3" s="489"/>
      <c r="AE3" s="489"/>
      <c r="AF3" s="489"/>
      <c r="AG3" s="489"/>
      <c r="AH3" s="490"/>
      <c r="AI3" s="488" t="s">
        <v>109</v>
      </c>
      <c r="AJ3" s="489"/>
      <c r="AK3" s="489"/>
      <c r="AL3" s="489"/>
      <c r="AM3" s="489"/>
      <c r="AN3" s="489"/>
      <c r="AO3" s="489"/>
      <c r="AP3" s="489"/>
      <c r="AQ3" s="489"/>
      <c r="AR3" s="489"/>
      <c r="AS3" s="490"/>
      <c r="AT3" s="488" t="s">
        <v>108</v>
      </c>
      <c r="AU3" s="489"/>
      <c r="AV3" s="489"/>
      <c r="AW3" s="489"/>
      <c r="AX3" s="489"/>
      <c r="AY3" s="489"/>
      <c r="AZ3" s="489"/>
      <c r="BA3" s="489"/>
      <c r="BB3" s="489"/>
      <c r="BC3" s="489"/>
      <c r="BD3" s="490"/>
      <c r="BE3" s="488" t="s">
        <v>107</v>
      </c>
      <c r="BF3" s="489"/>
      <c r="BG3" s="489"/>
      <c r="BH3" s="489"/>
      <c r="BI3" s="489"/>
      <c r="BJ3" s="489"/>
      <c r="BK3" s="489"/>
      <c r="BL3" s="489"/>
      <c r="BM3" s="489"/>
      <c r="BN3" s="489"/>
      <c r="BO3" s="490"/>
      <c r="BP3" s="488" t="s">
        <v>106</v>
      </c>
      <c r="BQ3" s="489"/>
      <c r="BR3" s="489"/>
      <c r="BS3" s="489"/>
      <c r="BT3" s="489"/>
      <c r="BU3" s="489"/>
      <c r="BV3" s="489"/>
      <c r="BW3" s="489"/>
      <c r="BX3" s="489"/>
      <c r="BY3" s="489"/>
      <c r="BZ3" s="490"/>
      <c r="CA3" s="488" t="s">
        <v>128</v>
      </c>
      <c r="CB3" s="489"/>
      <c r="CC3" s="489"/>
      <c r="CD3" s="489"/>
      <c r="CE3" s="489"/>
      <c r="CF3" s="489"/>
      <c r="CG3" s="489"/>
      <c r="CH3" s="489"/>
      <c r="CI3" s="489"/>
      <c r="CJ3" s="489"/>
      <c r="CK3" s="490"/>
      <c r="CL3" s="488" t="s">
        <v>161</v>
      </c>
      <c r="CM3" s="489"/>
      <c r="CN3" s="489"/>
      <c r="CO3" s="489"/>
      <c r="CP3" s="489"/>
      <c r="CQ3" s="489"/>
      <c r="CR3" s="489"/>
      <c r="CS3" s="489"/>
      <c r="CT3" s="489"/>
      <c r="CU3" s="489"/>
      <c r="CV3" s="490"/>
      <c r="CW3" s="488" t="s">
        <v>157</v>
      </c>
      <c r="CX3" s="489"/>
      <c r="CY3" s="489"/>
      <c r="CZ3" s="489"/>
      <c r="DA3" s="489"/>
      <c r="DB3" s="489"/>
      <c r="DC3" s="489"/>
      <c r="DD3" s="489"/>
      <c r="DE3" s="489"/>
      <c r="DF3" s="489"/>
      <c r="DG3" s="490"/>
    </row>
    <row r="4" spans="1:111" x14ac:dyDescent="0.2">
      <c r="A4" s="492"/>
      <c r="B4" s="496" t="s">
        <v>61</v>
      </c>
      <c r="C4" s="479"/>
      <c r="D4" s="480"/>
      <c r="E4" s="478" t="s">
        <v>62</v>
      </c>
      <c r="F4" s="479"/>
      <c r="G4" s="479"/>
      <c r="H4" s="479"/>
      <c r="I4" s="479"/>
      <c r="J4" s="479"/>
      <c r="K4" s="487"/>
      <c r="L4" s="481" t="s">
        <v>52</v>
      </c>
      <c r="M4" s="496" t="s">
        <v>61</v>
      </c>
      <c r="N4" s="479"/>
      <c r="O4" s="480"/>
      <c r="P4" s="478" t="s">
        <v>62</v>
      </c>
      <c r="Q4" s="479"/>
      <c r="R4" s="479"/>
      <c r="S4" s="479"/>
      <c r="T4" s="479"/>
      <c r="U4" s="479"/>
      <c r="V4" s="480"/>
      <c r="W4" s="481" t="s">
        <v>52</v>
      </c>
      <c r="X4" s="483" t="s">
        <v>61</v>
      </c>
      <c r="Y4" s="479"/>
      <c r="Z4" s="487"/>
      <c r="AA4" s="478" t="s">
        <v>62</v>
      </c>
      <c r="AB4" s="479"/>
      <c r="AC4" s="479"/>
      <c r="AD4" s="479"/>
      <c r="AE4" s="479"/>
      <c r="AF4" s="479"/>
      <c r="AG4" s="480"/>
      <c r="AH4" s="481" t="s">
        <v>52</v>
      </c>
      <c r="AI4" s="483" t="s">
        <v>61</v>
      </c>
      <c r="AJ4" s="479"/>
      <c r="AK4" s="480"/>
      <c r="AL4" s="478" t="s">
        <v>62</v>
      </c>
      <c r="AM4" s="479"/>
      <c r="AN4" s="479"/>
      <c r="AO4" s="479"/>
      <c r="AP4" s="479"/>
      <c r="AQ4" s="479"/>
      <c r="AR4" s="480"/>
      <c r="AS4" s="481" t="s">
        <v>52</v>
      </c>
      <c r="AT4" s="483" t="s">
        <v>61</v>
      </c>
      <c r="AU4" s="479"/>
      <c r="AV4" s="487"/>
      <c r="AW4" s="478" t="s">
        <v>62</v>
      </c>
      <c r="AX4" s="479"/>
      <c r="AY4" s="479"/>
      <c r="AZ4" s="479"/>
      <c r="BA4" s="479"/>
      <c r="BB4" s="479"/>
      <c r="BC4" s="487"/>
      <c r="BD4" s="481" t="s">
        <v>52</v>
      </c>
      <c r="BE4" s="483" t="s">
        <v>61</v>
      </c>
      <c r="BF4" s="479"/>
      <c r="BG4" s="480"/>
      <c r="BH4" s="478" t="s">
        <v>62</v>
      </c>
      <c r="BI4" s="479"/>
      <c r="BJ4" s="479"/>
      <c r="BK4" s="479"/>
      <c r="BL4" s="479"/>
      <c r="BM4" s="479"/>
      <c r="BN4" s="480"/>
      <c r="BO4" s="481" t="s">
        <v>52</v>
      </c>
      <c r="BP4" s="483" t="s">
        <v>61</v>
      </c>
      <c r="BQ4" s="479"/>
      <c r="BR4" s="480"/>
      <c r="BS4" s="478" t="s">
        <v>62</v>
      </c>
      <c r="BT4" s="479"/>
      <c r="BU4" s="479"/>
      <c r="BV4" s="479"/>
      <c r="BW4" s="479"/>
      <c r="BX4" s="479"/>
      <c r="BY4" s="480"/>
      <c r="BZ4" s="481" t="s">
        <v>52</v>
      </c>
      <c r="CA4" s="483" t="s">
        <v>61</v>
      </c>
      <c r="CB4" s="479"/>
      <c r="CC4" s="480"/>
      <c r="CD4" s="478" t="s">
        <v>62</v>
      </c>
      <c r="CE4" s="479"/>
      <c r="CF4" s="479"/>
      <c r="CG4" s="479"/>
      <c r="CH4" s="479"/>
      <c r="CI4" s="479"/>
      <c r="CJ4" s="480"/>
      <c r="CK4" s="481" t="s">
        <v>52</v>
      </c>
      <c r="CL4" s="483" t="s">
        <v>61</v>
      </c>
      <c r="CM4" s="479"/>
      <c r="CN4" s="480"/>
      <c r="CO4" s="478" t="s">
        <v>62</v>
      </c>
      <c r="CP4" s="479"/>
      <c r="CQ4" s="479"/>
      <c r="CR4" s="479"/>
      <c r="CS4" s="479"/>
      <c r="CT4" s="479"/>
      <c r="CU4" s="480"/>
      <c r="CV4" s="481" t="s">
        <v>52</v>
      </c>
      <c r="CW4" s="483" t="s">
        <v>61</v>
      </c>
      <c r="CX4" s="479"/>
      <c r="CY4" s="480"/>
      <c r="CZ4" s="478" t="s">
        <v>62</v>
      </c>
      <c r="DA4" s="479"/>
      <c r="DB4" s="479"/>
      <c r="DC4" s="479"/>
      <c r="DD4" s="479"/>
      <c r="DE4" s="479"/>
      <c r="DF4" s="480"/>
      <c r="DG4" s="481" t="s">
        <v>52</v>
      </c>
    </row>
    <row r="5" spans="1:111" ht="28.5" customHeight="1" thickBot="1" x14ac:dyDescent="0.25">
      <c r="A5" s="493"/>
      <c r="B5" s="300" t="s">
        <v>43</v>
      </c>
      <c r="C5" s="295" t="s">
        <v>44</v>
      </c>
      <c r="D5" s="439" t="s">
        <v>45</v>
      </c>
      <c r="E5" s="302" t="s">
        <v>83</v>
      </c>
      <c r="F5" s="295" t="s">
        <v>47</v>
      </c>
      <c r="G5" s="295" t="s">
        <v>48</v>
      </c>
      <c r="H5" s="295" t="s">
        <v>49</v>
      </c>
      <c r="I5" s="295" t="s">
        <v>50</v>
      </c>
      <c r="J5" s="295" t="s">
        <v>51</v>
      </c>
      <c r="K5" s="303" t="s">
        <v>45</v>
      </c>
      <c r="L5" s="482"/>
      <c r="M5" s="300" t="s">
        <v>43</v>
      </c>
      <c r="N5" s="295" t="s">
        <v>44</v>
      </c>
      <c r="O5" s="301" t="s">
        <v>45</v>
      </c>
      <c r="P5" s="302" t="s">
        <v>83</v>
      </c>
      <c r="Q5" s="295" t="s">
        <v>47</v>
      </c>
      <c r="R5" s="295" t="s">
        <v>48</v>
      </c>
      <c r="S5" s="295" t="s">
        <v>49</v>
      </c>
      <c r="T5" s="295" t="s">
        <v>50</v>
      </c>
      <c r="U5" s="295" t="s">
        <v>51</v>
      </c>
      <c r="V5" s="301" t="s">
        <v>45</v>
      </c>
      <c r="W5" s="482"/>
      <c r="X5" s="390" t="s">
        <v>43</v>
      </c>
      <c r="Y5" s="295" t="s">
        <v>44</v>
      </c>
      <c r="Z5" s="303" t="s">
        <v>45</v>
      </c>
      <c r="AA5" s="302" t="s">
        <v>83</v>
      </c>
      <c r="AB5" s="295" t="s">
        <v>47</v>
      </c>
      <c r="AC5" s="295" t="s">
        <v>48</v>
      </c>
      <c r="AD5" s="295" t="s">
        <v>49</v>
      </c>
      <c r="AE5" s="295" t="s">
        <v>50</v>
      </c>
      <c r="AF5" s="295" t="s">
        <v>51</v>
      </c>
      <c r="AG5" s="301" t="s">
        <v>45</v>
      </c>
      <c r="AH5" s="482"/>
      <c r="AI5" s="390" t="s">
        <v>43</v>
      </c>
      <c r="AJ5" s="295" t="s">
        <v>44</v>
      </c>
      <c r="AK5" s="301" t="s">
        <v>45</v>
      </c>
      <c r="AL5" s="302" t="s">
        <v>83</v>
      </c>
      <c r="AM5" s="295" t="s">
        <v>47</v>
      </c>
      <c r="AN5" s="295" t="s">
        <v>48</v>
      </c>
      <c r="AO5" s="295" t="s">
        <v>49</v>
      </c>
      <c r="AP5" s="295" t="s">
        <v>50</v>
      </c>
      <c r="AQ5" s="295" t="s">
        <v>51</v>
      </c>
      <c r="AR5" s="301" t="s">
        <v>45</v>
      </c>
      <c r="AS5" s="482"/>
      <c r="AT5" s="390" t="s">
        <v>43</v>
      </c>
      <c r="AU5" s="295" t="s">
        <v>44</v>
      </c>
      <c r="AV5" s="303" t="s">
        <v>45</v>
      </c>
      <c r="AW5" s="302" t="s">
        <v>83</v>
      </c>
      <c r="AX5" s="295" t="s">
        <v>47</v>
      </c>
      <c r="AY5" s="295" t="s">
        <v>48</v>
      </c>
      <c r="AZ5" s="295" t="s">
        <v>49</v>
      </c>
      <c r="BA5" s="295" t="s">
        <v>50</v>
      </c>
      <c r="BB5" s="295" t="s">
        <v>51</v>
      </c>
      <c r="BC5" s="303" t="s">
        <v>45</v>
      </c>
      <c r="BD5" s="482"/>
      <c r="BE5" s="390" t="s">
        <v>43</v>
      </c>
      <c r="BF5" s="295" t="s">
        <v>44</v>
      </c>
      <c r="BG5" s="301" t="s">
        <v>45</v>
      </c>
      <c r="BH5" s="302" t="s">
        <v>83</v>
      </c>
      <c r="BI5" s="295" t="s">
        <v>47</v>
      </c>
      <c r="BJ5" s="295" t="s">
        <v>48</v>
      </c>
      <c r="BK5" s="295" t="s">
        <v>49</v>
      </c>
      <c r="BL5" s="295" t="s">
        <v>50</v>
      </c>
      <c r="BM5" s="295" t="s">
        <v>51</v>
      </c>
      <c r="BN5" s="301" t="s">
        <v>45</v>
      </c>
      <c r="BO5" s="482"/>
      <c r="BP5" s="390" t="s">
        <v>43</v>
      </c>
      <c r="BQ5" s="295" t="s">
        <v>44</v>
      </c>
      <c r="BR5" s="301" t="s">
        <v>45</v>
      </c>
      <c r="BS5" s="302" t="s">
        <v>83</v>
      </c>
      <c r="BT5" s="295" t="s">
        <v>47</v>
      </c>
      <c r="BU5" s="295" t="s">
        <v>48</v>
      </c>
      <c r="BV5" s="295" t="s">
        <v>49</v>
      </c>
      <c r="BW5" s="295" t="s">
        <v>50</v>
      </c>
      <c r="BX5" s="295" t="s">
        <v>51</v>
      </c>
      <c r="BY5" s="301" t="s">
        <v>45</v>
      </c>
      <c r="BZ5" s="482"/>
      <c r="CA5" s="390" t="s">
        <v>43</v>
      </c>
      <c r="CB5" s="295" t="s">
        <v>44</v>
      </c>
      <c r="CC5" s="301" t="s">
        <v>45</v>
      </c>
      <c r="CD5" s="302" t="s">
        <v>83</v>
      </c>
      <c r="CE5" s="295" t="s">
        <v>47</v>
      </c>
      <c r="CF5" s="295" t="s">
        <v>48</v>
      </c>
      <c r="CG5" s="295" t="s">
        <v>49</v>
      </c>
      <c r="CH5" s="295" t="s">
        <v>50</v>
      </c>
      <c r="CI5" s="295" t="s">
        <v>51</v>
      </c>
      <c r="CJ5" s="301" t="s">
        <v>45</v>
      </c>
      <c r="CK5" s="482"/>
      <c r="CL5" s="406" t="s">
        <v>43</v>
      </c>
      <c r="CM5" s="295" t="s">
        <v>44</v>
      </c>
      <c r="CN5" s="301" t="s">
        <v>45</v>
      </c>
      <c r="CO5" s="302" t="s">
        <v>83</v>
      </c>
      <c r="CP5" s="295" t="s">
        <v>47</v>
      </c>
      <c r="CQ5" s="295" t="s">
        <v>48</v>
      </c>
      <c r="CR5" s="295" t="s">
        <v>49</v>
      </c>
      <c r="CS5" s="295" t="s">
        <v>50</v>
      </c>
      <c r="CT5" s="295" t="s">
        <v>51</v>
      </c>
      <c r="CU5" s="301" t="s">
        <v>45</v>
      </c>
      <c r="CV5" s="482"/>
      <c r="CW5" s="406" t="s">
        <v>43</v>
      </c>
      <c r="CX5" s="295" t="s">
        <v>44</v>
      </c>
      <c r="CY5" s="301" t="s">
        <v>45</v>
      </c>
      <c r="CZ5" s="302" t="s">
        <v>83</v>
      </c>
      <c r="DA5" s="295" t="s">
        <v>47</v>
      </c>
      <c r="DB5" s="295" t="s">
        <v>48</v>
      </c>
      <c r="DC5" s="295" t="s">
        <v>49</v>
      </c>
      <c r="DD5" s="295" t="s">
        <v>50</v>
      </c>
      <c r="DE5" s="295" t="s">
        <v>51</v>
      </c>
      <c r="DF5" s="301" t="s">
        <v>45</v>
      </c>
      <c r="DG5" s="482"/>
    </row>
    <row r="6" spans="1:111" ht="18.75" customHeight="1" x14ac:dyDescent="0.2">
      <c r="A6" s="296" t="s">
        <v>4</v>
      </c>
      <c r="B6" s="304">
        <v>0</v>
      </c>
      <c r="C6" s="307">
        <v>0</v>
      </c>
      <c r="D6" s="440">
        <v>0</v>
      </c>
      <c r="E6" s="306">
        <v>0</v>
      </c>
      <c r="F6" s="307">
        <v>12221</v>
      </c>
      <c r="G6" s="307">
        <v>18809</v>
      </c>
      <c r="H6" s="307">
        <v>18047</v>
      </c>
      <c r="I6" s="307">
        <v>23774</v>
      </c>
      <c r="J6" s="307">
        <v>21166</v>
      </c>
      <c r="K6" s="308">
        <v>94017</v>
      </c>
      <c r="L6" s="309">
        <v>94017</v>
      </c>
      <c r="M6" s="304">
        <v>0</v>
      </c>
      <c r="N6" s="307">
        <v>20</v>
      </c>
      <c r="O6" s="305">
        <v>20</v>
      </c>
      <c r="P6" s="306">
        <v>0</v>
      </c>
      <c r="Q6" s="307">
        <v>54</v>
      </c>
      <c r="R6" s="307">
        <v>134</v>
      </c>
      <c r="S6" s="307">
        <v>259</v>
      </c>
      <c r="T6" s="307">
        <v>674</v>
      </c>
      <c r="U6" s="307">
        <v>1246</v>
      </c>
      <c r="V6" s="305">
        <v>2367</v>
      </c>
      <c r="W6" s="309">
        <v>2387</v>
      </c>
      <c r="X6" s="304">
        <v>1159</v>
      </c>
      <c r="Y6" s="307">
        <v>3350</v>
      </c>
      <c r="Z6" s="305">
        <v>4509</v>
      </c>
      <c r="AA6" s="306">
        <v>0</v>
      </c>
      <c r="AB6" s="307">
        <v>7806</v>
      </c>
      <c r="AC6" s="307">
        <v>12009</v>
      </c>
      <c r="AD6" s="307">
        <v>7682</v>
      </c>
      <c r="AE6" s="307">
        <v>7129</v>
      </c>
      <c r="AF6" s="307">
        <v>5811</v>
      </c>
      <c r="AG6" s="305">
        <v>40437</v>
      </c>
      <c r="AH6" s="309">
        <v>44946</v>
      </c>
      <c r="AI6" s="304">
        <v>134</v>
      </c>
      <c r="AJ6" s="307">
        <v>630</v>
      </c>
      <c r="AK6" s="305">
        <v>764</v>
      </c>
      <c r="AL6" s="306">
        <v>0</v>
      </c>
      <c r="AM6" s="307">
        <v>915</v>
      </c>
      <c r="AN6" s="307">
        <v>1837</v>
      </c>
      <c r="AO6" s="307">
        <v>1318</v>
      </c>
      <c r="AP6" s="307">
        <v>1085</v>
      </c>
      <c r="AQ6" s="307">
        <v>779</v>
      </c>
      <c r="AR6" s="305">
        <v>5934</v>
      </c>
      <c r="AS6" s="309">
        <v>6698</v>
      </c>
      <c r="AT6" s="304">
        <v>0</v>
      </c>
      <c r="AU6" s="307">
        <v>0</v>
      </c>
      <c r="AV6" s="305">
        <v>0</v>
      </c>
      <c r="AW6" s="306">
        <v>0</v>
      </c>
      <c r="AX6" s="307">
        <v>10661</v>
      </c>
      <c r="AY6" s="307">
        <v>9851</v>
      </c>
      <c r="AZ6" s="307">
        <v>5171</v>
      </c>
      <c r="BA6" s="307">
        <v>3361</v>
      </c>
      <c r="BB6" s="307">
        <v>1278</v>
      </c>
      <c r="BC6" s="308">
        <v>30322</v>
      </c>
      <c r="BD6" s="309">
        <v>30322</v>
      </c>
      <c r="BE6" s="304">
        <v>0</v>
      </c>
      <c r="BF6" s="307">
        <v>0</v>
      </c>
      <c r="BG6" s="305">
        <v>0</v>
      </c>
      <c r="BH6" s="306">
        <v>0</v>
      </c>
      <c r="BI6" s="307">
        <v>2148</v>
      </c>
      <c r="BJ6" s="307">
        <v>3498</v>
      </c>
      <c r="BK6" s="307">
        <v>2063</v>
      </c>
      <c r="BL6" s="307">
        <v>1373</v>
      </c>
      <c r="BM6" s="307">
        <v>507</v>
      </c>
      <c r="BN6" s="305">
        <v>9589</v>
      </c>
      <c r="BO6" s="309">
        <v>9589</v>
      </c>
      <c r="BP6" s="304">
        <v>36</v>
      </c>
      <c r="BQ6" s="307">
        <v>110</v>
      </c>
      <c r="BR6" s="305">
        <v>146</v>
      </c>
      <c r="BS6" s="306">
        <v>0</v>
      </c>
      <c r="BT6" s="307">
        <v>841</v>
      </c>
      <c r="BU6" s="307">
        <v>1776</v>
      </c>
      <c r="BV6" s="307">
        <v>2375</v>
      </c>
      <c r="BW6" s="307">
        <v>2140</v>
      </c>
      <c r="BX6" s="307">
        <v>924</v>
      </c>
      <c r="BY6" s="305">
        <v>8056</v>
      </c>
      <c r="BZ6" s="309">
        <v>8202</v>
      </c>
      <c r="CA6" s="304">
        <v>0</v>
      </c>
      <c r="CB6" s="307">
        <v>12</v>
      </c>
      <c r="CC6" s="305">
        <v>12</v>
      </c>
      <c r="CD6" s="306">
        <v>0</v>
      </c>
      <c r="CE6" s="307">
        <v>126</v>
      </c>
      <c r="CF6" s="307">
        <v>304</v>
      </c>
      <c r="CG6" s="307">
        <v>462</v>
      </c>
      <c r="CH6" s="307">
        <v>394</v>
      </c>
      <c r="CI6" s="307">
        <v>293</v>
      </c>
      <c r="CJ6" s="305">
        <v>1579</v>
      </c>
      <c r="CK6" s="309">
        <v>1591</v>
      </c>
      <c r="CL6" s="304">
        <v>0</v>
      </c>
      <c r="CM6" s="307">
        <v>0</v>
      </c>
      <c r="CN6" s="305">
        <v>0</v>
      </c>
      <c r="CO6" s="306">
        <v>0</v>
      </c>
      <c r="CP6" s="307">
        <v>0</v>
      </c>
      <c r="CQ6" s="307">
        <v>0</v>
      </c>
      <c r="CR6" s="307">
        <v>0</v>
      </c>
      <c r="CS6" s="307">
        <v>0</v>
      </c>
      <c r="CT6" s="307">
        <v>0</v>
      </c>
      <c r="CU6" s="305">
        <v>0</v>
      </c>
      <c r="CV6" s="309">
        <v>0</v>
      </c>
      <c r="CW6" s="304">
        <v>0</v>
      </c>
      <c r="CX6" s="307">
        <v>0</v>
      </c>
      <c r="CY6" s="305">
        <v>0</v>
      </c>
      <c r="CZ6" s="306">
        <v>0</v>
      </c>
      <c r="DA6" s="307">
        <v>0</v>
      </c>
      <c r="DB6" s="307">
        <v>0</v>
      </c>
      <c r="DC6" s="307">
        <v>0</v>
      </c>
      <c r="DD6" s="307">
        <v>0</v>
      </c>
      <c r="DE6" s="307">
        <v>0</v>
      </c>
      <c r="DF6" s="305">
        <v>0</v>
      </c>
      <c r="DG6" s="309">
        <v>0</v>
      </c>
    </row>
    <row r="7" spans="1:111" ht="18.75" customHeight="1" x14ac:dyDescent="0.2">
      <c r="A7" s="297" t="s">
        <v>5</v>
      </c>
      <c r="B7" s="310">
        <v>0</v>
      </c>
      <c r="C7" s="313">
        <v>0</v>
      </c>
      <c r="D7" s="441">
        <v>0</v>
      </c>
      <c r="E7" s="312">
        <v>0</v>
      </c>
      <c r="F7" s="313">
        <v>4692</v>
      </c>
      <c r="G7" s="313">
        <v>8799</v>
      </c>
      <c r="H7" s="313">
        <v>6980</v>
      </c>
      <c r="I7" s="313">
        <v>9481</v>
      </c>
      <c r="J7" s="313">
        <v>9684</v>
      </c>
      <c r="K7" s="314">
        <v>39636</v>
      </c>
      <c r="L7" s="315">
        <v>39636</v>
      </c>
      <c r="M7" s="310">
        <v>0</v>
      </c>
      <c r="N7" s="313">
        <v>11</v>
      </c>
      <c r="O7" s="311">
        <v>11</v>
      </c>
      <c r="P7" s="312">
        <v>0</v>
      </c>
      <c r="Q7" s="313">
        <v>2</v>
      </c>
      <c r="R7" s="313">
        <v>61</v>
      </c>
      <c r="S7" s="313">
        <v>96</v>
      </c>
      <c r="T7" s="313">
        <v>314</v>
      </c>
      <c r="U7" s="313">
        <v>522</v>
      </c>
      <c r="V7" s="311">
        <v>995</v>
      </c>
      <c r="W7" s="315">
        <v>1006</v>
      </c>
      <c r="X7" s="310">
        <v>547</v>
      </c>
      <c r="Y7" s="313">
        <v>1820</v>
      </c>
      <c r="Z7" s="311">
        <v>2367</v>
      </c>
      <c r="AA7" s="312">
        <v>0</v>
      </c>
      <c r="AB7" s="313">
        <v>2925</v>
      </c>
      <c r="AC7" s="313">
        <v>6816</v>
      </c>
      <c r="AD7" s="313">
        <v>3623</v>
      </c>
      <c r="AE7" s="313">
        <v>3432</v>
      </c>
      <c r="AF7" s="313">
        <v>2729</v>
      </c>
      <c r="AG7" s="311">
        <v>19525</v>
      </c>
      <c r="AH7" s="315">
        <v>21892</v>
      </c>
      <c r="AI7" s="310">
        <v>44</v>
      </c>
      <c r="AJ7" s="313">
        <v>383</v>
      </c>
      <c r="AK7" s="311">
        <v>427</v>
      </c>
      <c r="AL7" s="312">
        <v>0</v>
      </c>
      <c r="AM7" s="313">
        <v>321</v>
      </c>
      <c r="AN7" s="313">
        <v>883</v>
      </c>
      <c r="AO7" s="313">
        <v>502</v>
      </c>
      <c r="AP7" s="313">
        <v>574</v>
      </c>
      <c r="AQ7" s="313">
        <v>344</v>
      </c>
      <c r="AR7" s="311">
        <v>2624</v>
      </c>
      <c r="AS7" s="315">
        <v>3051</v>
      </c>
      <c r="AT7" s="310">
        <v>0</v>
      </c>
      <c r="AU7" s="313">
        <v>0</v>
      </c>
      <c r="AV7" s="311">
        <v>0</v>
      </c>
      <c r="AW7" s="312">
        <v>0</v>
      </c>
      <c r="AX7" s="313">
        <v>3529</v>
      </c>
      <c r="AY7" s="313">
        <v>4418</v>
      </c>
      <c r="AZ7" s="313">
        <v>2180</v>
      </c>
      <c r="BA7" s="313">
        <v>1119</v>
      </c>
      <c r="BB7" s="313">
        <v>539</v>
      </c>
      <c r="BC7" s="314">
        <v>11785</v>
      </c>
      <c r="BD7" s="315">
        <v>11785</v>
      </c>
      <c r="BE7" s="310">
        <v>0</v>
      </c>
      <c r="BF7" s="313">
        <v>0</v>
      </c>
      <c r="BG7" s="311">
        <v>0</v>
      </c>
      <c r="BH7" s="312">
        <v>0</v>
      </c>
      <c r="BI7" s="313">
        <v>697</v>
      </c>
      <c r="BJ7" s="313">
        <v>1855</v>
      </c>
      <c r="BK7" s="313">
        <v>1013</v>
      </c>
      <c r="BL7" s="313">
        <v>595</v>
      </c>
      <c r="BM7" s="313">
        <v>246</v>
      </c>
      <c r="BN7" s="311">
        <v>4406</v>
      </c>
      <c r="BO7" s="315">
        <v>4406</v>
      </c>
      <c r="BP7" s="310">
        <v>5</v>
      </c>
      <c r="BQ7" s="313">
        <v>47</v>
      </c>
      <c r="BR7" s="311">
        <v>52</v>
      </c>
      <c r="BS7" s="312">
        <v>0</v>
      </c>
      <c r="BT7" s="313">
        <v>366</v>
      </c>
      <c r="BU7" s="313">
        <v>931</v>
      </c>
      <c r="BV7" s="313">
        <v>936</v>
      </c>
      <c r="BW7" s="313">
        <v>826</v>
      </c>
      <c r="BX7" s="313">
        <v>334</v>
      </c>
      <c r="BY7" s="311">
        <v>3393</v>
      </c>
      <c r="BZ7" s="315">
        <v>3445</v>
      </c>
      <c r="CA7" s="310">
        <v>0</v>
      </c>
      <c r="CB7" s="313">
        <v>12</v>
      </c>
      <c r="CC7" s="311">
        <v>12</v>
      </c>
      <c r="CD7" s="312">
        <v>0</v>
      </c>
      <c r="CE7" s="313">
        <v>70</v>
      </c>
      <c r="CF7" s="313">
        <v>148</v>
      </c>
      <c r="CG7" s="313">
        <v>269</v>
      </c>
      <c r="CH7" s="313">
        <v>253</v>
      </c>
      <c r="CI7" s="313">
        <v>174</v>
      </c>
      <c r="CJ7" s="311">
        <v>914</v>
      </c>
      <c r="CK7" s="315">
        <v>926</v>
      </c>
      <c r="CL7" s="310">
        <v>0</v>
      </c>
      <c r="CM7" s="313">
        <v>0</v>
      </c>
      <c r="CN7" s="311">
        <v>0</v>
      </c>
      <c r="CO7" s="312">
        <v>0</v>
      </c>
      <c r="CP7" s="313">
        <v>0</v>
      </c>
      <c r="CQ7" s="313">
        <v>0</v>
      </c>
      <c r="CR7" s="313">
        <v>0</v>
      </c>
      <c r="CS7" s="313">
        <v>0</v>
      </c>
      <c r="CT7" s="313">
        <v>0</v>
      </c>
      <c r="CU7" s="311">
        <v>0</v>
      </c>
      <c r="CV7" s="315">
        <v>0</v>
      </c>
      <c r="CW7" s="310">
        <v>0</v>
      </c>
      <c r="CX7" s="313">
        <v>0</v>
      </c>
      <c r="CY7" s="311">
        <v>0</v>
      </c>
      <c r="CZ7" s="312">
        <v>0</v>
      </c>
      <c r="DA7" s="313">
        <v>0</v>
      </c>
      <c r="DB7" s="313">
        <v>0</v>
      </c>
      <c r="DC7" s="313">
        <v>0</v>
      </c>
      <c r="DD7" s="313">
        <v>0</v>
      </c>
      <c r="DE7" s="313">
        <v>0</v>
      </c>
      <c r="DF7" s="311">
        <v>0</v>
      </c>
      <c r="DG7" s="315">
        <v>0</v>
      </c>
    </row>
    <row r="8" spans="1:111" ht="18.75" customHeight="1" x14ac:dyDescent="0.2">
      <c r="A8" s="297" t="s">
        <v>6</v>
      </c>
      <c r="B8" s="310">
        <v>0</v>
      </c>
      <c r="C8" s="313">
        <v>0</v>
      </c>
      <c r="D8" s="441">
        <v>0</v>
      </c>
      <c r="E8" s="312">
        <v>0</v>
      </c>
      <c r="F8" s="313">
        <v>2183</v>
      </c>
      <c r="G8" s="313">
        <v>3471</v>
      </c>
      <c r="H8" s="313">
        <v>2841</v>
      </c>
      <c r="I8" s="313">
        <v>4412</v>
      </c>
      <c r="J8" s="313">
        <v>2965</v>
      </c>
      <c r="K8" s="314">
        <v>15872</v>
      </c>
      <c r="L8" s="315">
        <v>15872</v>
      </c>
      <c r="M8" s="310">
        <v>0</v>
      </c>
      <c r="N8" s="313">
        <v>9</v>
      </c>
      <c r="O8" s="311">
        <v>9</v>
      </c>
      <c r="P8" s="312">
        <v>0</v>
      </c>
      <c r="Q8" s="313">
        <v>1</v>
      </c>
      <c r="R8" s="313">
        <v>9</v>
      </c>
      <c r="S8" s="313">
        <v>78</v>
      </c>
      <c r="T8" s="313">
        <v>116</v>
      </c>
      <c r="U8" s="313">
        <v>153</v>
      </c>
      <c r="V8" s="311">
        <v>357</v>
      </c>
      <c r="W8" s="315">
        <v>366</v>
      </c>
      <c r="X8" s="310">
        <v>237</v>
      </c>
      <c r="Y8" s="313">
        <v>663</v>
      </c>
      <c r="Z8" s="311">
        <v>900</v>
      </c>
      <c r="AA8" s="312">
        <v>0</v>
      </c>
      <c r="AB8" s="313">
        <v>1911</v>
      </c>
      <c r="AC8" s="313">
        <v>2094</v>
      </c>
      <c r="AD8" s="313">
        <v>1569</v>
      </c>
      <c r="AE8" s="313">
        <v>1307</v>
      </c>
      <c r="AF8" s="313">
        <v>877</v>
      </c>
      <c r="AG8" s="311">
        <v>7758</v>
      </c>
      <c r="AH8" s="315">
        <v>8658</v>
      </c>
      <c r="AI8" s="310">
        <v>30</v>
      </c>
      <c r="AJ8" s="313">
        <v>51</v>
      </c>
      <c r="AK8" s="311">
        <v>81</v>
      </c>
      <c r="AL8" s="312">
        <v>0</v>
      </c>
      <c r="AM8" s="313">
        <v>224</v>
      </c>
      <c r="AN8" s="313">
        <v>221</v>
      </c>
      <c r="AO8" s="313">
        <v>156</v>
      </c>
      <c r="AP8" s="313">
        <v>170</v>
      </c>
      <c r="AQ8" s="313">
        <v>54</v>
      </c>
      <c r="AR8" s="311">
        <v>825</v>
      </c>
      <c r="AS8" s="315">
        <v>906</v>
      </c>
      <c r="AT8" s="310">
        <v>0</v>
      </c>
      <c r="AU8" s="313">
        <v>0</v>
      </c>
      <c r="AV8" s="311">
        <v>0</v>
      </c>
      <c r="AW8" s="312">
        <v>0</v>
      </c>
      <c r="AX8" s="313">
        <v>1966</v>
      </c>
      <c r="AY8" s="313">
        <v>1288</v>
      </c>
      <c r="AZ8" s="313">
        <v>798</v>
      </c>
      <c r="BA8" s="313">
        <v>702</v>
      </c>
      <c r="BB8" s="313">
        <v>235</v>
      </c>
      <c r="BC8" s="314">
        <v>4989</v>
      </c>
      <c r="BD8" s="315">
        <v>4989</v>
      </c>
      <c r="BE8" s="310">
        <v>0</v>
      </c>
      <c r="BF8" s="313">
        <v>0</v>
      </c>
      <c r="BG8" s="311">
        <v>0</v>
      </c>
      <c r="BH8" s="312">
        <v>0</v>
      </c>
      <c r="BI8" s="313">
        <v>301</v>
      </c>
      <c r="BJ8" s="313">
        <v>402</v>
      </c>
      <c r="BK8" s="313">
        <v>223</v>
      </c>
      <c r="BL8" s="313">
        <v>264</v>
      </c>
      <c r="BM8" s="313">
        <v>67</v>
      </c>
      <c r="BN8" s="311">
        <v>1257</v>
      </c>
      <c r="BO8" s="315">
        <v>1257</v>
      </c>
      <c r="BP8" s="310">
        <v>7</v>
      </c>
      <c r="BQ8" s="313">
        <v>0</v>
      </c>
      <c r="BR8" s="311">
        <v>7</v>
      </c>
      <c r="BS8" s="312">
        <v>0</v>
      </c>
      <c r="BT8" s="313">
        <v>105</v>
      </c>
      <c r="BU8" s="313">
        <v>133</v>
      </c>
      <c r="BV8" s="313">
        <v>356</v>
      </c>
      <c r="BW8" s="313">
        <v>243</v>
      </c>
      <c r="BX8" s="313">
        <v>150</v>
      </c>
      <c r="BY8" s="311">
        <v>987</v>
      </c>
      <c r="BZ8" s="315">
        <v>994</v>
      </c>
      <c r="CA8" s="310">
        <v>0</v>
      </c>
      <c r="CB8" s="313">
        <v>0</v>
      </c>
      <c r="CC8" s="311">
        <v>0</v>
      </c>
      <c r="CD8" s="312">
        <v>0</v>
      </c>
      <c r="CE8" s="313">
        <v>41</v>
      </c>
      <c r="CF8" s="313">
        <v>35</v>
      </c>
      <c r="CG8" s="313">
        <v>62</v>
      </c>
      <c r="CH8" s="313">
        <v>72</v>
      </c>
      <c r="CI8" s="313">
        <v>28</v>
      </c>
      <c r="CJ8" s="311">
        <v>238</v>
      </c>
      <c r="CK8" s="315">
        <v>238</v>
      </c>
      <c r="CL8" s="310">
        <v>0</v>
      </c>
      <c r="CM8" s="313">
        <v>0</v>
      </c>
      <c r="CN8" s="311">
        <v>0</v>
      </c>
      <c r="CO8" s="312">
        <v>0</v>
      </c>
      <c r="CP8" s="313">
        <v>0</v>
      </c>
      <c r="CQ8" s="313">
        <v>0</v>
      </c>
      <c r="CR8" s="313">
        <v>0</v>
      </c>
      <c r="CS8" s="313">
        <v>0</v>
      </c>
      <c r="CT8" s="313">
        <v>0</v>
      </c>
      <c r="CU8" s="311">
        <v>0</v>
      </c>
      <c r="CV8" s="315">
        <v>0</v>
      </c>
      <c r="CW8" s="310">
        <v>0</v>
      </c>
      <c r="CX8" s="313">
        <v>0</v>
      </c>
      <c r="CY8" s="311">
        <v>0</v>
      </c>
      <c r="CZ8" s="312">
        <v>0</v>
      </c>
      <c r="DA8" s="313">
        <v>0</v>
      </c>
      <c r="DB8" s="313">
        <v>0</v>
      </c>
      <c r="DC8" s="313">
        <v>0</v>
      </c>
      <c r="DD8" s="313">
        <v>0</v>
      </c>
      <c r="DE8" s="313">
        <v>0</v>
      </c>
      <c r="DF8" s="311">
        <v>0</v>
      </c>
      <c r="DG8" s="315">
        <v>0</v>
      </c>
    </row>
    <row r="9" spans="1:111" ht="18.75" customHeight="1" x14ac:dyDescent="0.2">
      <c r="A9" s="297" t="s">
        <v>14</v>
      </c>
      <c r="B9" s="310">
        <v>0</v>
      </c>
      <c r="C9" s="313">
        <v>0</v>
      </c>
      <c r="D9" s="441">
        <v>0</v>
      </c>
      <c r="E9" s="312">
        <v>0</v>
      </c>
      <c r="F9" s="313">
        <v>736</v>
      </c>
      <c r="G9" s="313">
        <v>738</v>
      </c>
      <c r="H9" s="313">
        <v>1310</v>
      </c>
      <c r="I9" s="313">
        <v>1423</v>
      </c>
      <c r="J9" s="313">
        <v>1334</v>
      </c>
      <c r="K9" s="314">
        <v>5541</v>
      </c>
      <c r="L9" s="315">
        <v>5541</v>
      </c>
      <c r="M9" s="310">
        <v>0</v>
      </c>
      <c r="N9" s="313">
        <v>0</v>
      </c>
      <c r="O9" s="311">
        <v>0</v>
      </c>
      <c r="P9" s="312">
        <v>0</v>
      </c>
      <c r="Q9" s="313">
        <v>0</v>
      </c>
      <c r="R9" s="313">
        <v>0</v>
      </c>
      <c r="S9" s="313">
        <v>12</v>
      </c>
      <c r="T9" s="313">
        <v>64</v>
      </c>
      <c r="U9" s="313">
        <v>96</v>
      </c>
      <c r="V9" s="311">
        <v>172</v>
      </c>
      <c r="W9" s="315">
        <v>172</v>
      </c>
      <c r="X9" s="310">
        <v>35</v>
      </c>
      <c r="Y9" s="313">
        <v>163</v>
      </c>
      <c r="Z9" s="311">
        <v>198</v>
      </c>
      <c r="AA9" s="312">
        <v>0</v>
      </c>
      <c r="AB9" s="313">
        <v>400</v>
      </c>
      <c r="AC9" s="313">
        <v>524</v>
      </c>
      <c r="AD9" s="313">
        <v>451</v>
      </c>
      <c r="AE9" s="313">
        <v>528</v>
      </c>
      <c r="AF9" s="313">
        <v>428</v>
      </c>
      <c r="AG9" s="311">
        <v>2331</v>
      </c>
      <c r="AH9" s="315">
        <v>2529</v>
      </c>
      <c r="AI9" s="310">
        <v>0</v>
      </c>
      <c r="AJ9" s="313">
        <v>30</v>
      </c>
      <c r="AK9" s="311">
        <v>30</v>
      </c>
      <c r="AL9" s="312">
        <v>0</v>
      </c>
      <c r="AM9" s="313">
        <v>15</v>
      </c>
      <c r="AN9" s="313">
        <v>46</v>
      </c>
      <c r="AO9" s="313">
        <v>73</v>
      </c>
      <c r="AP9" s="313">
        <v>30</v>
      </c>
      <c r="AQ9" s="313">
        <v>10</v>
      </c>
      <c r="AR9" s="311">
        <v>174</v>
      </c>
      <c r="AS9" s="315">
        <v>204</v>
      </c>
      <c r="AT9" s="310">
        <v>0</v>
      </c>
      <c r="AU9" s="313">
        <v>0</v>
      </c>
      <c r="AV9" s="311">
        <v>0</v>
      </c>
      <c r="AW9" s="312">
        <v>0</v>
      </c>
      <c r="AX9" s="313">
        <v>836</v>
      </c>
      <c r="AY9" s="313">
        <v>628</v>
      </c>
      <c r="AZ9" s="313">
        <v>416</v>
      </c>
      <c r="BA9" s="313">
        <v>246</v>
      </c>
      <c r="BB9" s="313">
        <v>121</v>
      </c>
      <c r="BC9" s="314">
        <v>2247</v>
      </c>
      <c r="BD9" s="315">
        <v>2247</v>
      </c>
      <c r="BE9" s="310">
        <v>0</v>
      </c>
      <c r="BF9" s="313">
        <v>0</v>
      </c>
      <c r="BG9" s="311">
        <v>0</v>
      </c>
      <c r="BH9" s="312">
        <v>0</v>
      </c>
      <c r="BI9" s="313">
        <v>47</v>
      </c>
      <c r="BJ9" s="313">
        <v>144</v>
      </c>
      <c r="BK9" s="313">
        <v>59</v>
      </c>
      <c r="BL9" s="313">
        <v>84</v>
      </c>
      <c r="BM9" s="313">
        <v>11</v>
      </c>
      <c r="BN9" s="311">
        <v>345</v>
      </c>
      <c r="BO9" s="315">
        <v>345</v>
      </c>
      <c r="BP9" s="310">
        <v>5</v>
      </c>
      <c r="BQ9" s="313">
        <v>0</v>
      </c>
      <c r="BR9" s="311">
        <v>5</v>
      </c>
      <c r="BS9" s="312">
        <v>0</v>
      </c>
      <c r="BT9" s="313">
        <v>39</v>
      </c>
      <c r="BU9" s="313">
        <v>176</v>
      </c>
      <c r="BV9" s="313">
        <v>169</v>
      </c>
      <c r="BW9" s="313">
        <v>210</v>
      </c>
      <c r="BX9" s="313">
        <v>99</v>
      </c>
      <c r="BY9" s="311">
        <v>693</v>
      </c>
      <c r="BZ9" s="315">
        <v>698</v>
      </c>
      <c r="CA9" s="310">
        <v>0</v>
      </c>
      <c r="CB9" s="313">
        <v>0</v>
      </c>
      <c r="CC9" s="311">
        <v>0</v>
      </c>
      <c r="CD9" s="312">
        <v>0</v>
      </c>
      <c r="CE9" s="313">
        <v>0</v>
      </c>
      <c r="CF9" s="313">
        <v>4</v>
      </c>
      <c r="CG9" s="313">
        <v>14</v>
      </c>
      <c r="CH9" s="313">
        <v>9</v>
      </c>
      <c r="CI9" s="313">
        <v>15</v>
      </c>
      <c r="CJ9" s="311">
        <v>42</v>
      </c>
      <c r="CK9" s="315">
        <v>42</v>
      </c>
      <c r="CL9" s="310">
        <v>0</v>
      </c>
      <c r="CM9" s="313">
        <v>0</v>
      </c>
      <c r="CN9" s="311">
        <v>0</v>
      </c>
      <c r="CO9" s="312">
        <v>0</v>
      </c>
      <c r="CP9" s="313">
        <v>0</v>
      </c>
      <c r="CQ9" s="313">
        <v>0</v>
      </c>
      <c r="CR9" s="313">
        <v>0</v>
      </c>
      <c r="CS9" s="313">
        <v>0</v>
      </c>
      <c r="CT9" s="313">
        <v>0</v>
      </c>
      <c r="CU9" s="311">
        <v>0</v>
      </c>
      <c r="CV9" s="315">
        <v>0</v>
      </c>
      <c r="CW9" s="310">
        <v>0</v>
      </c>
      <c r="CX9" s="313">
        <v>0</v>
      </c>
      <c r="CY9" s="311">
        <v>0</v>
      </c>
      <c r="CZ9" s="312">
        <v>0</v>
      </c>
      <c r="DA9" s="313">
        <v>0</v>
      </c>
      <c r="DB9" s="313">
        <v>0</v>
      </c>
      <c r="DC9" s="313">
        <v>0</v>
      </c>
      <c r="DD9" s="313">
        <v>0</v>
      </c>
      <c r="DE9" s="313">
        <v>0</v>
      </c>
      <c r="DF9" s="311">
        <v>0</v>
      </c>
      <c r="DG9" s="315">
        <v>0</v>
      </c>
    </row>
    <row r="10" spans="1:111" ht="18.75" customHeight="1" x14ac:dyDescent="0.2">
      <c r="A10" s="297" t="s">
        <v>7</v>
      </c>
      <c r="B10" s="310">
        <v>0</v>
      </c>
      <c r="C10" s="313">
        <v>0</v>
      </c>
      <c r="D10" s="441">
        <v>0</v>
      </c>
      <c r="E10" s="312">
        <v>0</v>
      </c>
      <c r="F10" s="313">
        <v>686</v>
      </c>
      <c r="G10" s="313">
        <v>803</v>
      </c>
      <c r="H10" s="313">
        <v>894</v>
      </c>
      <c r="I10" s="313">
        <v>492</v>
      </c>
      <c r="J10" s="313">
        <v>635</v>
      </c>
      <c r="K10" s="314">
        <v>3510</v>
      </c>
      <c r="L10" s="315">
        <v>3510</v>
      </c>
      <c r="M10" s="310">
        <v>0</v>
      </c>
      <c r="N10" s="313">
        <v>0</v>
      </c>
      <c r="O10" s="311">
        <v>0</v>
      </c>
      <c r="P10" s="312">
        <v>0</v>
      </c>
      <c r="Q10" s="313">
        <v>12</v>
      </c>
      <c r="R10" s="313">
        <v>9</v>
      </c>
      <c r="S10" s="313">
        <v>2</v>
      </c>
      <c r="T10" s="313">
        <v>5</v>
      </c>
      <c r="U10" s="313">
        <v>54</v>
      </c>
      <c r="V10" s="311">
        <v>82</v>
      </c>
      <c r="W10" s="315">
        <v>82</v>
      </c>
      <c r="X10" s="310">
        <v>0</v>
      </c>
      <c r="Y10" s="313">
        <v>23</v>
      </c>
      <c r="Z10" s="311">
        <v>23</v>
      </c>
      <c r="AA10" s="312">
        <v>0</v>
      </c>
      <c r="AB10" s="313">
        <v>230</v>
      </c>
      <c r="AC10" s="313">
        <v>320</v>
      </c>
      <c r="AD10" s="313">
        <v>100</v>
      </c>
      <c r="AE10" s="313">
        <v>107</v>
      </c>
      <c r="AF10" s="313">
        <v>172</v>
      </c>
      <c r="AG10" s="311">
        <v>929</v>
      </c>
      <c r="AH10" s="315">
        <v>952</v>
      </c>
      <c r="AI10" s="310">
        <v>0</v>
      </c>
      <c r="AJ10" s="313">
        <v>0</v>
      </c>
      <c r="AK10" s="311">
        <v>0</v>
      </c>
      <c r="AL10" s="312">
        <v>0</v>
      </c>
      <c r="AM10" s="313">
        <v>52</v>
      </c>
      <c r="AN10" s="313">
        <v>86</v>
      </c>
      <c r="AO10" s="313">
        <v>14</v>
      </c>
      <c r="AP10" s="313">
        <v>26</v>
      </c>
      <c r="AQ10" s="313">
        <v>24</v>
      </c>
      <c r="AR10" s="311">
        <v>202</v>
      </c>
      <c r="AS10" s="315">
        <v>202</v>
      </c>
      <c r="AT10" s="310">
        <v>0</v>
      </c>
      <c r="AU10" s="313">
        <v>0</v>
      </c>
      <c r="AV10" s="311">
        <v>0</v>
      </c>
      <c r="AW10" s="312">
        <v>0</v>
      </c>
      <c r="AX10" s="313">
        <v>513</v>
      </c>
      <c r="AY10" s="313">
        <v>304</v>
      </c>
      <c r="AZ10" s="313">
        <v>108</v>
      </c>
      <c r="BA10" s="313">
        <v>49</v>
      </c>
      <c r="BB10" s="313">
        <v>25</v>
      </c>
      <c r="BC10" s="314">
        <v>999</v>
      </c>
      <c r="BD10" s="315">
        <v>999</v>
      </c>
      <c r="BE10" s="310">
        <v>0</v>
      </c>
      <c r="BF10" s="313">
        <v>0</v>
      </c>
      <c r="BG10" s="311">
        <v>0</v>
      </c>
      <c r="BH10" s="312">
        <v>0</v>
      </c>
      <c r="BI10" s="313">
        <v>146</v>
      </c>
      <c r="BJ10" s="313">
        <v>88</v>
      </c>
      <c r="BK10" s="313">
        <v>82</v>
      </c>
      <c r="BL10" s="313">
        <v>15</v>
      </c>
      <c r="BM10" s="313">
        <v>17</v>
      </c>
      <c r="BN10" s="311">
        <v>348</v>
      </c>
      <c r="BO10" s="315">
        <v>348</v>
      </c>
      <c r="BP10" s="310">
        <v>0</v>
      </c>
      <c r="BQ10" s="313">
        <v>0</v>
      </c>
      <c r="BR10" s="311">
        <v>0</v>
      </c>
      <c r="BS10" s="312">
        <v>0</v>
      </c>
      <c r="BT10" s="313">
        <v>47</v>
      </c>
      <c r="BU10" s="313">
        <v>69</v>
      </c>
      <c r="BV10" s="313">
        <v>126</v>
      </c>
      <c r="BW10" s="313">
        <v>96</v>
      </c>
      <c r="BX10" s="313">
        <v>16</v>
      </c>
      <c r="BY10" s="311">
        <v>354</v>
      </c>
      <c r="BZ10" s="315">
        <v>354</v>
      </c>
      <c r="CA10" s="310">
        <v>0</v>
      </c>
      <c r="CB10" s="313">
        <v>0</v>
      </c>
      <c r="CC10" s="311">
        <v>0</v>
      </c>
      <c r="CD10" s="312">
        <v>0</v>
      </c>
      <c r="CE10" s="313">
        <v>3</v>
      </c>
      <c r="CF10" s="313">
        <v>22</v>
      </c>
      <c r="CG10" s="313">
        <v>0</v>
      </c>
      <c r="CH10" s="313">
        <v>0</v>
      </c>
      <c r="CI10" s="313">
        <v>4</v>
      </c>
      <c r="CJ10" s="311">
        <v>29</v>
      </c>
      <c r="CK10" s="315">
        <v>29</v>
      </c>
      <c r="CL10" s="310">
        <v>0</v>
      </c>
      <c r="CM10" s="313">
        <v>0</v>
      </c>
      <c r="CN10" s="311">
        <v>0</v>
      </c>
      <c r="CO10" s="312">
        <v>0</v>
      </c>
      <c r="CP10" s="313">
        <v>0</v>
      </c>
      <c r="CQ10" s="313">
        <v>0</v>
      </c>
      <c r="CR10" s="313">
        <v>0</v>
      </c>
      <c r="CS10" s="313">
        <v>0</v>
      </c>
      <c r="CT10" s="313">
        <v>0</v>
      </c>
      <c r="CU10" s="311">
        <v>0</v>
      </c>
      <c r="CV10" s="315">
        <v>0</v>
      </c>
      <c r="CW10" s="310">
        <v>0</v>
      </c>
      <c r="CX10" s="313">
        <v>0</v>
      </c>
      <c r="CY10" s="311">
        <v>0</v>
      </c>
      <c r="CZ10" s="312">
        <v>0</v>
      </c>
      <c r="DA10" s="313">
        <v>0</v>
      </c>
      <c r="DB10" s="313">
        <v>0</v>
      </c>
      <c r="DC10" s="313">
        <v>0</v>
      </c>
      <c r="DD10" s="313">
        <v>0</v>
      </c>
      <c r="DE10" s="313">
        <v>0</v>
      </c>
      <c r="DF10" s="311">
        <v>0</v>
      </c>
      <c r="DG10" s="315">
        <v>0</v>
      </c>
    </row>
    <row r="11" spans="1:111" ht="18.75" customHeight="1" x14ac:dyDescent="0.2">
      <c r="A11" s="297" t="s">
        <v>8</v>
      </c>
      <c r="B11" s="310">
        <v>0</v>
      </c>
      <c r="C11" s="313">
        <v>0</v>
      </c>
      <c r="D11" s="441">
        <v>0</v>
      </c>
      <c r="E11" s="312">
        <v>0</v>
      </c>
      <c r="F11" s="313">
        <v>174</v>
      </c>
      <c r="G11" s="313">
        <v>401</v>
      </c>
      <c r="H11" s="313">
        <v>94</v>
      </c>
      <c r="I11" s="313">
        <v>302</v>
      </c>
      <c r="J11" s="313">
        <v>387</v>
      </c>
      <c r="K11" s="314">
        <v>1358</v>
      </c>
      <c r="L11" s="315">
        <v>1358</v>
      </c>
      <c r="M11" s="310">
        <v>0</v>
      </c>
      <c r="N11" s="313">
        <v>0</v>
      </c>
      <c r="O11" s="311">
        <v>0</v>
      </c>
      <c r="P11" s="312">
        <v>0</v>
      </c>
      <c r="Q11" s="313">
        <v>0</v>
      </c>
      <c r="R11" s="313">
        <v>6</v>
      </c>
      <c r="S11" s="313">
        <v>1</v>
      </c>
      <c r="T11" s="313">
        <v>37</v>
      </c>
      <c r="U11" s="313">
        <v>12</v>
      </c>
      <c r="V11" s="311">
        <v>56</v>
      </c>
      <c r="W11" s="315">
        <v>56</v>
      </c>
      <c r="X11" s="310">
        <v>5</v>
      </c>
      <c r="Y11" s="313">
        <v>6</v>
      </c>
      <c r="Z11" s="311">
        <v>11</v>
      </c>
      <c r="AA11" s="312">
        <v>0</v>
      </c>
      <c r="AB11" s="313">
        <v>41</v>
      </c>
      <c r="AC11" s="313">
        <v>89</v>
      </c>
      <c r="AD11" s="313">
        <v>46</v>
      </c>
      <c r="AE11" s="313">
        <v>75</v>
      </c>
      <c r="AF11" s="313">
        <v>40</v>
      </c>
      <c r="AG11" s="311">
        <v>291</v>
      </c>
      <c r="AH11" s="315">
        <v>302</v>
      </c>
      <c r="AI11" s="310">
        <v>0</v>
      </c>
      <c r="AJ11" s="313">
        <v>14</v>
      </c>
      <c r="AK11" s="311">
        <v>14</v>
      </c>
      <c r="AL11" s="312">
        <v>0</v>
      </c>
      <c r="AM11" s="313">
        <v>0</v>
      </c>
      <c r="AN11" s="313">
        <v>43</v>
      </c>
      <c r="AO11" s="313">
        <v>96</v>
      </c>
      <c r="AP11" s="313">
        <v>31</v>
      </c>
      <c r="AQ11" s="313">
        <v>24</v>
      </c>
      <c r="AR11" s="311">
        <v>194</v>
      </c>
      <c r="AS11" s="315">
        <v>208</v>
      </c>
      <c r="AT11" s="310">
        <v>0</v>
      </c>
      <c r="AU11" s="313">
        <v>0</v>
      </c>
      <c r="AV11" s="311">
        <v>0</v>
      </c>
      <c r="AW11" s="312">
        <v>0</v>
      </c>
      <c r="AX11" s="313">
        <v>176</v>
      </c>
      <c r="AY11" s="313">
        <v>211</v>
      </c>
      <c r="AZ11" s="313">
        <v>45</v>
      </c>
      <c r="BA11" s="313">
        <v>152</v>
      </c>
      <c r="BB11" s="313">
        <v>12</v>
      </c>
      <c r="BC11" s="314">
        <v>596</v>
      </c>
      <c r="BD11" s="315">
        <v>596</v>
      </c>
      <c r="BE11" s="310">
        <v>0</v>
      </c>
      <c r="BF11" s="313">
        <v>0</v>
      </c>
      <c r="BG11" s="311">
        <v>0</v>
      </c>
      <c r="BH11" s="312">
        <v>0</v>
      </c>
      <c r="BI11" s="313">
        <v>133</v>
      </c>
      <c r="BJ11" s="313">
        <v>67</v>
      </c>
      <c r="BK11" s="313">
        <v>31</v>
      </c>
      <c r="BL11" s="313">
        <v>48</v>
      </c>
      <c r="BM11" s="313">
        <v>11</v>
      </c>
      <c r="BN11" s="311">
        <v>290</v>
      </c>
      <c r="BO11" s="315">
        <v>290</v>
      </c>
      <c r="BP11" s="310">
        <v>0</v>
      </c>
      <c r="BQ11" s="313">
        <v>0</v>
      </c>
      <c r="BR11" s="311">
        <v>0</v>
      </c>
      <c r="BS11" s="312">
        <v>0</v>
      </c>
      <c r="BT11" s="313">
        <v>16</v>
      </c>
      <c r="BU11" s="313">
        <v>99</v>
      </c>
      <c r="BV11" s="313">
        <v>25</v>
      </c>
      <c r="BW11" s="313">
        <v>61</v>
      </c>
      <c r="BX11" s="313">
        <v>34</v>
      </c>
      <c r="BY11" s="311">
        <v>235</v>
      </c>
      <c r="BZ11" s="315">
        <v>235</v>
      </c>
      <c r="CA11" s="310">
        <v>0</v>
      </c>
      <c r="CB11" s="313">
        <v>0</v>
      </c>
      <c r="CC11" s="311">
        <v>0</v>
      </c>
      <c r="CD11" s="312">
        <v>0</v>
      </c>
      <c r="CE11" s="313">
        <v>0</v>
      </c>
      <c r="CF11" s="313">
        <v>11</v>
      </c>
      <c r="CG11" s="313">
        <v>2</v>
      </c>
      <c r="CH11" s="313">
        <v>0</v>
      </c>
      <c r="CI11" s="313">
        <v>0</v>
      </c>
      <c r="CJ11" s="311">
        <v>13</v>
      </c>
      <c r="CK11" s="315">
        <v>13</v>
      </c>
      <c r="CL11" s="310">
        <v>0</v>
      </c>
      <c r="CM11" s="313">
        <v>0</v>
      </c>
      <c r="CN11" s="311">
        <v>0</v>
      </c>
      <c r="CO11" s="312">
        <v>0</v>
      </c>
      <c r="CP11" s="313">
        <v>0</v>
      </c>
      <c r="CQ11" s="313">
        <v>0</v>
      </c>
      <c r="CR11" s="313">
        <v>0</v>
      </c>
      <c r="CS11" s="313">
        <v>0</v>
      </c>
      <c r="CT11" s="313">
        <v>0</v>
      </c>
      <c r="CU11" s="311">
        <v>0</v>
      </c>
      <c r="CV11" s="315">
        <v>0</v>
      </c>
      <c r="CW11" s="310">
        <v>0</v>
      </c>
      <c r="CX11" s="313">
        <v>0</v>
      </c>
      <c r="CY11" s="311">
        <v>0</v>
      </c>
      <c r="CZ11" s="312">
        <v>0</v>
      </c>
      <c r="DA11" s="313">
        <v>0</v>
      </c>
      <c r="DB11" s="313">
        <v>0</v>
      </c>
      <c r="DC11" s="313">
        <v>0</v>
      </c>
      <c r="DD11" s="313">
        <v>0</v>
      </c>
      <c r="DE11" s="313">
        <v>0</v>
      </c>
      <c r="DF11" s="311">
        <v>0</v>
      </c>
      <c r="DG11" s="315">
        <v>0</v>
      </c>
    </row>
    <row r="12" spans="1:111" ht="18.75" customHeight="1" x14ac:dyDescent="0.2">
      <c r="A12" s="297" t="s">
        <v>9</v>
      </c>
      <c r="B12" s="310">
        <v>0</v>
      </c>
      <c r="C12" s="313">
        <v>0</v>
      </c>
      <c r="D12" s="441">
        <v>0</v>
      </c>
      <c r="E12" s="312">
        <v>0</v>
      </c>
      <c r="F12" s="313">
        <v>692</v>
      </c>
      <c r="G12" s="313">
        <v>819</v>
      </c>
      <c r="H12" s="313">
        <v>1314</v>
      </c>
      <c r="I12" s="313">
        <v>1715</v>
      </c>
      <c r="J12" s="313">
        <v>1816</v>
      </c>
      <c r="K12" s="314">
        <v>6356</v>
      </c>
      <c r="L12" s="315">
        <v>6356</v>
      </c>
      <c r="M12" s="310">
        <v>0</v>
      </c>
      <c r="N12" s="313">
        <v>0</v>
      </c>
      <c r="O12" s="311">
        <v>0</v>
      </c>
      <c r="P12" s="312">
        <v>0</v>
      </c>
      <c r="Q12" s="313">
        <v>20</v>
      </c>
      <c r="R12" s="313">
        <v>0</v>
      </c>
      <c r="S12" s="313">
        <v>17</v>
      </c>
      <c r="T12" s="313">
        <v>17</v>
      </c>
      <c r="U12" s="313">
        <v>94</v>
      </c>
      <c r="V12" s="311">
        <v>148</v>
      </c>
      <c r="W12" s="315">
        <v>148</v>
      </c>
      <c r="X12" s="310">
        <v>35</v>
      </c>
      <c r="Y12" s="313">
        <v>49</v>
      </c>
      <c r="Z12" s="311">
        <v>84</v>
      </c>
      <c r="AA12" s="312">
        <v>0</v>
      </c>
      <c r="AB12" s="313">
        <v>446</v>
      </c>
      <c r="AC12" s="313">
        <v>401</v>
      </c>
      <c r="AD12" s="313">
        <v>330</v>
      </c>
      <c r="AE12" s="313">
        <v>309</v>
      </c>
      <c r="AF12" s="313">
        <v>185</v>
      </c>
      <c r="AG12" s="311">
        <v>1671</v>
      </c>
      <c r="AH12" s="315">
        <v>1755</v>
      </c>
      <c r="AI12" s="310">
        <v>8</v>
      </c>
      <c r="AJ12" s="313">
        <v>0</v>
      </c>
      <c r="AK12" s="311">
        <v>8</v>
      </c>
      <c r="AL12" s="312">
        <v>0</v>
      </c>
      <c r="AM12" s="313">
        <v>66</v>
      </c>
      <c r="AN12" s="313">
        <v>131</v>
      </c>
      <c r="AO12" s="313">
        <v>136</v>
      </c>
      <c r="AP12" s="313">
        <v>117</v>
      </c>
      <c r="AQ12" s="313">
        <v>111</v>
      </c>
      <c r="AR12" s="311">
        <v>561</v>
      </c>
      <c r="AS12" s="315">
        <v>569</v>
      </c>
      <c r="AT12" s="310">
        <v>0</v>
      </c>
      <c r="AU12" s="313">
        <v>0</v>
      </c>
      <c r="AV12" s="311">
        <v>0</v>
      </c>
      <c r="AW12" s="312">
        <v>0</v>
      </c>
      <c r="AX12" s="313">
        <v>326</v>
      </c>
      <c r="AY12" s="313">
        <v>319</v>
      </c>
      <c r="AZ12" s="313">
        <v>190</v>
      </c>
      <c r="BA12" s="313">
        <v>110</v>
      </c>
      <c r="BB12" s="313">
        <v>49</v>
      </c>
      <c r="BC12" s="314">
        <v>994</v>
      </c>
      <c r="BD12" s="315">
        <v>994</v>
      </c>
      <c r="BE12" s="310">
        <v>0</v>
      </c>
      <c r="BF12" s="313">
        <v>0</v>
      </c>
      <c r="BG12" s="311">
        <v>0</v>
      </c>
      <c r="BH12" s="312">
        <v>0</v>
      </c>
      <c r="BI12" s="313">
        <v>75</v>
      </c>
      <c r="BJ12" s="313">
        <v>115</v>
      </c>
      <c r="BK12" s="313">
        <v>64</v>
      </c>
      <c r="BL12" s="313">
        <v>66</v>
      </c>
      <c r="BM12" s="313">
        <v>7</v>
      </c>
      <c r="BN12" s="311">
        <v>327</v>
      </c>
      <c r="BO12" s="315">
        <v>327</v>
      </c>
      <c r="BP12" s="310">
        <v>0</v>
      </c>
      <c r="BQ12" s="313">
        <v>0</v>
      </c>
      <c r="BR12" s="311">
        <v>0</v>
      </c>
      <c r="BS12" s="312">
        <v>0</v>
      </c>
      <c r="BT12" s="313">
        <v>20</v>
      </c>
      <c r="BU12" s="313">
        <v>81</v>
      </c>
      <c r="BV12" s="313">
        <v>90</v>
      </c>
      <c r="BW12" s="313">
        <v>84</v>
      </c>
      <c r="BX12" s="313">
        <v>68</v>
      </c>
      <c r="BY12" s="311">
        <v>343</v>
      </c>
      <c r="BZ12" s="315">
        <v>343</v>
      </c>
      <c r="CA12" s="310">
        <v>0</v>
      </c>
      <c r="CB12" s="313">
        <v>0</v>
      </c>
      <c r="CC12" s="311">
        <v>0</v>
      </c>
      <c r="CD12" s="312">
        <v>0</v>
      </c>
      <c r="CE12" s="313">
        <v>6</v>
      </c>
      <c r="CF12" s="313">
        <v>3</v>
      </c>
      <c r="CG12" s="313">
        <v>23</v>
      </c>
      <c r="CH12" s="313">
        <v>5</v>
      </c>
      <c r="CI12" s="313">
        <v>23</v>
      </c>
      <c r="CJ12" s="311">
        <v>60</v>
      </c>
      <c r="CK12" s="315">
        <v>60</v>
      </c>
      <c r="CL12" s="310">
        <v>0</v>
      </c>
      <c r="CM12" s="313">
        <v>0</v>
      </c>
      <c r="CN12" s="311">
        <v>0</v>
      </c>
      <c r="CO12" s="312">
        <v>0</v>
      </c>
      <c r="CP12" s="313">
        <v>0</v>
      </c>
      <c r="CQ12" s="313">
        <v>0</v>
      </c>
      <c r="CR12" s="313">
        <v>0</v>
      </c>
      <c r="CS12" s="313">
        <v>0</v>
      </c>
      <c r="CT12" s="313">
        <v>0</v>
      </c>
      <c r="CU12" s="311">
        <v>0</v>
      </c>
      <c r="CV12" s="315">
        <v>0</v>
      </c>
      <c r="CW12" s="310">
        <v>0</v>
      </c>
      <c r="CX12" s="313">
        <v>0</v>
      </c>
      <c r="CY12" s="311">
        <v>0</v>
      </c>
      <c r="CZ12" s="312">
        <v>0</v>
      </c>
      <c r="DA12" s="313">
        <v>0</v>
      </c>
      <c r="DB12" s="313">
        <v>0</v>
      </c>
      <c r="DC12" s="313">
        <v>0</v>
      </c>
      <c r="DD12" s="313">
        <v>0</v>
      </c>
      <c r="DE12" s="313">
        <v>0</v>
      </c>
      <c r="DF12" s="311">
        <v>0</v>
      </c>
      <c r="DG12" s="315">
        <v>0</v>
      </c>
    </row>
    <row r="13" spans="1:111" ht="18.75" customHeight="1" x14ac:dyDescent="0.2">
      <c r="A13" s="297" t="s">
        <v>10</v>
      </c>
      <c r="B13" s="310">
        <v>0</v>
      </c>
      <c r="C13" s="313">
        <v>0</v>
      </c>
      <c r="D13" s="441">
        <v>0</v>
      </c>
      <c r="E13" s="312">
        <v>0</v>
      </c>
      <c r="F13" s="313">
        <v>1157</v>
      </c>
      <c r="G13" s="313">
        <v>950</v>
      </c>
      <c r="H13" s="313">
        <v>938</v>
      </c>
      <c r="I13" s="313">
        <v>2175</v>
      </c>
      <c r="J13" s="313">
        <v>1160</v>
      </c>
      <c r="K13" s="314">
        <v>6380</v>
      </c>
      <c r="L13" s="315">
        <v>6380</v>
      </c>
      <c r="M13" s="310">
        <v>0</v>
      </c>
      <c r="N13" s="313">
        <v>0</v>
      </c>
      <c r="O13" s="311">
        <v>0</v>
      </c>
      <c r="P13" s="312">
        <v>0</v>
      </c>
      <c r="Q13" s="313">
        <v>9</v>
      </c>
      <c r="R13" s="313">
        <v>6</v>
      </c>
      <c r="S13" s="313">
        <v>5</v>
      </c>
      <c r="T13" s="313">
        <v>13</v>
      </c>
      <c r="U13" s="313">
        <v>72</v>
      </c>
      <c r="V13" s="311">
        <v>105</v>
      </c>
      <c r="W13" s="315">
        <v>105</v>
      </c>
      <c r="X13" s="310">
        <v>39</v>
      </c>
      <c r="Y13" s="313">
        <v>217</v>
      </c>
      <c r="Z13" s="311">
        <v>256</v>
      </c>
      <c r="AA13" s="312">
        <v>0</v>
      </c>
      <c r="AB13" s="313">
        <v>601</v>
      </c>
      <c r="AC13" s="313">
        <v>316</v>
      </c>
      <c r="AD13" s="313">
        <v>293</v>
      </c>
      <c r="AE13" s="313">
        <v>268</v>
      </c>
      <c r="AF13" s="313">
        <v>227</v>
      </c>
      <c r="AG13" s="311">
        <v>1705</v>
      </c>
      <c r="AH13" s="315">
        <v>1961</v>
      </c>
      <c r="AI13" s="310">
        <v>24</v>
      </c>
      <c r="AJ13" s="313">
        <v>64</v>
      </c>
      <c r="AK13" s="311">
        <v>88</v>
      </c>
      <c r="AL13" s="312">
        <v>0</v>
      </c>
      <c r="AM13" s="313">
        <v>49</v>
      </c>
      <c r="AN13" s="313">
        <v>53</v>
      </c>
      <c r="AO13" s="313">
        <v>77</v>
      </c>
      <c r="AP13" s="313">
        <v>29</v>
      </c>
      <c r="AQ13" s="313">
        <v>18</v>
      </c>
      <c r="AR13" s="311">
        <v>226</v>
      </c>
      <c r="AS13" s="315">
        <v>314</v>
      </c>
      <c r="AT13" s="310">
        <v>0</v>
      </c>
      <c r="AU13" s="313">
        <v>0</v>
      </c>
      <c r="AV13" s="311">
        <v>0</v>
      </c>
      <c r="AW13" s="312">
        <v>0</v>
      </c>
      <c r="AX13" s="313">
        <v>1024</v>
      </c>
      <c r="AY13" s="313">
        <v>610</v>
      </c>
      <c r="AZ13" s="313">
        <v>253</v>
      </c>
      <c r="BA13" s="313">
        <v>153</v>
      </c>
      <c r="BB13" s="313">
        <v>35</v>
      </c>
      <c r="BC13" s="314">
        <v>2075</v>
      </c>
      <c r="BD13" s="315">
        <v>2075</v>
      </c>
      <c r="BE13" s="310">
        <v>0</v>
      </c>
      <c r="BF13" s="313">
        <v>0</v>
      </c>
      <c r="BG13" s="311">
        <v>0</v>
      </c>
      <c r="BH13" s="312">
        <v>0</v>
      </c>
      <c r="BI13" s="313">
        <v>108</v>
      </c>
      <c r="BJ13" s="313">
        <v>63</v>
      </c>
      <c r="BK13" s="313">
        <v>45</v>
      </c>
      <c r="BL13" s="313">
        <v>31</v>
      </c>
      <c r="BM13" s="313">
        <v>9</v>
      </c>
      <c r="BN13" s="311">
        <v>256</v>
      </c>
      <c r="BO13" s="315">
        <v>256</v>
      </c>
      <c r="BP13" s="310">
        <v>15</v>
      </c>
      <c r="BQ13" s="313">
        <v>27</v>
      </c>
      <c r="BR13" s="311">
        <v>42</v>
      </c>
      <c r="BS13" s="312">
        <v>0</v>
      </c>
      <c r="BT13" s="313">
        <v>85</v>
      </c>
      <c r="BU13" s="313">
        <v>29</v>
      </c>
      <c r="BV13" s="313">
        <v>192</v>
      </c>
      <c r="BW13" s="313">
        <v>143</v>
      </c>
      <c r="BX13" s="313">
        <v>34</v>
      </c>
      <c r="BY13" s="311">
        <v>483</v>
      </c>
      <c r="BZ13" s="315">
        <v>525</v>
      </c>
      <c r="CA13" s="310">
        <v>0</v>
      </c>
      <c r="CB13" s="313">
        <v>0</v>
      </c>
      <c r="CC13" s="311">
        <v>0</v>
      </c>
      <c r="CD13" s="312">
        <v>0</v>
      </c>
      <c r="CE13" s="313">
        <v>0</v>
      </c>
      <c r="CF13" s="313">
        <v>37</v>
      </c>
      <c r="CG13" s="313">
        <v>0</v>
      </c>
      <c r="CH13" s="313">
        <v>2</v>
      </c>
      <c r="CI13" s="313">
        <v>0</v>
      </c>
      <c r="CJ13" s="311">
        <v>39</v>
      </c>
      <c r="CK13" s="315">
        <v>39</v>
      </c>
      <c r="CL13" s="310">
        <v>0</v>
      </c>
      <c r="CM13" s="313">
        <v>0</v>
      </c>
      <c r="CN13" s="311">
        <v>0</v>
      </c>
      <c r="CO13" s="312">
        <v>0</v>
      </c>
      <c r="CP13" s="313">
        <v>0</v>
      </c>
      <c r="CQ13" s="313">
        <v>0</v>
      </c>
      <c r="CR13" s="313">
        <v>0</v>
      </c>
      <c r="CS13" s="313">
        <v>0</v>
      </c>
      <c r="CT13" s="313">
        <v>0</v>
      </c>
      <c r="CU13" s="311">
        <v>0</v>
      </c>
      <c r="CV13" s="315">
        <v>0</v>
      </c>
      <c r="CW13" s="310">
        <v>0</v>
      </c>
      <c r="CX13" s="313">
        <v>0</v>
      </c>
      <c r="CY13" s="311">
        <v>0</v>
      </c>
      <c r="CZ13" s="312">
        <v>0</v>
      </c>
      <c r="DA13" s="313">
        <v>0</v>
      </c>
      <c r="DB13" s="313">
        <v>0</v>
      </c>
      <c r="DC13" s="313">
        <v>0</v>
      </c>
      <c r="DD13" s="313">
        <v>0</v>
      </c>
      <c r="DE13" s="313">
        <v>0</v>
      </c>
      <c r="DF13" s="311">
        <v>0</v>
      </c>
      <c r="DG13" s="315">
        <v>0</v>
      </c>
    </row>
    <row r="14" spans="1:111" ht="18.75" customHeight="1" x14ac:dyDescent="0.2">
      <c r="A14" s="297" t="s">
        <v>11</v>
      </c>
      <c r="B14" s="310">
        <v>0</v>
      </c>
      <c r="C14" s="313">
        <v>0</v>
      </c>
      <c r="D14" s="441">
        <v>0</v>
      </c>
      <c r="E14" s="312">
        <v>0</v>
      </c>
      <c r="F14" s="313">
        <v>170</v>
      </c>
      <c r="G14" s="313">
        <v>168</v>
      </c>
      <c r="H14" s="313">
        <v>212</v>
      </c>
      <c r="I14" s="313">
        <v>268</v>
      </c>
      <c r="J14" s="313">
        <v>272</v>
      </c>
      <c r="K14" s="314">
        <v>1090</v>
      </c>
      <c r="L14" s="315">
        <v>1090</v>
      </c>
      <c r="M14" s="310">
        <v>0</v>
      </c>
      <c r="N14" s="313">
        <v>0</v>
      </c>
      <c r="O14" s="311">
        <v>0</v>
      </c>
      <c r="P14" s="312">
        <v>0</v>
      </c>
      <c r="Q14" s="313">
        <v>5</v>
      </c>
      <c r="R14" s="313">
        <v>0</v>
      </c>
      <c r="S14" s="313">
        <v>0</v>
      </c>
      <c r="T14" s="313">
        <v>19</v>
      </c>
      <c r="U14" s="313">
        <v>11</v>
      </c>
      <c r="V14" s="311">
        <v>35</v>
      </c>
      <c r="W14" s="315">
        <v>35</v>
      </c>
      <c r="X14" s="310">
        <v>34</v>
      </c>
      <c r="Y14" s="313">
        <v>31</v>
      </c>
      <c r="Z14" s="311">
        <v>65</v>
      </c>
      <c r="AA14" s="312">
        <v>0</v>
      </c>
      <c r="AB14" s="313">
        <v>196</v>
      </c>
      <c r="AC14" s="313">
        <v>46</v>
      </c>
      <c r="AD14" s="313">
        <v>77</v>
      </c>
      <c r="AE14" s="313">
        <v>105</v>
      </c>
      <c r="AF14" s="313">
        <v>139</v>
      </c>
      <c r="AG14" s="311">
        <v>563</v>
      </c>
      <c r="AH14" s="315">
        <v>628</v>
      </c>
      <c r="AI14" s="310">
        <v>0</v>
      </c>
      <c r="AJ14" s="313">
        <v>16</v>
      </c>
      <c r="AK14" s="311">
        <v>16</v>
      </c>
      <c r="AL14" s="312">
        <v>0</v>
      </c>
      <c r="AM14" s="313">
        <v>69</v>
      </c>
      <c r="AN14" s="313">
        <v>10</v>
      </c>
      <c r="AO14" s="313">
        <v>18</v>
      </c>
      <c r="AP14" s="313">
        <v>0</v>
      </c>
      <c r="AQ14" s="313">
        <v>29</v>
      </c>
      <c r="AR14" s="311">
        <v>126</v>
      </c>
      <c r="AS14" s="315">
        <v>142</v>
      </c>
      <c r="AT14" s="310">
        <v>0</v>
      </c>
      <c r="AU14" s="313">
        <v>0</v>
      </c>
      <c r="AV14" s="311">
        <v>0</v>
      </c>
      <c r="AW14" s="312">
        <v>0</v>
      </c>
      <c r="AX14" s="313">
        <v>202</v>
      </c>
      <c r="AY14" s="313">
        <v>124</v>
      </c>
      <c r="AZ14" s="313">
        <v>157</v>
      </c>
      <c r="BA14" s="313">
        <v>51</v>
      </c>
      <c r="BB14" s="313">
        <v>39</v>
      </c>
      <c r="BC14" s="314">
        <v>573</v>
      </c>
      <c r="BD14" s="315">
        <v>573</v>
      </c>
      <c r="BE14" s="310">
        <v>0</v>
      </c>
      <c r="BF14" s="313">
        <v>0</v>
      </c>
      <c r="BG14" s="311">
        <v>0</v>
      </c>
      <c r="BH14" s="312">
        <v>0</v>
      </c>
      <c r="BI14" s="313">
        <v>72</v>
      </c>
      <c r="BJ14" s="313">
        <v>30</v>
      </c>
      <c r="BK14" s="313">
        <v>79</v>
      </c>
      <c r="BL14" s="313">
        <v>25</v>
      </c>
      <c r="BM14" s="313">
        <v>22</v>
      </c>
      <c r="BN14" s="311">
        <v>228</v>
      </c>
      <c r="BO14" s="315">
        <v>228</v>
      </c>
      <c r="BP14" s="310">
        <v>0</v>
      </c>
      <c r="BQ14" s="313">
        <v>0</v>
      </c>
      <c r="BR14" s="311">
        <v>0</v>
      </c>
      <c r="BS14" s="312">
        <v>0</v>
      </c>
      <c r="BT14" s="313">
        <v>8</v>
      </c>
      <c r="BU14" s="313">
        <v>27</v>
      </c>
      <c r="BV14" s="313">
        <v>28</v>
      </c>
      <c r="BW14" s="313">
        <v>59</v>
      </c>
      <c r="BX14" s="313">
        <v>32</v>
      </c>
      <c r="BY14" s="311">
        <v>154</v>
      </c>
      <c r="BZ14" s="315">
        <v>154</v>
      </c>
      <c r="CA14" s="310">
        <v>0</v>
      </c>
      <c r="CB14" s="313">
        <v>0</v>
      </c>
      <c r="CC14" s="311">
        <v>0</v>
      </c>
      <c r="CD14" s="312">
        <v>0</v>
      </c>
      <c r="CE14" s="313">
        <v>2</v>
      </c>
      <c r="CF14" s="313">
        <v>0</v>
      </c>
      <c r="CG14" s="313">
        <v>23</v>
      </c>
      <c r="CH14" s="313">
        <v>24</v>
      </c>
      <c r="CI14" s="313">
        <v>22</v>
      </c>
      <c r="CJ14" s="311">
        <v>71</v>
      </c>
      <c r="CK14" s="315">
        <v>71</v>
      </c>
      <c r="CL14" s="310">
        <v>0</v>
      </c>
      <c r="CM14" s="313">
        <v>0</v>
      </c>
      <c r="CN14" s="311">
        <v>0</v>
      </c>
      <c r="CO14" s="312">
        <v>0</v>
      </c>
      <c r="CP14" s="313">
        <v>0</v>
      </c>
      <c r="CQ14" s="313">
        <v>0</v>
      </c>
      <c r="CR14" s="313">
        <v>0</v>
      </c>
      <c r="CS14" s="313">
        <v>0</v>
      </c>
      <c r="CT14" s="313">
        <v>0</v>
      </c>
      <c r="CU14" s="311">
        <v>0</v>
      </c>
      <c r="CV14" s="315">
        <v>0</v>
      </c>
      <c r="CW14" s="310">
        <v>0</v>
      </c>
      <c r="CX14" s="313">
        <v>0</v>
      </c>
      <c r="CY14" s="311">
        <v>0</v>
      </c>
      <c r="CZ14" s="312">
        <v>0</v>
      </c>
      <c r="DA14" s="313">
        <v>0</v>
      </c>
      <c r="DB14" s="313">
        <v>0</v>
      </c>
      <c r="DC14" s="313">
        <v>0</v>
      </c>
      <c r="DD14" s="313">
        <v>0</v>
      </c>
      <c r="DE14" s="313">
        <v>0</v>
      </c>
      <c r="DF14" s="311">
        <v>0</v>
      </c>
      <c r="DG14" s="315">
        <v>0</v>
      </c>
    </row>
    <row r="15" spans="1:111" ht="18.75" customHeight="1" x14ac:dyDescent="0.2">
      <c r="A15" s="297" t="s">
        <v>12</v>
      </c>
      <c r="B15" s="310">
        <v>0</v>
      </c>
      <c r="C15" s="313">
        <v>0</v>
      </c>
      <c r="D15" s="441">
        <v>0</v>
      </c>
      <c r="E15" s="312">
        <v>0</v>
      </c>
      <c r="F15" s="313">
        <v>417</v>
      </c>
      <c r="G15" s="313">
        <v>582</v>
      </c>
      <c r="H15" s="313">
        <v>502</v>
      </c>
      <c r="I15" s="313">
        <v>584</v>
      </c>
      <c r="J15" s="313">
        <v>589</v>
      </c>
      <c r="K15" s="314">
        <v>2674</v>
      </c>
      <c r="L15" s="315">
        <v>2674</v>
      </c>
      <c r="M15" s="310">
        <v>0</v>
      </c>
      <c r="N15" s="313">
        <v>0</v>
      </c>
      <c r="O15" s="311">
        <v>0</v>
      </c>
      <c r="P15" s="312">
        <v>0</v>
      </c>
      <c r="Q15" s="313">
        <v>0</v>
      </c>
      <c r="R15" s="313">
        <v>9</v>
      </c>
      <c r="S15" s="313">
        <v>1</v>
      </c>
      <c r="T15" s="313">
        <v>5</v>
      </c>
      <c r="U15" s="313">
        <v>41</v>
      </c>
      <c r="V15" s="311">
        <v>56</v>
      </c>
      <c r="W15" s="315">
        <v>56</v>
      </c>
      <c r="X15" s="310">
        <v>49</v>
      </c>
      <c r="Y15" s="313">
        <v>74</v>
      </c>
      <c r="Z15" s="311">
        <v>123</v>
      </c>
      <c r="AA15" s="312">
        <v>0</v>
      </c>
      <c r="AB15" s="313">
        <v>144</v>
      </c>
      <c r="AC15" s="313">
        <v>124</v>
      </c>
      <c r="AD15" s="313">
        <v>117</v>
      </c>
      <c r="AE15" s="313">
        <v>93</v>
      </c>
      <c r="AF15" s="313">
        <v>147</v>
      </c>
      <c r="AG15" s="311">
        <v>625</v>
      </c>
      <c r="AH15" s="315">
        <v>748</v>
      </c>
      <c r="AI15" s="310">
        <v>0</v>
      </c>
      <c r="AJ15" s="313">
        <v>0</v>
      </c>
      <c r="AK15" s="311">
        <v>0</v>
      </c>
      <c r="AL15" s="312">
        <v>0</v>
      </c>
      <c r="AM15" s="313">
        <v>0</v>
      </c>
      <c r="AN15" s="313">
        <v>38</v>
      </c>
      <c r="AO15" s="313">
        <v>10</v>
      </c>
      <c r="AP15" s="313">
        <v>0</v>
      </c>
      <c r="AQ15" s="313">
        <v>26</v>
      </c>
      <c r="AR15" s="311">
        <v>74</v>
      </c>
      <c r="AS15" s="315">
        <v>74</v>
      </c>
      <c r="AT15" s="310">
        <v>0</v>
      </c>
      <c r="AU15" s="313">
        <v>0</v>
      </c>
      <c r="AV15" s="311">
        <v>0</v>
      </c>
      <c r="AW15" s="312">
        <v>0</v>
      </c>
      <c r="AX15" s="313">
        <v>378</v>
      </c>
      <c r="AY15" s="313">
        <v>100</v>
      </c>
      <c r="AZ15" s="313">
        <v>97</v>
      </c>
      <c r="BA15" s="313">
        <v>155</v>
      </c>
      <c r="BB15" s="313">
        <v>47</v>
      </c>
      <c r="BC15" s="314">
        <v>777</v>
      </c>
      <c r="BD15" s="315">
        <v>777</v>
      </c>
      <c r="BE15" s="310">
        <v>0</v>
      </c>
      <c r="BF15" s="313">
        <v>0</v>
      </c>
      <c r="BG15" s="311">
        <v>0</v>
      </c>
      <c r="BH15" s="312">
        <v>0</v>
      </c>
      <c r="BI15" s="313">
        <v>78</v>
      </c>
      <c r="BJ15" s="313">
        <v>88</v>
      </c>
      <c r="BK15" s="313">
        <v>75</v>
      </c>
      <c r="BL15" s="313">
        <v>27</v>
      </c>
      <c r="BM15" s="313">
        <v>29</v>
      </c>
      <c r="BN15" s="311">
        <v>297</v>
      </c>
      <c r="BO15" s="315">
        <v>297</v>
      </c>
      <c r="BP15" s="310">
        <v>0</v>
      </c>
      <c r="BQ15" s="313">
        <v>23</v>
      </c>
      <c r="BR15" s="311">
        <v>23</v>
      </c>
      <c r="BS15" s="312">
        <v>0</v>
      </c>
      <c r="BT15" s="313">
        <v>53</v>
      </c>
      <c r="BU15" s="313">
        <v>12</v>
      </c>
      <c r="BV15" s="313">
        <v>59</v>
      </c>
      <c r="BW15" s="313">
        <v>53</v>
      </c>
      <c r="BX15" s="313">
        <v>29</v>
      </c>
      <c r="BY15" s="311">
        <v>206</v>
      </c>
      <c r="BZ15" s="315">
        <v>229</v>
      </c>
      <c r="CA15" s="310">
        <v>0</v>
      </c>
      <c r="CB15" s="313">
        <v>0</v>
      </c>
      <c r="CC15" s="311">
        <v>0</v>
      </c>
      <c r="CD15" s="312">
        <v>0</v>
      </c>
      <c r="CE15" s="313">
        <v>0</v>
      </c>
      <c r="CF15" s="313">
        <v>0</v>
      </c>
      <c r="CG15" s="313">
        <v>0</v>
      </c>
      <c r="CH15" s="313">
        <v>0</v>
      </c>
      <c r="CI15" s="313">
        <v>6</v>
      </c>
      <c r="CJ15" s="311">
        <v>6</v>
      </c>
      <c r="CK15" s="315">
        <v>6</v>
      </c>
      <c r="CL15" s="310">
        <v>0</v>
      </c>
      <c r="CM15" s="313">
        <v>0</v>
      </c>
      <c r="CN15" s="311">
        <v>0</v>
      </c>
      <c r="CO15" s="312">
        <v>0</v>
      </c>
      <c r="CP15" s="313">
        <v>0</v>
      </c>
      <c r="CQ15" s="313">
        <v>0</v>
      </c>
      <c r="CR15" s="313">
        <v>0</v>
      </c>
      <c r="CS15" s="313">
        <v>0</v>
      </c>
      <c r="CT15" s="313">
        <v>0</v>
      </c>
      <c r="CU15" s="311">
        <v>0</v>
      </c>
      <c r="CV15" s="315">
        <v>0</v>
      </c>
      <c r="CW15" s="310">
        <v>0</v>
      </c>
      <c r="CX15" s="313">
        <v>0</v>
      </c>
      <c r="CY15" s="311">
        <v>0</v>
      </c>
      <c r="CZ15" s="312">
        <v>0</v>
      </c>
      <c r="DA15" s="313">
        <v>0</v>
      </c>
      <c r="DB15" s="313">
        <v>0</v>
      </c>
      <c r="DC15" s="313">
        <v>0</v>
      </c>
      <c r="DD15" s="313">
        <v>0</v>
      </c>
      <c r="DE15" s="313">
        <v>0</v>
      </c>
      <c r="DF15" s="311">
        <v>0</v>
      </c>
      <c r="DG15" s="315">
        <v>0</v>
      </c>
    </row>
    <row r="16" spans="1:111" ht="18.75" customHeight="1" x14ac:dyDescent="0.2">
      <c r="A16" s="297" t="s">
        <v>13</v>
      </c>
      <c r="B16" s="310">
        <v>0</v>
      </c>
      <c r="C16" s="313">
        <v>0</v>
      </c>
      <c r="D16" s="441">
        <v>0</v>
      </c>
      <c r="E16" s="312">
        <v>0</v>
      </c>
      <c r="F16" s="313">
        <v>94</v>
      </c>
      <c r="G16" s="313">
        <v>283</v>
      </c>
      <c r="H16" s="313">
        <v>552</v>
      </c>
      <c r="I16" s="313">
        <v>531</v>
      </c>
      <c r="J16" s="313">
        <v>603</v>
      </c>
      <c r="K16" s="314">
        <v>2063</v>
      </c>
      <c r="L16" s="315">
        <v>2063</v>
      </c>
      <c r="M16" s="310">
        <v>0</v>
      </c>
      <c r="N16" s="313">
        <v>0</v>
      </c>
      <c r="O16" s="311">
        <v>0</v>
      </c>
      <c r="P16" s="312">
        <v>0</v>
      </c>
      <c r="Q16" s="313">
        <v>0</v>
      </c>
      <c r="R16" s="313">
        <v>0</v>
      </c>
      <c r="S16" s="313">
        <v>8</v>
      </c>
      <c r="T16" s="313">
        <v>13</v>
      </c>
      <c r="U16" s="313">
        <v>0</v>
      </c>
      <c r="V16" s="311">
        <v>21</v>
      </c>
      <c r="W16" s="315">
        <v>21</v>
      </c>
      <c r="X16" s="310">
        <v>15</v>
      </c>
      <c r="Y16" s="313">
        <v>21</v>
      </c>
      <c r="Z16" s="311">
        <v>36</v>
      </c>
      <c r="AA16" s="312">
        <v>0</v>
      </c>
      <c r="AB16" s="313">
        <v>51</v>
      </c>
      <c r="AC16" s="313">
        <v>88</v>
      </c>
      <c r="AD16" s="313">
        <v>159</v>
      </c>
      <c r="AE16" s="313">
        <v>129</v>
      </c>
      <c r="AF16" s="313">
        <v>76</v>
      </c>
      <c r="AG16" s="311">
        <v>503</v>
      </c>
      <c r="AH16" s="315">
        <v>539</v>
      </c>
      <c r="AI16" s="310">
        <v>0</v>
      </c>
      <c r="AJ16" s="313">
        <v>0</v>
      </c>
      <c r="AK16" s="311">
        <v>0</v>
      </c>
      <c r="AL16" s="312">
        <v>0</v>
      </c>
      <c r="AM16" s="313">
        <v>3</v>
      </c>
      <c r="AN16" s="313">
        <v>60</v>
      </c>
      <c r="AO16" s="313">
        <v>29</v>
      </c>
      <c r="AP16" s="313">
        <v>8</v>
      </c>
      <c r="AQ16" s="313">
        <v>32</v>
      </c>
      <c r="AR16" s="311">
        <v>132</v>
      </c>
      <c r="AS16" s="315">
        <v>132</v>
      </c>
      <c r="AT16" s="310">
        <v>0</v>
      </c>
      <c r="AU16" s="313">
        <v>0</v>
      </c>
      <c r="AV16" s="311">
        <v>0</v>
      </c>
      <c r="AW16" s="312">
        <v>0</v>
      </c>
      <c r="AX16" s="313">
        <v>94</v>
      </c>
      <c r="AY16" s="313">
        <v>166</v>
      </c>
      <c r="AZ16" s="313">
        <v>117</v>
      </c>
      <c r="BA16" s="313">
        <v>67</v>
      </c>
      <c r="BB16" s="313">
        <v>8</v>
      </c>
      <c r="BC16" s="314">
        <v>452</v>
      </c>
      <c r="BD16" s="315">
        <v>452</v>
      </c>
      <c r="BE16" s="310">
        <v>0</v>
      </c>
      <c r="BF16" s="313">
        <v>0</v>
      </c>
      <c r="BG16" s="311">
        <v>0</v>
      </c>
      <c r="BH16" s="312">
        <v>0</v>
      </c>
      <c r="BI16" s="313">
        <v>10</v>
      </c>
      <c r="BJ16" s="313">
        <v>19</v>
      </c>
      <c r="BK16" s="313">
        <v>31</v>
      </c>
      <c r="BL16" s="313">
        <v>22</v>
      </c>
      <c r="BM16" s="313">
        <v>0</v>
      </c>
      <c r="BN16" s="311">
        <v>82</v>
      </c>
      <c r="BO16" s="315">
        <v>82</v>
      </c>
      <c r="BP16" s="310">
        <v>0</v>
      </c>
      <c r="BQ16" s="313">
        <v>0</v>
      </c>
      <c r="BR16" s="311">
        <v>0</v>
      </c>
      <c r="BS16" s="312">
        <v>0</v>
      </c>
      <c r="BT16" s="313">
        <v>4</v>
      </c>
      <c r="BU16" s="313">
        <v>5</v>
      </c>
      <c r="BV16" s="313">
        <v>28</v>
      </c>
      <c r="BW16" s="313">
        <v>44</v>
      </c>
      <c r="BX16" s="313">
        <v>30</v>
      </c>
      <c r="BY16" s="311">
        <v>111</v>
      </c>
      <c r="BZ16" s="315">
        <v>111</v>
      </c>
      <c r="CA16" s="310">
        <v>0</v>
      </c>
      <c r="CB16" s="313">
        <v>0</v>
      </c>
      <c r="CC16" s="311">
        <v>0</v>
      </c>
      <c r="CD16" s="312">
        <v>0</v>
      </c>
      <c r="CE16" s="313">
        <v>0</v>
      </c>
      <c r="CF16" s="313">
        <v>0</v>
      </c>
      <c r="CG16" s="313">
        <v>6</v>
      </c>
      <c r="CH16" s="313">
        <v>6</v>
      </c>
      <c r="CI16" s="313">
        <v>0</v>
      </c>
      <c r="CJ16" s="311">
        <v>12</v>
      </c>
      <c r="CK16" s="315">
        <v>12</v>
      </c>
      <c r="CL16" s="310">
        <v>0</v>
      </c>
      <c r="CM16" s="313">
        <v>0</v>
      </c>
      <c r="CN16" s="311">
        <v>0</v>
      </c>
      <c r="CO16" s="312">
        <v>0</v>
      </c>
      <c r="CP16" s="313">
        <v>0</v>
      </c>
      <c r="CQ16" s="313">
        <v>0</v>
      </c>
      <c r="CR16" s="313">
        <v>0</v>
      </c>
      <c r="CS16" s="313">
        <v>0</v>
      </c>
      <c r="CT16" s="313">
        <v>0</v>
      </c>
      <c r="CU16" s="311">
        <v>0</v>
      </c>
      <c r="CV16" s="315">
        <v>0</v>
      </c>
      <c r="CW16" s="310">
        <v>0</v>
      </c>
      <c r="CX16" s="313">
        <v>0</v>
      </c>
      <c r="CY16" s="311">
        <v>0</v>
      </c>
      <c r="CZ16" s="312">
        <v>0</v>
      </c>
      <c r="DA16" s="313">
        <v>0</v>
      </c>
      <c r="DB16" s="313">
        <v>0</v>
      </c>
      <c r="DC16" s="313">
        <v>0</v>
      </c>
      <c r="DD16" s="313">
        <v>0</v>
      </c>
      <c r="DE16" s="313">
        <v>0</v>
      </c>
      <c r="DF16" s="311">
        <v>0</v>
      </c>
      <c r="DG16" s="315">
        <v>0</v>
      </c>
    </row>
    <row r="17" spans="1:111" ht="18.75" customHeight="1" x14ac:dyDescent="0.2">
      <c r="A17" s="297" t="s">
        <v>15</v>
      </c>
      <c r="B17" s="310">
        <v>0</v>
      </c>
      <c r="C17" s="313">
        <v>0</v>
      </c>
      <c r="D17" s="441">
        <v>0</v>
      </c>
      <c r="E17" s="312">
        <v>0</v>
      </c>
      <c r="F17" s="313">
        <v>33</v>
      </c>
      <c r="G17" s="313">
        <v>25</v>
      </c>
      <c r="H17" s="313">
        <v>0</v>
      </c>
      <c r="I17" s="313">
        <v>22</v>
      </c>
      <c r="J17" s="313">
        <v>72</v>
      </c>
      <c r="K17" s="314">
        <v>152</v>
      </c>
      <c r="L17" s="315">
        <v>152</v>
      </c>
      <c r="M17" s="310">
        <v>0</v>
      </c>
      <c r="N17" s="313">
        <v>0</v>
      </c>
      <c r="O17" s="311">
        <v>0</v>
      </c>
      <c r="P17" s="312">
        <v>0</v>
      </c>
      <c r="Q17" s="313">
        <v>0</v>
      </c>
      <c r="R17" s="313">
        <v>0</v>
      </c>
      <c r="S17" s="313">
        <v>0</v>
      </c>
      <c r="T17" s="313">
        <v>0</v>
      </c>
      <c r="U17" s="313">
        <v>23</v>
      </c>
      <c r="V17" s="311">
        <v>23</v>
      </c>
      <c r="W17" s="315">
        <v>23</v>
      </c>
      <c r="X17" s="310">
        <v>0</v>
      </c>
      <c r="Y17" s="313">
        <v>0</v>
      </c>
      <c r="Z17" s="311">
        <v>0</v>
      </c>
      <c r="AA17" s="312">
        <v>0</v>
      </c>
      <c r="AB17" s="313">
        <v>26</v>
      </c>
      <c r="AC17" s="313">
        <v>18</v>
      </c>
      <c r="AD17" s="313">
        <v>26</v>
      </c>
      <c r="AE17" s="313">
        <v>20</v>
      </c>
      <c r="AF17" s="313">
        <v>41</v>
      </c>
      <c r="AG17" s="311">
        <v>131</v>
      </c>
      <c r="AH17" s="315">
        <v>131</v>
      </c>
      <c r="AI17" s="310">
        <v>0</v>
      </c>
      <c r="AJ17" s="313">
        <v>0</v>
      </c>
      <c r="AK17" s="311">
        <v>0</v>
      </c>
      <c r="AL17" s="312">
        <v>0</v>
      </c>
      <c r="AM17" s="313">
        <v>2</v>
      </c>
      <c r="AN17" s="313">
        <v>0</v>
      </c>
      <c r="AO17" s="313">
        <v>0</v>
      </c>
      <c r="AP17" s="313">
        <v>24</v>
      </c>
      <c r="AQ17" s="313">
        <v>8</v>
      </c>
      <c r="AR17" s="311">
        <v>34</v>
      </c>
      <c r="AS17" s="315">
        <v>34</v>
      </c>
      <c r="AT17" s="310">
        <v>0</v>
      </c>
      <c r="AU17" s="313">
        <v>0</v>
      </c>
      <c r="AV17" s="311">
        <v>0</v>
      </c>
      <c r="AW17" s="312">
        <v>0</v>
      </c>
      <c r="AX17" s="313">
        <v>21</v>
      </c>
      <c r="AY17" s="313">
        <v>27</v>
      </c>
      <c r="AZ17" s="313">
        <v>31</v>
      </c>
      <c r="BA17" s="313">
        <v>13</v>
      </c>
      <c r="BB17" s="313">
        <v>0</v>
      </c>
      <c r="BC17" s="314">
        <v>92</v>
      </c>
      <c r="BD17" s="315">
        <v>92</v>
      </c>
      <c r="BE17" s="310">
        <v>0</v>
      </c>
      <c r="BF17" s="313">
        <v>0</v>
      </c>
      <c r="BG17" s="311">
        <v>0</v>
      </c>
      <c r="BH17" s="312">
        <v>0</v>
      </c>
      <c r="BI17" s="313">
        <v>10</v>
      </c>
      <c r="BJ17" s="313">
        <v>8</v>
      </c>
      <c r="BK17" s="313">
        <v>9</v>
      </c>
      <c r="BL17" s="313">
        <v>8</v>
      </c>
      <c r="BM17" s="313">
        <v>12</v>
      </c>
      <c r="BN17" s="311">
        <v>47</v>
      </c>
      <c r="BO17" s="315">
        <v>47</v>
      </c>
      <c r="BP17" s="310">
        <v>0</v>
      </c>
      <c r="BQ17" s="313">
        <v>0</v>
      </c>
      <c r="BR17" s="311">
        <v>0</v>
      </c>
      <c r="BS17" s="312">
        <v>0</v>
      </c>
      <c r="BT17" s="313">
        <v>0</v>
      </c>
      <c r="BU17" s="313">
        <v>6</v>
      </c>
      <c r="BV17" s="313">
        <v>0</v>
      </c>
      <c r="BW17" s="313">
        <v>44</v>
      </c>
      <c r="BX17" s="313">
        <v>24</v>
      </c>
      <c r="BY17" s="311">
        <v>74</v>
      </c>
      <c r="BZ17" s="315">
        <v>74</v>
      </c>
      <c r="CA17" s="310">
        <v>0</v>
      </c>
      <c r="CB17" s="313">
        <v>0</v>
      </c>
      <c r="CC17" s="311">
        <v>0</v>
      </c>
      <c r="CD17" s="312">
        <v>0</v>
      </c>
      <c r="CE17" s="313">
        <v>0</v>
      </c>
      <c r="CF17" s="313">
        <v>0</v>
      </c>
      <c r="CG17" s="313">
        <v>0</v>
      </c>
      <c r="CH17" s="313">
        <v>0</v>
      </c>
      <c r="CI17" s="313">
        <v>0</v>
      </c>
      <c r="CJ17" s="311">
        <v>0</v>
      </c>
      <c r="CK17" s="315">
        <v>0</v>
      </c>
      <c r="CL17" s="310">
        <v>0</v>
      </c>
      <c r="CM17" s="313">
        <v>0</v>
      </c>
      <c r="CN17" s="311">
        <v>0</v>
      </c>
      <c r="CO17" s="312">
        <v>0</v>
      </c>
      <c r="CP17" s="313">
        <v>0</v>
      </c>
      <c r="CQ17" s="313">
        <v>0</v>
      </c>
      <c r="CR17" s="313">
        <v>0</v>
      </c>
      <c r="CS17" s="313">
        <v>0</v>
      </c>
      <c r="CT17" s="313">
        <v>0</v>
      </c>
      <c r="CU17" s="311">
        <v>0</v>
      </c>
      <c r="CV17" s="315">
        <v>0</v>
      </c>
      <c r="CW17" s="310">
        <v>0</v>
      </c>
      <c r="CX17" s="313">
        <v>0</v>
      </c>
      <c r="CY17" s="311">
        <v>0</v>
      </c>
      <c r="CZ17" s="312">
        <v>0</v>
      </c>
      <c r="DA17" s="313">
        <v>0</v>
      </c>
      <c r="DB17" s="313">
        <v>0</v>
      </c>
      <c r="DC17" s="313">
        <v>0</v>
      </c>
      <c r="DD17" s="313">
        <v>0</v>
      </c>
      <c r="DE17" s="313">
        <v>0</v>
      </c>
      <c r="DF17" s="311">
        <v>0</v>
      </c>
      <c r="DG17" s="315">
        <v>0</v>
      </c>
    </row>
    <row r="18" spans="1:111" ht="18.75" customHeight="1" x14ac:dyDescent="0.2">
      <c r="A18" s="297" t="s">
        <v>16</v>
      </c>
      <c r="B18" s="310">
        <v>0</v>
      </c>
      <c r="C18" s="313">
        <v>0</v>
      </c>
      <c r="D18" s="441">
        <v>0</v>
      </c>
      <c r="E18" s="312">
        <v>0</v>
      </c>
      <c r="F18" s="313">
        <v>92</v>
      </c>
      <c r="G18" s="313">
        <v>163</v>
      </c>
      <c r="H18" s="313">
        <v>185</v>
      </c>
      <c r="I18" s="313">
        <v>121</v>
      </c>
      <c r="J18" s="313">
        <v>131</v>
      </c>
      <c r="K18" s="314">
        <v>692</v>
      </c>
      <c r="L18" s="315">
        <v>692</v>
      </c>
      <c r="M18" s="310">
        <v>0</v>
      </c>
      <c r="N18" s="313">
        <v>0</v>
      </c>
      <c r="O18" s="311">
        <v>0</v>
      </c>
      <c r="P18" s="312">
        <v>0</v>
      </c>
      <c r="Q18" s="313">
        <v>0</v>
      </c>
      <c r="R18" s="313">
        <v>5</v>
      </c>
      <c r="S18" s="313">
        <v>2</v>
      </c>
      <c r="T18" s="313">
        <v>0</v>
      </c>
      <c r="U18" s="313">
        <v>12</v>
      </c>
      <c r="V18" s="311">
        <v>19</v>
      </c>
      <c r="W18" s="315">
        <v>19</v>
      </c>
      <c r="X18" s="310">
        <v>5</v>
      </c>
      <c r="Y18" s="313">
        <v>3</v>
      </c>
      <c r="Z18" s="311">
        <v>8</v>
      </c>
      <c r="AA18" s="312">
        <v>0</v>
      </c>
      <c r="AB18" s="313">
        <v>37</v>
      </c>
      <c r="AC18" s="313">
        <v>159</v>
      </c>
      <c r="AD18" s="313">
        <v>108</v>
      </c>
      <c r="AE18" s="313">
        <v>50</v>
      </c>
      <c r="AF18" s="313">
        <v>6</v>
      </c>
      <c r="AG18" s="311">
        <v>360</v>
      </c>
      <c r="AH18" s="315">
        <v>368</v>
      </c>
      <c r="AI18" s="310">
        <v>0</v>
      </c>
      <c r="AJ18" s="313">
        <v>6</v>
      </c>
      <c r="AK18" s="311">
        <v>6</v>
      </c>
      <c r="AL18" s="312">
        <v>0</v>
      </c>
      <c r="AM18" s="313">
        <v>0</v>
      </c>
      <c r="AN18" s="313">
        <v>0</v>
      </c>
      <c r="AO18" s="313">
        <v>29</v>
      </c>
      <c r="AP18" s="313">
        <v>0</v>
      </c>
      <c r="AQ18" s="313">
        <v>0</v>
      </c>
      <c r="AR18" s="311">
        <v>29</v>
      </c>
      <c r="AS18" s="315">
        <v>35</v>
      </c>
      <c r="AT18" s="310">
        <v>0</v>
      </c>
      <c r="AU18" s="313">
        <v>0</v>
      </c>
      <c r="AV18" s="311">
        <v>0</v>
      </c>
      <c r="AW18" s="312">
        <v>0</v>
      </c>
      <c r="AX18" s="313">
        <v>149</v>
      </c>
      <c r="AY18" s="313">
        <v>159</v>
      </c>
      <c r="AZ18" s="313">
        <v>64</v>
      </c>
      <c r="BA18" s="313">
        <v>37</v>
      </c>
      <c r="BB18" s="313">
        <v>9</v>
      </c>
      <c r="BC18" s="314">
        <v>418</v>
      </c>
      <c r="BD18" s="315">
        <v>418</v>
      </c>
      <c r="BE18" s="310">
        <v>0</v>
      </c>
      <c r="BF18" s="313">
        <v>0</v>
      </c>
      <c r="BG18" s="311">
        <v>0</v>
      </c>
      <c r="BH18" s="312">
        <v>0</v>
      </c>
      <c r="BI18" s="313">
        <v>86</v>
      </c>
      <c r="BJ18" s="313">
        <v>134</v>
      </c>
      <c r="BK18" s="313">
        <v>46</v>
      </c>
      <c r="BL18" s="313">
        <v>0</v>
      </c>
      <c r="BM18" s="313">
        <v>0</v>
      </c>
      <c r="BN18" s="311">
        <v>266</v>
      </c>
      <c r="BO18" s="315">
        <v>266</v>
      </c>
      <c r="BP18" s="310">
        <v>0</v>
      </c>
      <c r="BQ18" s="313">
        <v>0</v>
      </c>
      <c r="BR18" s="311">
        <v>0</v>
      </c>
      <c r="BS18" s="312">
        <v>0</v>
      </c>
      <c r="BT18" s="313">
        <v>5</v>
      </c>
      <c r="BU18" s="313">
        <v>11</v>
      </c>
      <c r="BV18" s="313">
        <v>6</v>
      </c>
      <c r="BW18" s="313">
        <v>0</v>
      </c>
      <c r="BX18" s="313">
        <v>12</v>
      </c>
      <c r="BY18" s="311">
        <v>34</v>
      </c>
      <c r="BZ18" s="315">
        <v>34</v>
      </c>
      <c r="CA18" s="310">
        <v>0</v>
      </c>
      <c r="CB18" s="313">
        <v>0</v>
      </c>
      <c r="CC18" s="311">
        <v>0</v>
      </c>
      <c r="CD18" s="312">
        <v>0</v>
      </c>
      <c r="CE18" s="313">
        <v>0</v>
      </c>
      <c r="CF18" s="313">
        <v>12</v>
      </c>
      <c r="CG18" s="313">
        <v>6</v>
      </c>
      <c r="CH18" s="313">
        <v>0</v>
      </c>
      <c r="CI18" s="313">
        <v>0</v>
      </c>
      <c r="CJ18" s="311">
        <v>18</v>
      </c>
      <c r="CK18" s="315">
        <v>18</v>
      </c>
      <c r="CL18" s="310">
        <v>0</v>
      </c>
      <c r="CM18" s="313">
        <v>0</v>
      </c>
      <c r="CN18" s="311">
        <v>0</v>
      </c>
      <c r="CO18" s="312">
        <v>0</v>
      </c>
      <c r="CP18" s="313">
        <v>0</v>
      </c>
      <c r="CQ18" s="313">
        <v>0</v>
      </c>
      <c r="CR18" s="313">
        <v>0</v>
      </c>
      <c r="CS18" s="313">
        <v>0</v>
      </c>
      <c r="CT18" s="313">
        <v>0</v>
      </c>
      <c r="CU18" s="311">
        <v>0</v>
      </c>
      <c r="CV18" s="315">
        <v>0</v>
      </c>
      <c r="CW18" s="310">
        <v>0</v>
      </c>
      <c r="CX18" s="313">
        <v>0</v>
      </c>
      <c r="CY18" s="311">
        <v>0</v>
      </c>
      <c r="CZ18" s="312">
        <v>0</v>
      </c>
      <c r="DA18" s="313">
        <v>0</v>
      </c>
      <c r="DB18" s="313">
        <v>0</v>
      </c>
      <c r="DC18" s="313">
        <v>0</v>
      </c>
      <c r="DD18" s="313">
        <v>0</v>
      </c>
      <c r="DE18" s="313">
        <v>0</v>
      </c>
      <c r="DF18" s="311">
        <v>0</v>
      </c>
      <c r="DG18" s="315">
        <v>0</v>
      </c>
    </row>
    <row r="19" spans="1:111" ht="18.75" customHeight="1" x14ac:dyDescent="0.2">
      <c r="A19" s="297" t="s">
        <v>17</v>
      </c>
      <c r="B19" s="310">
        <v>0</v>
      </c>
      <c r="C19" s="313">
        <v>0</v>
      </c>
      <c r="D19" s="441">
        <v>0</v>
      </c>
      <c r="E19" s="312">
        <v>0</v>
      </c>
      <c r="F19" s="313">
        <v>47</v>
      </c>
      <c r="G19" s="313">
        <v>342</v>
      </c>
      <c r="H19" s="313">
        <v>449</v>
      </c>
      <c r="I19" s="313">
        <v>156</v>
      </c>
      <c r="J19" s="313">
        <v>294</v>
      </c>
      <c r="K19" s="314">
        <v>1288</v>
      </c>
      <c r="L19" s="315">
        <v>1288</v>
      </c>
      <c r="M19" s="310">
        <v>0</v>
      </c>
      <c r="N19" s="313">
        <v>0</v>
      </c>
      <c r="O19" s="311">
        <v>0</v>
      </c>
      <c r="P19" s="312">
        <v>0</v>
      </c>
      <c r="Q19" s="313">
        <v>0</v>
      </c>
      <c r="R19" s="313">
        <v>16</v>
      </c>
      <c r="S19" s="313">
        <v>0</v>
      </c>
      <c r="T19" s="313">
        <v>22</v>
      </c>
      <c r="U19" s="313">
        <v>28</v>
      </c>
      <c r="V19" s="311">
        <v>66</v>
      </c>
      <c r="W19" s="315">
        <v>66</v>
      </c>
      <c r="X19" s="310">
        <v>31</v>
      </c>
      <c r="Y19" s="313">
        <v>56</v>
      </c>
      <c r="Z19" s="311">
        <v>87</v>
      </c>
      <c r="AA19" s="312">
        <v>0</v>
      </c>
      <c r="AB19" s="313">
        <v>95</v>
      </c>
      <c r="AC19" s="313">
        <v>197</v>
      </c>
      <c r="AD19" s="313">
        <v>98</v>
      </c>
      <c r="AE19" s="313">
        <v>110</v>
      </c>
      <c r="AF19" s="313">
        <v>64</v>
      </c>
      <c r="AG19" s="311">
        <v>564</v>
      </c>
      <c r="AH19" s="315">
        <v>651</v>
      </c>
      <c r="AI19" s="310">
        <v>0</v>
      </c>
      <c r="AJ19" s="313">
        <v>0</v>
      </c>
      <c r="AK19" s="311">
        <v>0</v>
      </c>
      <c r="AL19" s="312">
        <v>0</v>
      </c>
      <c r="AM19" s="313">
        <v>0</v>
      </c>
      <c r="AN19" s="313">
        <v>18</v>
      </c>
      <c r="AO19" s="313">
        <v>38</v>
      </c>
      <c r="AP19" s="313">
        <v>18</v>
      </c>
      <c r="AQ19" s="313">
        <v>0</v>
      </c>
      <c r="AR19" s="311">
        <v>74</v>
      </c>
      <c r="AS19" s="315">
        <v>74</v>
      </c>
      <c r="AT19" s="310">
        <v>0</v>
      </c>
      <c r="AU19" s="313">
        <v>0</v>
      </c>
      <c r="AV19" s="311">
        <v>0</v>
      </c>
      <c r="AW19" s="312">
        <v>0</v>
      </c>
      <c r="AX19" s="313">
        <v>205</v>
      </c>
      <c r="AY19" s="313">
        <v>330</v>
      </c>
      <c r="AZ19" s="313">
        <v>180</v>
      </c>
      <c r="BA19" s="313">
        <v>82</v>
      </c>
      <c r="BB19" s="313">
        <v>31</v>
      </c>
      <c r="BC19" s="314">
        <v>828</v>
      </c>
      <c r="BD19" s="315">
        <v>828</v>
      </c>
      <c r="BE19" s="310">
        <v>0</v>
      </c>
      <c r="BF19" s="313">
        <v>0</v>
      </c>
      <c r="BG19" s="311">
        <v>0</v>
      </c>
      <c r="BH19" s="312">
        <v>0</v>
      </c>
      <c r="BI19" s="313">
        <v>72</v>
      </c>
      <c r="BJ19" s="313">
        <v>31</v>
      </c>
      <c r="BK19" s="313">
        <v>50</v>
      </c>
      <c r="BL19" s="313">
        <v>18</v>
      </c>
      <c r="BM19" s="313">
        <v>0</v>
      </c>
      <c r="BN19" s="311">
        <v>171</v>
      </c>
      <c r="BO19" s="315">
        <v>171</v>
      </c>
      <c r="BP19" s="310">
        <v>0</v>
      </c>
      <c r="BQ19" s="313">
        <v>0</v>
      </c>
      <c r="BR19" s="311">
        <v>0</v>
      </c>
      <c r="BS19" s="312">
        <v>0</v>
      </c>
      <c r="BT19" s="313">
        <v>11</v>
      </c>
      <c r="BU19" s="313">
        <v>52</v>
      </c>
      <c r="BV19" s="313">
        <v>58</v>
      </c>
      <c r="BW19" s="313">
        <v>76</v>
      </c>
      <c r="BX19" s="313">
        <v>0</v>
      </c>
      <c r="BY19" s="311">
        <v>197</v>
      </c>
      <c r="BZ19" s="315">
        <v>197</v>
      </c>
      <c r="CA19" s="310">
        <v>0</v>
      </c>
      <c r="CB19" s="313">
        <v>0</v>
      </c>
      <c r="CC19" s="311">
        <v>0</v>
      </c>
      <c r="CD19" s="312">
        <v>0</v>
      </c>
      <c r="CE19" s="313">
        <v>0</v>
      </c>
      <c r="CF19" s="313">
        <v>1</v>
      </c>
      <c r="CG19" s="313">
        <v>23</v>
      </c>
      <c r="CH19" s="313">
        <v>0</v>
      </c>
      <c r="CI19" s="313">
        <v>0</v>
      </c>
      <c r="CJ19" s="311">
        <v>24</v>
      </c>
      <c r="CK19" s="315">
        <v>24</v>
      </c>
      <c r="CL19" s="310">
        <v>0</v>
      </c>
      <c r="CM19" s="313">
        <v>0</v>
      </c>
      <c r="CN19" s="311">
        <v>0</v>
      </c>
      <c r="CO19" s="312">
        <v>0</v>
      </c>
      <c r="CP19" s="313">
        <v>0</v>
      </c>
      <c r="CQ19" s="313">
        <v>0</v>
      </c>
      <c r="CR19" s="313">
        <v>0</v>
      </c>
      <c r="CS19" s="313">
        <v>0</v>
      </c>
      <c r="CT19" s="313">
        <v>0</v>
      </c>
      <c r="CU19" s="311">
        <v>0</v>
      </c>
      <c r="CV19" s="315">
        <v>0</v>
      </c>
      <c r="CW19" s="310">
        <v>0</v>
      </c>
      <c r="CX19" s="313">
        <v>0</v>
      </c>
      <c r="CY19" s="311">
        <v>0</v>
      </c>
      <c r="CZ19" s="312">
        <v>0</v>
      </c>
      <c r="DA19" s="313">
        <v>0</v>
      </c>
      <c r="DB19" s="313">
        <v>0</v>
      </c>
      <c r="DC19" s="313">
        <v>0</v>
      </c>
      <c r="DD19" s="313">
        <v>0</v>
      </c>
      <c r="DE19" s="313">
        <v>0</v>
      </c>
      <c r="DF19" s="311">
        <v>0</v>
      </c>
      <c r="DG19" s="315">
        <v>0</v>
      </c>
    </row>
    <row r="20" spans="1:111" ht="18.75" customHeight="1" x14ac:dyDescent="0.2">
      <c r="A20" s="297" t="s">
        <v>18</v>
      </c>
      <c r="B20" s="310">
        <v>0</v>
      </c>
      <c r="C20" s="313">
        <v>0</v>
      </c>
      <c r="D20" s="441">
        <v>0</v>
      </c>
      <c r="E20" s="312">
        <v>0</v>
      </c>
      <c r="F20" s="313">
        <v>186</v>
      </c>
      <c r="G20" s="313">
        <v>429</v>
      </c>
      <c r="H20" s="313">
        <v>621</v>
      </c>
      <c r="I20" s="313">
        <v>579</v>
      </c>
      <c r="J20" s="313">
        <v>342</v>
      </c>
      <c r="K20" s="314">
        <v>2157</v>
      </c>
      <c r="L20" s="315">
        <v>2157</v>
      </c>
      <c r="M20" s="310">
        <v>0</v>
      </c>
      <c r="N20" s="313">
        <v>0</v>
      </c>
      <c r="O20" s="311">
        <v>0</v>
      </c>
      <c r="P20" s="312">
        <v>0</v>
      </c>
      <c r="Q20" s="313">
        <v>0</v>
      </c>
      <c r="R20" s="313">
        <v>9</v>
      </c>
      <c r="S20" s="313">
        <v>2</v>
      </c>
      <c r="T20" s="313">
        <v>18</v>
      </c>
      <c r="U20" s="313">
        <v>20</v>
      </c>
      <c r="V20" s="311">
        <v>49</v>
      </c>
      <c r="W20" s="315">
        <v>49</v>
      </c>
      <c r="X20" s="310">
        <v>38</v>
      </c>
      <c r="Y20" s="313">
        <v>61</v>
      </c>
      <c r="Z20" s="311">
        <v>99</v>
      </c>
      <c r="AA20" s="312">
        <v>0</v>
      </c>
      <c r="AB20" s="313">
        <v>126</v>
      </c>
      <c r="AC20" s="313">
        <v>257</v>
      </c>
      <c r="AD20" s="313">
        <v>150</v>
      </c>
      <c r="AE20" s="313">
        <v>227</v>
      </c>
      <c r="AF20" s="313">
        <v>99</v>
      </c>
      <c r="AG20" s="311">
        <v>859</v>
      </c>
      <c r="AH20" s="315">
        <v>958</v>
      </c>
      <c r="AI20" s="310">
        <v>0</v>
      </c>
      <c r="AJ20" s="313">
        <v>12</v>
      </c>
      <c r="AK20" s="311">
        <v>12</v>
      </c>
      <c r="AL20" s="312">
        <v>0</v>
      </c>
      <c r="AM20" s="313">
        <v>34</v>
      </c>
      <c r="AN20" s="313">
        <v>63</v>
      </c>
      <c r="AO20" s="313">
        <v>8</v>
      </c>
      <c r="AP20" s="313">
        <v>12</v>
      </c>
      <c r="AQ20" s="313">
        <v>18</v>
      </c>
      <c r="AR20" s="311">
        <v>135</v>
      </c>
      <c r="AS20" s="315">
        <v>147</v>
      </c>
      <c r="AT20" s="310">
        <v>0</v>
      </c>
      <c r="AU20" s="313">
        <v>0</v>
      </c>
      <c r="AV20" s="311">
        <v>0</v>
      </c>
      <c r="AW20" s="312">
        <v>0</v>
      </c>
      <c r="AX20" s="313">
        <v>260</v>
      </c>
      <c r="AY20" s="313">
        <v>525</v>
      </c>
      <c r="AZ20" s="313">
        <v>181</v>
      </c>
      <c r="BA20" s="313">
        <v>159</v>
      </c>
      <c r="BB20" s="313">
        <v>38</v>
      </c>
      <c r="BC20" s="314">
        <v>1163</v>
      </c>
      <c r="BD20" s="315">
        <v>1163</v>
      </c>
      <c r="BE20" s="310">
        <v>0</v>
      </c>
      <c r="BF20" s="313">
        <v>0</v>
      </c>
      <c r="BG20" s="311">
        <v>0</v>
      </c>
      <c r="BH20" s="312">
        <v>0</v>
      </c>
      <c r="BI20" s="313">
        <v>39</v>
      </c>
      <c r="BJ20" s="313">
        <v>113</v>
      </c>
      <c r="BK20" s="313">
        <v>55</v>
      </c>
      <c r="BL20" s="313">
        <v>22</v>
      </c>
      <c r="BM20" s="313">
        <v>6</v>
      </c>
      <c r="BN20" s="311">
        <v>235</v>
      </c>
      <c r="BO20" s="315">
        <v>235</v>
      </c>
      <c r="BP20" s="310">
        <v>0</v>
      </c>
      <c r="BQ20" s="313">
        <v>0</v>
      </c>
      <c r="BR20" s="311">
        <v>0</v>
      </c>
      <c r="BS20" s="312">
        <v>0</v>
      </c>
      <c r="BT20" s="313">
        <v>13</v>
      </c>
      <c r="BU20" s="313">
        <v>77</v>
      </c>
      <c r="BV20" s="313">
        <v>47</v>
      </c>
      <c r="BW20" s="313">
        <v>62</v>
      </c>
      <c r="BX20" s="313">
        <v>31</v>
      </c>
      <c r="BY20" s="311">
        <v>230</v>
      </c>
      <c r="BZ20" s="315">
        <v>230</v>
      </c>
      <c r="CA20" s="310">
        <v>0</v>
      </c>
      <c r="CB20" s="313">
        <v>0</v>
      </c>
      <c r="CC20" s="311">
        <v>0</v>
      </c>
      <c r="CD20" s="312">
        <v>0</v>
      </c>
      <c r="CE20" s="313">
        <v>0</v>
      </c>
      <c r="CF20" s="313">
        <v>0</v>
      </c>
      <c r="CG20" s="313">
        <v>2</v>
      </c>
      <c r="CH20" s="313">
        <v>0</v>
      </c>
      <c r="CI20" s="313">
        <v>0</v>
      </c>
      <c r="CJ20" s="311">
        <v>2</v>
      </c>
      <c r="CK20" s="315">
        <v>2</v>
      </c>
      <c r="CL20" s="310">
        <v>0</v>
      </c>
      <c r="CM20" s="313">
        <v>0</v>
      </c>
      <c r="CN20" s="311">
        <v>0</v>
      </c>
      <c r="CO20" s="312">
        <v>0</v>
      </c>
      <c r="CP20" s="313">
        <v>0</v>
      </c>
      <c r="CQ20" s="313">
        <v>0</v>
      </c>
      <c r="CR20" s="313">
        <v>0</v>
      </c>
      <c r="CS20" s="313">
        <v>0</v>
      </c>
      <c r="CT20" s="313">
        <v>0</v>
      </c>
      <c r="CU20" s="311">
        <v>0</v>
      </c>
      <c r="CV20" s="315">
        <v>0</v>
      </c>
      <c r="CW20" s="310">
        <v>0</v>
      </c>
      <c r="CX20" s="313">
        <v>0</v>
      </c>
      <c r="CY20" s="311">
        <v>0</v>
      </c>
      <c r="CZ20" s="312">
        <v>0</v>
      </c>
      <c r="DA20" s="313">
        <v>0</v>
      </c>
      <c r="DB20" s="313">
        <v>0</v>
      </c>
      <c r="DC20" s="313">
        <v>0</v>
      </c>
      <c r="DD20" s="313">
        <v>0</v>
      </c>
      <c r="DE20" s="313">
        <v>0</v>
      </c>
      <c r="DF20" s="311">
        <v>0</v>
      </c>
      <c r="DG20" s="315">
        <v>0</v>
      </c>
    </row>
    <row r="21" spans="1:111" ht="18.75" customHeight="1" x14ac:dyDescent="0.2">
      <c r="A21" s="297" t="s">
        <v>19</v>
      </c>
      <c r="B21" s="310">
        <v>0</v>
      </c>
      <c r="C21" s="313">
        <v>0</v>
      </c>
      <c r="D21" s="441">
        <v>0</v>
      </c>
      <c r="E21" s="312">
        <v>0</v>
      </c>
      <c r="F21" s="313">
        <v>43</v>
      </c>
      <c r="G21" s="313">
        <v>193</v>
      </c>
      <c r="H21" s="313">
        <v>182</v>
      </c>
      <c r="I21" s="313">
        <v>90</v>
      </c>
      <c r="J21" s="313">
        <v>71</v>
      </c>
      <c r="K21" s="314">
        <v>579</v>
      </c>
      <c r="L21" s="315">
        <v>579</v>
      </c>
      <c r="M21" s="310">
        <v>0</v>
      </c>
      <c r="N21" s="313">
        <v>0</v>
      </c>
      <c r="O21" s="311">
        <v>0</v>
      </c>
      <c r="P21" s="312">
        <v>0</v>
      </c>
      <c r="Q21" s="313">
        <v>0</v>
      </c>
      <c r="R21" s="313">
        <v>0</v>
      </c>
      <c r="S21" s="313">
        <v>8</v>
      </c>
      <c r="T21" s="313">
        <v>5</v>
      </c>
      <c r="U21" s="313">
        <v>4</v>
      </c>
      <c r="V21" s="311">
        <v>17</v>
      </c>
      <c r="W21" s="315">
        <v>17</v>
      </c>
      <c r="X21" s="310">
        <v>4</v>
      </c>
      <c r="Y21" s="313">
        <v>30</v>
      </c>
      <c r="Z21" s="311">
        <v>34</v>
      </c>
      <c r="AA21" s="312">
        <v>0</v>
      </c>
      <c r="AB21" s="313">
        <v>83</v>
      </c>
      <c r="AC21" s="313">
        <v>105</v>
      </c>
      <c r="AD21" s="313">
        <v>47</v>
      </c>
      <c r="AE21" s="313">
        <v>58</v>
      </c>
      <c r="AF21" s="313">
        <v>29</v>
      </c>
      <c r="AG21" s="311">
        <v>322</v>
      </c>
      <c r="AH21" s="315">
        <v>356</v>
      </c>
      <c r="AI21" s="310">
        <v>0</v>
      </c>
      <c r="AJ21" s="313">
        <v>6</v>
      </c>
      <c r="AK21" s="311">
        <v>6</v>
      </c>
      <c r="AL21" s="312">
        <v>0</v>
      </c>
      <c r="AM21" s="313">
        <v>12</v>
      </c>
      <c r="AN21" s="313">
        <v>8</v>
      </c>
      <c r="AO21" s="313">
        <v>30</v>
      </c>
      <c r="AP21" s="313">
        <v>0</v>
      </c>
      <c r="AQ21" s="313">
        <v>0</v>
      </c>
      <c r="AR21" s="311">
        <v>50</v>
      </c>
      <c r="AS21" s="315">
        <v>56</v>
      </c>
      <c r="AT21" s="310">
        <v>0</v>
      </c>
      <c r="AU21" s="313">
        <v>0</v>
      </c>
      <c r="AV21" s="311">
        <v>0</v>
      </c>
      <c r="AW21" s="312">
        <v>0</v>
      </c>
      <c r="AX21" s="313">
        <v>156</v>
      </c>
      <c r="AY21" s="313">
        <v>66</v>
      </c>
      <c r="AZ21" s="313">
        <v>65</v>
      </c>
      <c r="BA21" s="313">
        <v>8</v>
      </c>
      <c r="BB21" s="313">
        <v>21</v>
      </c>
      <c r="BC21" s="314">
        <v>316</v>
      </c>
      <c r="BD21" s="315">
        <v>316</v>
      </c>
      <c r="BE21" s="310">
        <v>0</v>
      </c>
      <c r="BF21" s="313">
        <v>0</v>
      </c>
      <c r="BG21" s="311">
        <v>0</v>
      </c>
      <c r="BH21" s="312">
        <v>0</v>
      </c>
      <c r="BI21" s="313">
        <v>49</v>
      </c>
      <c r="BJ21" s="313">
        <v>26</v>
      </c>
      <c r="BK21" s="313">
        <v>27</v>
      </c>
      <c r="BL21" s="313">
        <v>43</v>
      </c>
      <c r="BM21" s="313">
        <v>9</v>
      </c>
      <c r="BN21" s="311">
        <v>154</v>
      </c>
      <c r="BO21" s="315">
        <v>154</v>
      </c>
      <c r="BP21" s="310">
        <v>0</v>
      </c>
      <c r="BQ21" s="313">
        <v>3</v>
      </c>
      <c r="BR21" s="311">
        <v>3</v>
      </c>
      <c r="BS21" s="312">
        <v>0</v>
      </c>
      <c r="BT21" s="313">
        <v>0</v>
      </c>
      <c r="BU21" s="313">
        <v>13</v>
      </c>
      <c r="BV21" s="313">
        <v>13</v>
      </c>
      <c r="BW21" s="313">
        <v>0</v>
      </c>
      <c r="BX21" s="313">
        <v>0</v>
      </c>
      <c r="BY21" s="311">
        <v>26</v>
      </c>
      <c r="BZ21" s="315">
        <v>29</v>
      </c>
      <c r="CA21" s="310">
        <v>0</v>
      </c>
      <c r="CB21" s="313">
        <v>0</v>
      </c>
      <c r="CC21" s="311">
        <v>0</v>
      </c>
      <c r="CD21" s="312">
        <v>0</v>
      </c>
      <c r="CE21" s="313">
        <v>0</v>
      </c>
      <c r="CF21" s="313">
        <v>0</v>
      </c>
      <c r="CG21" s="313">
        <v>0</v>
      </c>
      <c r="CH21" s="313">
        <v>10</v>
      </c>
      <c r="CI21" s="313">
        <v>8</v>
      </c>
      <c r="CJ21" s="311">
        <v>18</v>
      </c>
      <c r="CK21" s="315">
        <v>18</v>
      </c>
      <c r="CL21" s="310">
        <v>0</v>
      </c>
      <c r="CM21" s="313">
        <v>0</v>
      </c>
      <c r="CN21" s="311">
        <v>0</v>
      </c>
      <c r="CO21" s="312">
        <v>0</v>
      </c>
      <c r="CP21" s="313">
        <v>0</v>
      </c>
      <c r="CQ21" s="313">
        <v>0</v>
      </c>
      <c r="CR21" s="313">
        <v>0</v>
      </c>
      <c r="CS21" s="313">
        <v>0</v>
      </c>
      <c r="CT21" s="313">
        <v>0</v>
      </c>
      <c r="CU21" s="311">
        <v>0</v>
      </c>
      <c r="CV21" s="315">
        <v>0</v>
      </c>
      <c r="CW21" s="310">
        <v>0</v>
      </c>
      <c r="CX21" s="313">
        <v>0</v>
      </c>
      <c r="CY21" s="311">
        <v>0</v>
      </c>
      <c r="CZ21" s="312">
        <v>0</v>
      </c>
      <c r="DA21" s="313">
        <v>0</v>
      </c>
      <c r="DB21" s="313">
        <v>0</v>
      </c>
      <c r="DC21" s="313">
        <v>0</v>
      </c>
      <c r="DD21" s="313">
        <v>0</v>
      </c>
      <c r="DE21" s="313">
        <v>0</v>
      </c>
      <c r="DF21" s="311">
        <v>0</v>
      </c>
      <c r="DG21" s="315">
        <v>0</v>
      </c>
    </row>
    <row r="22" spans="1:111" ht="18.75" customHeight="1" x14ac:dyDescent="0.2">
      <c r="A22" s="297" t="s">
        <v>20</v>
      </c>
      <c r="B22" s="310">
        <v>0</v>
      </c>
      <c r="C22" s="313">
        <v>0</v>
      </c>
      <c r="D22" s="441">
        <v>0</v>
      </c>
      <c r="E22" s="312">
        <v>0</v>
      </c>
      <c r="F22" s="313">
        <v>258</v>
      </c>
      <c r="G22" s="313">
        <v>131</v>
      </c>
      <c r="H22" s="313">
        <v>86</v>
      </c>
      <c r="I22" s="313">
        <v>241</v>
      </c>
      <c r="J22" s="313">
        <v>160</v>
      </c>
      <c r="K22" s="314">
        <v>876</v>
      </c>
      <c r="L22" s="315">
        <v>876</v>
      </c>
      <c r="M22" s="310">
        <v>0</v>
      </c>
      <c r="N22" s="313">
        <v>0</v>
      </c>
      <c r="O22" s="311">
        <v>0</v>
      </c>
      <c r="P22" s="312">
        <v>0</v>
      </c>
      <c r="Q22" s="313">
        <v>5</v>
      </c>
      <c r="R22" s="313">
        <v>0</v>
      </c>
      <c r="S22" s="313">
        <v>7</v>
      </c>
      <c r="T22" s="313">
        <v>0</v>
      </c>
      <c r="U22" s="313">
        <v>21</v>
      </c>
      <c r="V22" s="311">
        <v>33</v>
      </c>
      <c r="W22" s="315">
        <v>33</v>
      </c>
      <c r="X22" s="310">
        <v>3</v>
      </c>
      <c r="Y22" s="313">
        <v>44</v>
      </c>
      <c r="Z22" s="311">
        <v>47</v>
      </c>
      <c r="AA22" s="312">
        <v>0</v>
      </c>
      <c r="AB22" s="313">
        <v>169</v>
      </c>
      <c r="AC22" s="313">
        <v>61</v>
      </c>
      <c r="AD22" s="313">
        <v>91</v>
      </c>
      <c r="AE22" s="313">
        <v>66</v>
      </c>
      <c r="AF22" s="313">
        <v>16</v>
      </c>
      <c r="AG22" s="311">
        <v>403</v>
      </c>
      <c r="AH22" s="315">
        <v>450</v>
      </c>
      <c r="AI22" s="310">
        <v>22</v>
      </c>
      <c r="AJ22" s="313">
        <v>12</v>
      </c>
      <c r="AK22" s="311">
        <v>34</v>
      </c>
      <c r="AL22" s="312">
        <v>0</v>
      </c>
      <c r="AM22" s="313">
        <v>27</v>
      </c>
      <c r="AN22" s="313">
        <v>74</v>
      </c>
      <c r="AO22" s="313">
        <v>54</v>
      </c>
      <c r="AP22" s="313">
        <v>0</v>
      </c>
      <c r="AQ22" s="313">
        <v>8</v>
      </c>
      <c r="AR22" s="311">
        <v>163</v>
      </c>
      <c r="AS22" s="315">
        <v>197</v>
      </c>
      <c r="AT22" s="310">
        <v>0</v>
      </c>
      <c r="AU22" s="313">
        <v>0</v>
      </c>
      <c r="AV22" s="311">
        <v>0</v>
      </c>
      <c r="AW22" s="312">
        <v>0</v>
      </c>
      <c r="AX22" s="313">
        <v>73</v>
      </c>
      <c r="AY22" s="313">
        <v>63</v>
      </c>
      <c r="AZ22" s="313">
        <v>64</v>
      </c>
      <c r="BA22" s="313">
        <v>33</v>
      </c>
      <c r="BB22" s="313">
        <v>43</v>
      </c>
      <c r="BC22" s="314">
        <v>276</v>
      </c>
      <c r="BD22" s="315">
        <v>276</v>
      </c>
      <c r="BE22" s="310">
        <v>0</v>
      </c>
      <c r="BF22" s="313">
        <v>0</v>
      </c>
      <c r="BG22" s="311">
        <v>0</v>
      </c>
      <c r="BH22" s="312">
        <v>0</v>
      </c>
      <c r="BI22" s="313">
        <v>94</v>
      </c>
      <c r="BJ22" s="313">
        <v>118</v>
      </c>
      <c r="BK22" s="313">
        <v>39</v>
      </c>
      <c r="BL22" s="313">
        <v>11</v>
      </c>
      <c r="BM22" s="313">
        <v>13</v>
      </c>
      <c r="BN22" s="311">
        <v>275</v>
      </c>
      <c r="BO22" s="315">
        <v>275</v>
      </c>
      <c r="BP22" s="310">
        <v>0</v>
      </c>
      <c r="BQ22" s="313">
        <v>7</v>
      </c>
      <c r="BR22" s="311">
        <v>7</v>
      </c>
      <c r="BS22" s="312">
        <v>0</v>
      </c>
      <c r="BT22" s="313">
        <v>5</v>
      </c>
      <c r="BU22" s="313">
        <v>0</v>
      </c>
      <c r="BV22" s="313">
        <v>103</v>
      </c>
      <c r="BW22" s="313">
        <v>43</v>
      </c>
      <c r="BX22" s="313">
        <v>0</v>
      </c>
      <c r="BY22" s="311">
        <v>151</v>
      </c>
      <c r="BZ22" s="315">
        <v>158</v>
      </c>
      <c r="CA22" s="310">
        <v>0</v>
      </c>
      <c r="CB22" s="313">
        <v>0</v>
      </c>
      <c r="CC22" s="311">
        <v>0</v>
      </c>
      <c r="CD22" s="312">
        <v>0</v>
      </c>
      <c r="CE22" s="313">
        <v>0</v>
      </c>
      <c r="CF22" s="313">
        <v>9</v>
      </c>
      <c r="CG22" s="313">
        <v>10</v>
      </c>
      <c r="CH22" s="313">
        <v>0</v>
      </c>
      <c r="CI22" s="313">
        <v>0</v>
      </c>
      <c r="CJ22" s="311">
        <v>19</v>
      </c>
      <c r="CK22" s="315">
        <v>19</v>
      </c>
      <c r="CL22" s="310">
        <v>0</v>
      </c>
      <c r="CM22" s="313">
        <v>0</v>
      </c>
      <c r="CN22" s="311">
        <v>0</v>
      </c>
      <c r="CO22" s="312">
        <v>0</v>
      </c>
      <c r="CP22" s="313">
        <v>0</v>
      </c>
      <c r="CQ22" s="313">
        <v>0</v>
      </c>
      <c r="CR22" s="313">
        <v>0</v>
      </c>
      <c r="CS22" s="313">
        <v>0</v>
      </c>
      <c r="CT22" s="313">
        <v>0</v>
      </c>
      <c r="CU22" s="311">
        <v>0</v>
      </c>
      <c r="CV22" s="315">
        <v>0</v>
      </c>
      <c r="CW22" s="310">
        <v>0</v>
      </c>
      <c r="CX22" s="313">
        <v>0</v>
      </c>
      <c r="CY22" s="311">
        <v>0</v>
      </c>
      <c r="CZ22" s="312">
        <v>0</v>
      </c>
      <c r="DA22" s="313">
        <v>0</v>
      </c>
      <c r="DB22" s="313">
        <v>0</v>
      </c>
      <c r="DC22" s="313">
        <v>0</v>
      </c>
      <c r="DD22" s="313">
        <v>0</v>
      </c>
      <c r="DE22" s="313">
        <v>0</v>
      </c>
      <c r="DF22" s="311">
        <v>0</v>
      </c>
      <c r="DG22" s="315">
        <v>0</v>
      </c>
    </row>
    <row r="23" spans="1:111" ht="18.75" customHeight="1" x14ac:dyDescent="0.2">
      <c r="A23" s="297" t="s">
        <v>21</v>
      </c>
      <c r="B23" s="310">
        <v>0</v>
      </c>
      <c r="C23" s="313">
        <v>0</v>
      </c>
      <c r="D23" s="441">
        <v>0</v>
      </c>
      <c r="E23" s="312">
        <v>0</v>
      </c>
      <c r="F23" s="313">
        <v>128</v>
      </c>
      <c r="G23" s="313">
        <v>109</v>
      </c>
      <c r="H23" s="313">
        <v>164</v>
      </c>
      <c r="I23" s="313">
        <v>110</v>
      </c>
      <c r="J23" s="313">
        <v>9</v>
      </c>
      <c r="K23" s="314">
        <v>520</v>
      </c>
      <c r="L23" s="315">
        <v>520</v>
      </c>
      <c r="M23" s="310">
        <v>0</v>
      </c>
      <c r="N23" s="313">
        <v>0</v>
      </c>
      <c r="O23" s="311">
        <v>0</v>
      </c>
      <c r="P23" s="312">
        <v>0</v>
      </c>
      <c r="Q23" s="313">
        <v>0</v>
      </c>
      <c r="R23" s="313">
        <v>0</v>
      </c>
      <c r="S23" s="313">
        <v>9</v>
      </c>
      <c r="T23" s="313">
        <v>9</v>
      </c>
      <c r="U23" s="313">
        <v>10</v>
      </c>
      <c r="V23" s="311">
        <v>28</v>
      </c>
      <c r="W23" s="315">
        <v>28</v>
      </c>
      <c r="X23" s="310">
        <v>14</v>
      </c>
      <c r="Y23" s="313">
        <v>9</v>
      </c>
      <c r="Z23" s="311">
        <v>23</v>
      </c>
      <c r="AA23" s="312">
        <v>0</v>
      </c>
      <c r="AB23" s="313">
        <v>115</v>
      </c>
      <c r="AC23" s="313">
        <v>124</v>
      </c>
      <c r="AD23" s="313">
        <v>146</v>
      </c>
      <c r="AE23" s="313">
        <v>80</v>
      </c>
      <c r="AF23" s="313">
        <v>37</v>
      </c>
      <c r="AG23" s="311">
        <v>502</v>
      </c>
      <c r="AH23" s="315">
        <v>525</v>
      </c>
      <c r="AI23" s="310">
        <v>6</v>
      </c>
      <c r="AJ23" s="313">
        <v>0</v>
      </c>
      <c r="AK23" s="311">
        <v>6</v>
      </c>
      <c r="AL23" s="312">
        <v>0</v>
      </c>
      <c r="AM23" s="313">
        <v>0</v>
      </c>
      <c r="AN23" s="313">
        <v>22</v>
      </c>
      <c r="AO23" s="313">
        <v>0</v>
      </c>
      <c r="AP23" s="313">
        <v>0</v>
      </c>
      <c r="AQ23" s="313">
        <v>12</v>
      </c>
      <c r="AR23" s="311">
        <v>34</v>
      </c>
      <c r="AS23" s="315">
        <v>40</v>
      </c>
      <c r="AT23" s="310">
        <v>0</v>
      </c>
      <c r="AU23" s="313">
        <v>0</v>
      </c>
      <c r="AV23" s="311">
        <v>0</v>
      </c>
      <c r="AW23" s="312">
        <v>0</v>
      </c>
      <c r="AX23" s="313">
        <v>161</v>
      </c>
      <c r="AY23" s="313">
        <v>136</v>
      </c>
      <c r="AZ23" s="313">
        <v>38</v>
      </c>
      <c r="BA23" s="313">
        <v>53</v>
      </c>
      <c r="BB23" s="313">
        <v>0</v>
      </c>
      <c r="BC23" s="314">
        <v>388</v>
      </c>
      <c r="BD23" s="315">
        <v>388</v>
      </c>
      <c r="BE23" s="310">
        <v>0</v>
      </c>
      <c r="BF23" s="313">
        <v>0</v>
      </c>
      <c r="BG23" s="311">
        <v>0</v>
      </c>
      <c r="BH23" s="312">
        <v>0</v>
      </c>
      <c r="BI23" s="313">
        <v>0</v>
      </c>
      <c r="BJ23" s="313">
        <v>12</v>
      </c>
      <c r="BK23" s="313">
        <v>10</v>
      </c>
      <c r="BL23" s="313">
        <v>7</v>
      </c>
      <c r="BM23" s="313">
        <v>12</v>
      </c>
      <c r="BN23" s="311">
        <v>41</v>
      </c>
      <c r="BO23" s="315">
        <v>41</v>
      </c>
      <c r="BP23" s="310">
        <v>4</v>
      </c>
      <c r="BQ23" s="313">
        <v>3</v>
      </c>
      <c r="BR23" s="311">
        <v>7</v>
      </c>
      <c r="BS23" s="312">
        <v>0</v>
      </c>
      <c r="BT23" s="313">
        <v>3</v>
      </c>
      <c r="BU23" s="313">
        <v>7</v>
      </c>
      <c r="BV23" s="313">
        <v>30</v>
      </c>
      <c r="BW23" s="313">
        <v>23</v>
      </c>
      <c r="BX23" s="313">
        <v>0</v>
      </c>
      <c r="BY23" s="311">
        <v>63</v>
      </c>
      <c r="BZ23" s="315">
        <v>70</v>
      </c>
      <c r="CA23" s="310">
        <v>0</v>
      </c>
      <c r="CB23" s="313">
        <v>0</v>
      </c>
      <c r="CC23" s="311">
        <v>0</v>
      </c>
      <c r="CD23" s="312">
        <v>0</v>
      </c>
      <c r="CE23" s="313">
        <v>0</v>
      </c>
      <c r="CF23" s="313">
        <v>11</v>
      </c>
      <c r="CG23" s="313">
        <v>0</v>
      </c>
      <c r="CH23" s="313">
        <v>0</v>
      </c>
      <c r="CI23" s="313">
        <v>13</v>
      </c>
      <c r="CJ23" s="311">
        <v>24</v>
      </c>
      <c r="CK23" s="315">
        <v>24</v>
      </c>
      <c r="CL23" s="310">
        <v>0</v>
      </c>
      <c r="CM23" s="313">
        <v>0</v>
      </c>
      <c r="CN23" s="311">
        <v>0</v>
      </c>
      <c r="CO23" s="312">
        <v>0</v>
      </c>
      <c r="CP23" s="313">
        <v>0</v>
      </c>
      <c r="CQ23" s="313">
        <v>0</v>
      </c>
      <c r="CR23" s="313">
        <v>0</v>
      </c>
      <c r="CS23" s="313">
        <v>0</v>
      </c>
      <c r="CT23" s="313">
        <v>0</v>
      </c>
      <c r="CU23" s="311">
        <v>0</v>
      </c>
      <c r="CV23" s="315">
        <v>0</v>
      </c>
      <c r="CW23" s="310">
        <v>0</v>
      </c>
      <c r="CX23" s="313">
        <v>0</v>
      </c>
      <c r="CY23" s="311">
        <v>0</v>
      </c>
      <c r="CZ23" s="312">
        <v>0</v>
      </c>
      <c r="DA23" s="313">
        <v>0</v>
      </c>
      <c r="DB23" s="313">
        <v>0</v>
      </c>
      <c r="DC23" s="313">
        <v>0</v>
      </c>
      <c r="DD23" s="313">
        <v>0</v>
      </c>
      <c r="DE23" s="313">
        <v>0</v>
      </c>
      <c r="DF23" s="311">
        <v>0</v>
      </c>
      <c r="DG23" s="315">
        <v>0</v>
      </c>
    </row>
    <row r="24" spans="1:111" ht="18.75" customHeight="1" x14ac:dyDescent="0.2">
      <c r="A24" s="297" t="s">
        <v>22</v>
      </c>
      <c r="B24" s="310">
        <v>0</v>
      </c>
      <c r="C24" s="313">
        <v>0</v>
      </c>
      <c r="D24" s="441">
        <v>0</v>
      </c>
      <c r="E24" s="312">
        <v>0</v>
      </c>
      <c r="F24" s="313">
        <v>27</v>
      </c>
      <c r="G24" s="313">
        <v>0</v>
      </c>
      <c r="H24" s="313">
        <v>130</v>
      </c>
      <c r="I24" s="313">
        <v>186</v>
      </c>
      <c r="J24" s="313">
        <v>139</v>
      </c>
      <c r="K24" s="314">
        <v>482</v>
      </c>
      <c r="L24" s="315">
        <v>482</v>
      </c>
      <c r="M24" s="310">
        <v>0</v>
      </c>
      <c r="N24" s="313">
        <v>0</v>
      </c>
      <c r="O24" s="311">
        <v>0</v>
      </c>
      <c r="P24" s="312">
        <v>0</v>
      </c>
      <c r="Q24" s="313">
        <v>0</v>
      </c>
      <c r="R24" s="313">
        <v>0</v>
      </c>
      <c r="S24" s="313">
        <v>0</v>
      </c>
      <c r="T24" s="313">
        <v>8</v>
      </c>
      <c r="U24" s="313">
        <v>31</v>
      </c>
      <c r="V24" s="311">
        <v>39</v>
      </c>
      <c r="W24" s="315">
        <v>39</v>
      </c>
      <c r="X24" s="310">
        <v>2</v>
      </c>
      <c r="Y24" s="313">
        <v>4</v>
      </c>
      <c r="Z24" s="311">
        <v>6</v>
      </c>
      <c r="AA24" s="312">
        <v>0</v>
      </c>
      <c r="AB24" s="313">
        <v>0</v>
      </c>
      <c r="AC24" s="313">
        <v>38</v>
      </c>
      <c r="AD24" s="313">
        <v>1</v>
      </c>
      <c r="AE24" s="313">
        <v>29</v>
      </c>
      <c r="AF24" s="313">
        <v>167</v>
      </c>
      <c r="AG24" s="311">
        <v>235</v>
      </c>
      <c r="AH24" s="315">
        <v>241</v>
      </c>
      <c r="AI24" s="310">
        <v>0</v>
      </c>
      <c r="AJ24" s="313">
        <v>0</v>
      </c>
      <c r="AK24" s="311">
        <v>0</v>
      </c>
      <c r="AL24" s="312">
        <v>0</v>
      </c>
      <c r="AM24" s="313">
        <v>12</v>
      </c>
      <c r="AN24" s="313">
        <v>0</v>
      </c>
      <c r="AO24" s="313">
        <v>0</v>
      </c>
      <c r="AP24" s="313">
        <v>0</v>
      </c>
      <c r="AQ24" s="313">
        <v>0</v>
      </c>
      <c r="AR24" s="311">
        <v>12</v>
      </c>
      <c r="AS24" s="315">
        <v>12</v>
      </c>
      <c r="AT24" s="310">
        <v>0</v>
      </c>
      <c r="AU24" s="313">
        <v>0</v>
      </c>
      <c r="AV24" s="311">
        <v>0</v>
      </c>
      <c r="AW24" s="312">
        <v>0</v>
      </c>
      <c r="AX24" s="313">
        <v>89</v>
      </c>
      <c r="AY24" s="313">
        <v>60</v>
      </c>
      <c r="AZ24" s="313">
        <v>0</v>
      </c>
      <c r="BA24" s="313">
        <v>41</v>
      </c>
      <c r="BB24" s="313">
        <v>26</v>
      </c>
      <c r="BC24" s="314">
        <v>216</v>
      </c>
      <c r="BD24" s="315">
        <v>216</v>
      </c>
      <c r="BE24" s="310">
        <v>0</v>
      </c>
      <c r="BF24" s="313">
        <v>0</v>
      </c>
      <c r="BG24" s="311">
        <v>0</v>
      </c>
      <c r="BH24" s="312">
        <v>0</v>
      </c>
      <c r="BI24" s="313">
        <v>0</v>
      </c>
      <c r="BJ24" s="313">
        <v>5</v>
      </c>
      <c r="BK24" s="313">
        <v>3</v>
      </c>
      <c r="BL24" s="313">
        <v>7</v>
      </c>
      <c r="BM24" s="313">
        <v>0</v>
      </c>
      <c r="BN24" s="311">
        <v>15</v>
      </c>
      <c r="BO24" s="315">
        <v>15</v>
      </c>
      <c r="BP24" s="310">
        <v>0</v>
      </c>
      <c r="BQ24" s="313">
        <v>0</v>
      </c>
      <c r="BR24" s="311">
        <v>0</v>
      </c>
      <c r="BS24" s="312">
        <v>0</v>
      </c>
      <c r="BT24" s="313">
        <v>0</v>
      </c>
      <c r="BU24" s="313">
        <v>0</v>
      </c>
      <c r="BV24" s="313">
        <v>0</v>
      </c>
      <c r="BW24" s="313">
        <v>0</v>
      </c>
      <c r="BX24" s="313">
        <v>23</v>
      </c>
      <c r="BY24" s="311">
        <v>23</v>
      </c>
      <c r="BZ24" s="315">
        <v>23</v>
      </c>
      <c r="CA24" s="310">
        <v>0</v>
      </c>
      <c r="CB24" s="313">
        <v>0</v>
      </c>
      <c r="CC24" s="311">
        <v>0</v>
      </c>
      <c r="CD24" s="312">
        <v>0</v>
      </c>
      <c r="CE24" s="313">
        <v>0</v>
      </c>
      <c r="CF24" s="313">
        <v>0</v>
      </c>
      <c r="CG24" s="313">
        <v>16</v>
      </c>
      <c r="CH24" s="313">
        <v>0</v>
      </c>
      <c r="CI24" s="313">
        <v>0</v>
      </c>
      <c r="CJ24" s="311">
        <v>16</v>
      </c>
      <c r="CK24" s="315">
        <v>16</v>
      </c>
      <c r="CL24" s="310">
        <v>0</v>
      </c>
      <c r="CM24" s="313">
        <v>0</v>
      </c>
      <c r="CN24" s="311">
        <v>0</v>
      </c>
      <c r="CO24" s="312">
        <v>0</v>
      </c>
      <c r="CP24" s="313">
        <v>0</v>
      </c>
      <c r="CQ24" s="313">
        <v>0</v>
      </c>
      <c r="CR24" s="313">
        <v>0</v>
      </c>
      <c r="CS24" s="313">
        <v>0</v>
      </c>
      <c r="CT24" s="313">
        <v>0</v>
      </c>
      <c r="CU24" s="311">
        <v>0</v>
      </c>
      <c r="CV24" s="315">
        <v>0</v>
      </c>
      <c r="CW24" s="310">
        <v>0</v>
      </c>
      <c r="CX24" s="313">
        <v>0</v>
      </c>
      <c r="CY24" s="311">
        <v>0</v>
      </c>
      <c r="CZ24" s="312">
        <v>0</v>
      </c>
      <c r="DA24" s="313">
        <v>0</v>
      </c>
      <c r="DB24" s="313">
        <v>0</v>
      </c>
      <c r="DC24" s="313">
        <v>0</v>
      </c>
      <c r="DD24" s="313">
        <v>0</v>
      </c>
      <c r="DE24" s="313">
        <v>0</v>
      </c>
      <c r="DF24" s="311">
        <v>0</v>
      </c>
      <c r="DG24" s="315">
        <v>0</v>
      </c>
    </row>
    <row r="25" spans="1:111" ht="18.75" customHeight="1" x14ac:dyDescent="0.2">
      <c r="A25" s="297" t="s">
        <v>23</v>
      </c>
      <c r="B25" s="310">
        <v>0</v>
      </c>
      <c r="C25" s="313">
        <v>0</v>
      </c>
      <c r="D25" s="441">
        <v>0</v>
      </c>
      <c r="E25" s="312">
        <v>0</v>
      </c>
      <c r="F25" s="313">
        <v>43</v>
      </c>
      <c r="G25" s="313">
        <v>75</v>
      </c>
      <c r="H25" s="313">
        <v>183</v>
      </c>
      <c r="I25" s="313">
        <v>12</v>
      </c>
      <c r="J25" s="313">
        <v>11</v>
      </c>
      <c r="K25" s="314">
        <v>324</v>
      </c>
      <c r="L25" s="315">
        <v>324</v>
      </c>
      <c r="M25" s="310">
        <v>0</v>
      </c>
      <c r="N25" s="313">
        <v>0</v>
      </c>
      <c r="O25" s="311">
        <v>0</v>
      </c>
      <c r="P25" s="312">
        <v>0</v>
      </c>
      <c r="Q25" s="313">
        <v>0</v>
      </c>
      <c r="R25" s="313">
        <v>0</v>
      </c>
      <c r="S25" s="313">
        <v>8</v>
      </c>
      <c r="T25" s="313">
        <v>5</v>
      </c>
      <c r="U25" s="313">
        <v>0</v>
      </c>
      <c r="V25" s="311">
        <v>13</v>
      </c>
      <c r="W25" s="315">
        <v>13</v>
      </c>
      <c r="X25" s="310">
        <v>25</v>
      </c>
      <c r="Y25" s="313">
        <v>17</v>
      </c>
      <c r="Z25" s="311">
        <v>42</v>
      </c>
      <c r="AA25" s="312">
        <v>0</v>
      </c>
      <c r="AB25" s="313">
        <v>8</v>
      </c>
      <c r="AC25" s="313">
        <v>43</v>
      </c>
      <c r="AD25" s="313">
        <v>106</v>
      </c>
      <c r="AE25" s="313">
        <v>39</v>
      </c>
      <c r="AF25" s="313">
        <v>16</v>
      </c>
      <c r="AG25" s="311">
        <v>212</v>
      </c>
      <c r="AH25" s="315">
        <v>254</v>
      </c>
      <c r="AI25" s="310">
        <v>0</v>
      </c>
      <c r="AJ25" s="313">
        <v>12</v>
      </c>
      <c r="AK25" s="311">
        <v>12</v>
      </c>
      <c r="AL25" s="312">
        <v>0</v>
      </c>
      <c r="AM25" s="313">
        <v>0</v>
      </c>
      <c r="AN25" s="313">
        <v>44</v>
      </c>
      <c r="AO25" s="313">
        <v>0</v>
      </c>
      <c r="AP25" s="313">
        <v>0</v>
      </c>
      <c r="AQ25" s="313">
        <v>0</v>
      </c>
      <c r="AR25" s="311">
        <v>44</v>
      </c>
      <c r="AS25" s="315">
        <v>56</v>
      </c>
      <c r="AT25" s="310">
        <v>0</v>
      </c>
      <c r="AU25" s="313">
        <v>0</v>
      </c>
      <c r="AV25" s="311">
        <v>0</v>
      </c>
      <c r="AW25" s="312">
        <v>0</v>
      </c>
      <c r="AX25" s="313">
        <v>99</v>
      </c>
      <c r="AY25" s="313">
        <v>142</v>
      </c>
      <c r="AZ25" s="313">
        <v>37</v>
      </c>
      <c r="BA25" s="313">
        <v>37</v>
      </c>
      <c r="BB25" s="313">
        <v>0</v>
      </c>
      <c r="BC25" s="314">
        <v>315</v>
      </c>
      <c r="BD25" s="315">
        <v>315</v>
      </c>
      <c r="BE25" s="310">
        <v>0</v>
      </c>
      <c r="BF25" s="313">
        <v>0</v>
      </c>
      <c r="BG25" s="311">
        <v>0</v>
      </c>
      <c r="BH25" s="312">
        <v>0</v>
      </c>
      <c r="BI25" s="313">
        <v>30</v>
      </c>
      <c r="BJ25" s="313">
        <v>21</v>
      </c>
      <c r="BK25" s="313">
        <v>32</v>
      </c>
      <c r="BL25" s="313">
        <v>18</v>
      </c>
      <c r="BM25" s="313">
        <v>0</v>
      </c>
      <c r="BN25" s="311">
        <v>101</v>
      </c>
      <c r="BO25" s="315">
        <v>101</v>
      </c>
      <c r="BP25" s="310">
        <v>0</v>
      </c>
      <c r="BQ25" s="313">
        <v>0</v>
      </c>
      <c r="BR25" s="311">
        <v>0</v>
      </c>
      <c r="BS25" s="312">
        <v>0</v>
      </c>
      <c r="BT25" s="313">
        <v>12</v>
      </c>
      <c r="BU25" s="313">
        <v>8</v>
      </c>
      <c r="BV25" s="313">
        <v>4</v>
      </c>
      <c r="BW25" s="313">
        <v>6</v>
      </c>
      <c r="BX25" s="313">
        <v>0</v>
      </c>
      <c r="BY25" s="311">
        <v>30</v>
      </c>
      <c r="BZ25" s="315">
        <v>30</v>
      </c>
      <c r="CA25" s="310">
        <v>0</v>
      </c>
      <c r="CB25" s="313">
        <v>0</v>
      </c>
      <c r="CC25" s="311">
        <v>0</v>
      </c>
      <c r="CD25" s="312">
        <v>0</v>
      </c>
      <c r="CE25" s="313">
        <v>0</v>
      </c>
      <c r="CF25" s="313">
        <v>0</v>
      </c>
      <c r="CG25" s="313">
        <v>0</v>
      </c>
      <c r="CH25" s="313">
        <v>0</v>
      </c>
      <c r="CI25" s="313">
        <v>0</v>
      </c>
      <c r="CJ25" s="311">
        <v>0</v>
      </c>
      <c r="CK25" s="315">
        <v>0</v>
      </c>
      <c r="CL25" s="310">
        <v>0</v>
      </c>
      <c r="CM25" s="313">
        <v>0</v>
      </c>
      <c r="CN25" s="311">
        <v>0</v>
      </c>
      <c r="CO25" s="312">
        <v>0</v>
      </c>
      <c r="CP25" s="313">
        <v>0</v>
      </c>
      <c r="CQ25" s="313">
        <v>0</v>
      </c>
      <c r="CR25" s="313">
        <v>0</v>
      </c>
      <c r="CS25" s="313">
        <v>0</v>
      </c>
      <c r="CT25" s="313">
        <v>0</v>
      </c>
      <c r="CU25" s="311">
        <v>0</v>
      </c>
      <c r="CV25" s="315">
        <v>0</v>
      </c>
      <c r="CW25" s="310">
        <v>0</v>
      </c>
      <c r="CX25" s="313">
        <v>0</v>
      </c>
      <c r="CY25" s="311">
        <v>0</v>
      </c>
      <c r="CZ25" s="312">
        <v>0</v>
      </c>
      <c r="DA25" s="313">
        <v>0</v>
      </c>
      <c r="DB25" s="313">
        <v>0</v>
      </c>
      <c r="DC25" s="313">
        <v>0</v>
      </c>
      <c r="DD25" s="313">
        <v>0</v>
      </c>
      <c r="DE25" s="313">
        <v>0</v>
      </c>
      <c r="DF25" s="311">
        <v>0</v>
      </c>
      <c r="DG25" s="315">
        <v>0</v>
      </c>
    </row>
    <row r="26" spans="1:111" ht="18.75" customHeight="1" x14ac:dyDescent="0.2">
      <c r="A26" s="297" t="s">
        <v>24</v>
      </c>
      <c r="B26" s="310">
        <v>0</v>
      </c>
      <c r="C26" s="313">
        <v>0</v>
      </c>
      <c r="D26" s="441">
        <v>0</v>
      </c>
      <c r="E26" s="312">
        <v>0</v>
      </c>
      <c r="F26" s="313">
        <v>64</v>
      </c>
      <c r="G26" s="313">
        <v>84</v>
      </c>
      <c r="H26" s="313">
        <v>20</v>
      </c>
      <c r="I26" s="313">
        <v>231</v>
      </c>
      <c r="J26" s="313">
        <v>163</v>
      </c>
      <c r="K26" s="314">
        <v>562</v>
      </c>
      <c r="L26" s="315">
        <v>562</v>
      </c>
      <c r="M26" s="310">
        <v>0</v>
      </c>
      <c r="N26" s="313">
        <v>0</v>
      </c>
      <c r="O26" s="311">
        <v>0</v>
      </c>
      <c r="P26" s="312">
        <v>0</v>
      </c>
      <c r="Q26" s="313">
        <v>0</v>
      </c>
      <c r="R26" s="313">
        <v>0</v>
      </c>
      <c r="S26" s="313">
        <v>0</v>
      </c>
      <c r="T26" s="313">
        <v>0</v>
      </c>
      <c r="U26" s="313">
        <v>11</v>
      </c>
      <c r="V26" s="311">
        <v>11</v>
      </c>
      <c r="W26" s="315">
        <v>11</v>
      </c>
      <c r="X26" s="310">
        <v>0</v>
      </c>
      <c r="Y26" s="313">
        <v>8</v>
      </c>
      <c r="Z26" s="311">
        <v>8</v>
      </c>
      <c r="AA26" s="312">
        <v>0</v>
      </c>
      <c r="AB26" s="313">
        <v>68</v>
      </c>
      <c r="AC26" s="313">
        <v>31</v>
      </c>
      <c r="AD26" s="313">
        <v>14</v>
      </c>
      <c r="AE26" s="313">
        <v>11</v>
      </c>
      <c r="AF26" s="313">
        <v>84</v>
      </c>
      <c r="AG26" s="311">
        <v>208</v>
      </c>
      <c r="AH26" s="315">
        <v>216</v>
      </c>
      <c r="AI26" s="310">
        <v>0</v>
      </c>
      <c r="AJ26" s="313">
        <v>0</v>
      </c>
      <c r="AK26" s="311">
        <v>0</v>
      </c>
      <c r="AL26" s="312">
        <v>0</v>
      </c>
      <c r="AM26" s="313">
        <v>0</v>
      </c>
      <c r="AN26" s="313">
        <v>18</v>
      </c>
      <c r="AO26" s="313">
        <v>0</v>
      </c>
      <c r="AP26" s="313">
        <v>0</v>
      </c>
      <c r="AQ26" s="313">
        <v>37</v>
      </c>
      <c r="AR26" s="311">
        <v>55</v>
      </c>
      <c r="AS26" s="315">
        <v>55</v>
      </c>
      <c r="AT26" s="310">
        <v>0</v>
      </c>
      <c r="AU26" s="313">
        <v>0</v>
      </c>
      <c r="AV26" s="311">
        <v>0</v>
      </c>
      <c r="AW26" s="312">
        <v>0</v>
      </c>
      <c r="AX26" s="313">
        <v>79</v>
      </c>
      <c r="AY26" s="313">
        <v>25</v>
      </c>
      <c r="AZ26" s="313">
        <v>0</v>
      </c>
      <c r="BA26" s="313">
        <v>10</v>
      </c>
      <c r="BB26" s="313">
        <v>0</v>
      </c>
      <c r="BC26" s="314">
        <v>114</v>
      </c>
      <c r="BD26" s="315">
        <v>114</v>
      </c>
      <c r="BE26" s="310">
        <v>0</v>
      </c>
      <c r="BF26" s="313">
        <v>0</v>
      </c>
      <c r="BG26" s="311">
        <v>0</v>
      </c>
      <c r="BH26" s="312">
        <v>0</v>
      </c>
      <c r="BI26" s="313">
        <v>47</v>
      </c>
      <c r="BJ26" s="313">
        <v>15</v>
      </c>
      <c r="BK26" s="313">
        <v>7</v>
      </c>
      <c r="BL26" s="313">
        <v>31</v>
      </c>
      <c r="BM26" s="313">
        <v>17</v>
      </c>
      <c r="BN26" s="311">
        <v>117</v>
      </c>
      <c r="BO26" s="315">
        <v>117</v>
      </c>
      <c r="BP26" s="310">
        <v>0</v>
      </c>
      <c r="BQ26" s="313">
        <v>0</v>
      </c>
      <c r="BR26" s="311">
        <v>0</v>
      </c>
      <c r="BS26" s="312">
        <v>0</v>
      </c>
      <c r="BT26" s="313">
        <v>3</v>
      </c>
      <c r="BU26" s="313">
        <v>7</v>
      </c>
      <c r="BV26" s="313">
        <v>0</v>
      </c>
      <c r="BW26" s="313">
        <v>0</v>
      </c>
      <c r="BX26" s="313">
        <v>8</v>
      </c>
      <c r="BY26" s="311">
        <v>18</v>
      </c>
      <c r="BZ26" s="315">
        <v>18</v>
      </c>
      <c r="CA26" s="310">
        <v>0</v>
      </c>
      <c r="CB26" s="313">
        <v>0</v>
      </c>
      <c r="CC26" s="311">
        <v>0</v>
      </c>
      <c r="CD26" s="312">
        <v>0</v>
      </c>
      <c r="CE26" s="313">
        <v>0</v>
      </c>
      <c r="CF26" s="313">
        <v>0</v>
      </c>
      <c r="CG26" s="313">
        <v>0</v>
      </c>
      <c r="CH26" s="313">
        <v>0</v>
      </c>
      <c r="CI26" s="313">
        <v>0</v>
      </c>
      <c r="CJ26" s="311">
        <v>0</v>
      </c>
      <c r="CK26" s="315">
        <v>0</v>
      </c>
      <c r="CL26" s="310">
        <v>0</v>
      </c>
      <c r="CM26" s="313">
        <v>0</v>
      </c>
      <c r="CN26" s="311">
        <v>0</v>
      </c>
      <c r="CO26" s="312">
        <v>0</v>
      </c>
      <c r="CP26" s="313">
        <v>0</v>
      </c>
      <c r="CQ26" s="313">
        <v>0</v>
      </c>
      <c r="CR26" s="313">
        <v>0</v>
      </c>
      <c r="CS26" s="313">
        <v>0</v>
      </c>
      <c r="CT26" s="313">
        <v>0</v>
      </c>
      <c r="CU26" s="311">
        <v>0</v>
      </c>
      <c r="CV26" s="315">
        <v>0</v>
      </c>
      <c r="CW26" s="310">
        <v>0</v>
      </c>
      <c r="CX26" s="313">
        <v>0</v>
      </c>
      <c r="CY26" s="311">
        <v>0</v>
      </c>
      <c r="CZ26" s="312">
        <v>0</v>
      </c>
      <c r="DA26" s="313">
        <v>0</v>
      </c>
      <c r="DB26" s="313">
        <v>0</v>
      </c>
      <c r="DC26" s="313">
        <v>0</v>
      </c>
      <c r="DD26" s="313">
        <v>0</v>
      </c>
      <c r="DE26" s="313">
        <v>0</v>
      </c>
      <c r="DF26" s="311">
        <v>0</v>
      </c>
      <c r="DG26" s="315">
        <v>0</v>
      </c>
    </row>
    <row r="27" spans="1:111" ht="18.75" customHeight="1" x14ac:dyDescent="0.2">
      <c r="A27" s="297" t="s">
        <v>25</v>
      </c>
      <c r="B27" s="310">
        <v>0</v>
      </c>
      <c r="C27" s="313">
        <v>0</v>
      </c>
      <c r="D27" s="441">
        <v>0</v>
      </c>
      <c r="E27" s="312">
        <v>0</v>
      </c>
      <c r="F27" s="313">
        <v>32</v>
      </c>
      <c r="G27" s="313">
        <v>12</v>
      </c>
      <c r="H27" s="313">
        <v>26</v>
      </c>
      <c r="I27" s="313">
        <v>9</v>
      </c>
      <c r="J27" s="313">
        <v>11</v>
      </c>
      <c r="K27" s="314">
        <v>90</v>
      </c>
      <c r="L27" s="315">
        <v>90</v>
      </c>
      <c r="M27" s="310">
        <v>0</v>
      </c>
      <c r="N27" s="313">
        <v>0</v>
      </c>
      <c r="O27" s="311">
        <v>0</v>
      </c>
      <c r="P27" s="312">
        <v>0</v>
      </c>
      <c r="Q27" s="313">
        <v>0</v>
      </c>
      <c r="R27" s="313">
        <v>4</v>
      </c>
      <c r="S27" s="313">
        <v>0</v>
      </c>
      <c r="T27" s="313">
        <v>0</v>
      </c>
      <c r="U27" s="313">
        <v>9</v>
      </c>
      <c r="V27" s="311">
        <v>13</v>
      </c>
      <c r="W27" s="315">
        <v>13</v>
      </c>
      <c r="X27" s="310">
        <v>4</v>
      </c>
      <c r="Y27" s="313">
        <v>23</v>
      </c>
      <c r="Z27" s="311">
        <v>27</v>
      </c>
      <c r="AA27" s="312">
        <v>0</v>
      </c>
      <c r="AB27" s="313">
        <v>26</v>
      </c>
      <c r="AC27" s="313">
        <v>18</v>
      </c>
      <c r="AD27" s="313">
        <v>9</v>
      </c>
      <c r="AE27" s="313">
        <v>10</v>
      </c>
      <c r="AF27" s="313">
        <v>33</v>
      </c>
      <c r="AG27" s="311">
        <v>96</v>
      </c>
      <c r="AH27" s="315">
        <v>123</v>
      </c>
      <c r="AI27" s="310">
        <v>0</v>
      </c>
      <c r="AJ27" s="313">
        <v>0</v>
      </c>
      <c r="AK27" s="311">
        <v>0</v>
      </c>
      <c r="AL27" s="312">
        <v>0</v>
      </c>
      <c r="AM27" s="313">
        <v>0</v>
      </c>
      <c r="AN27" s="313">
        <v>0</v>
      </c>
      <c r="AO27" s="313">
        <v>0</v>
      </c>
      <c r="AP27" s="313">
        <v>8</v>
      </c>
      <c r="AQ27" s="313">
        <v>0</v>
      </c>
      <c r="AR27" s="311">
        <v>8</v>
      </c>
      <c r="AS27" s="315">
        <v>8</v>
      </c>
      <c r="AT27" s="310">
        <v>0</v>
      </c>
      <c r="AU27" s="313">
        <v>0</v>
      </c>
      <c r="AV27" s="311">
        <v>0</v>
      </c>
      <c r="AW27" s="312">
        <v>0</v>
      </c>
      <c r="AX27" s="313">
        <v>75</v>
      </c>
      <c r="AY27" s="313">
        <v>19</v>
      </c>
      <c r="AZ27" s="313">
        <v>22</v>
      </c>
      <c r="BA27" s="313">
        <v>31</v>
      </c>
      <c r="BB27" s="313">
        <v>0</v>
      </c>
      <c r="BC27" s="314">
        <v>147</v>
      </c>
      <c r="BD27" s="315">
        <v>147</v>
      </c>
      <c r="BE27" s="310">
        <v>0</v>
      </c>
      <c r="BF27" s="313">
        <v>0</v>
      </c>
      <c r="BG27" s="311">
        <v>0</v>
      </c>
      <c r="BH27" s="312">
        <v>0</v>
      </c>
      <c r="BI27" s="313">
        <v>0</v>
      </c>
      <c r="BJ27" s="313">
        <v>47</v>
      </c>
      <c r="BK27" s="313">
        <v>29</v>
      </c>
      <c r="BL27" s="313">
        <v>14</v>
      </c>
      <c r="BM27" s="313">
        <v>0</v>
      </c>
      <c r="BN27" s="311">
        <v>90</v>
      </c>
      <c r="BO27" s="315">
        <v>90</v>
      </c>
      <c r="BP27" s="310">
        <v>0</v>
      </c>
      <c r="BQ27" s="313">
        <v>0</v>
      </c>
      <c r="BR27" s="311">
        <v>0</v>
      </c>
      <c r="BS27" s="312">
        <v>0</v>
      </c>
      <c r="BT27" s="313">
        <v>26</v>
      </c>
      <c r="BU27" s="313">
        <v>6</v>
      </c>
      <c r="BV27" s="313">
        <v>4</v>
      </c>
      <c r="BW27" s="313">
        <v>0</v>
      </c>
      <c r="BX27" s="313">
        <v>0</v>
      </c>
      <c r="BY27" s="311">
        <v>36</v>
      </c>
      <c r="BZ27" s="315">
        <v>36</v>
      </c>
      <c r="CA27" s="310">
        <v>0</v>
      </c>
      <c r="CB27" s="313">
        <v>0</v>
      </c>
      <c r="CC27" s="311">
        <v>0</v>
      </c>
      <c r="CD27" s="312">
        <v>0</v>
      </c>
      <c r="CE27" s="313">
        <v>0</v>
      </c>
      <c r="CF27" s="313">
        <v>0</v>
      </c>
      <c r="CG27" s="313">
        <v>0</v>
      </c>
      <c r="CH27" s="313">
        <v>0</v>
      </c>
      <c r="CI27" s="313">
        <v>0</v>
      </c>
      <c r="CJ27" s="311">
        <v>0</v>
      </c>
      <c r="CK27" s="315">
        <v>0</v>
      </c>
      <c r="CL27" s="310">
        <v>0</v>
      </c>
      <c r="CM27" s="313">
        <v>0</v>
      </c>
      <c r="CN27" s="311">
        <v>0</v>
      </c>
      <c r="CO27" s="312">
        <v>0</v>
      </c>
      <c r="CP27" s="313">
        <v>0</v>
      </c>
      <c r="CQ27" s="313">
        <v>0</v>
      </c>
      <c r="CR27" s="313">
        <v>0</v>
      </c>
      <c r="CS27" s="313">
        <v>0</v>
      </c>
      <c r="CT27" s="313">
        <v>0</v>
      </c>
      <c r="CU27" s="311">
        <v>0</v>
      </c>
      <c r="CV27" s="315">
        <v>0</v>
      </c>
      <c r="CW27" s="310">
        <v>0</v>
      </c>
      <c r="CX27" s="313">
        <v>0</v>
      </c>
      <c r="CY27" s="311">
        <v>0</v>
      </c>
      <c r="CZ27" s="312">
        <v>0</v>
      </c>
      <c r="DA27" s="313">
        <v>0</v>
      </c>
      <c r="DB27" s="313">
        <v>0</v>
      </c>
      <c r="DC27" s="313">
        <v>0</v>
      </c>
      <c r="DD27" s="313">
        <v>0</v>
      </c>
      <c r="DE27" s="313">
        <v>0</v>
      </c>
      <c r="DF27" s="311">
        <v>0</v>
      </c>
      <c r="DG27" s="315">
        <v>0</v>
      </c>
    </row>
    <row r="28" spans="1:111" ht="18.75" customHeight="1" x14ac:dyDescent="0.2">
      <c r="A28" s="297" t="s">
        <v>26</v>
      </c>
      <c r="B28" s="310">
        <v>0</v>
      </c>
      <c r="C28" s="313">
        <v>0</v>
      </c>
      <c r="D28" s="441">
        <v>0</v>
      </c>
      <c r="E28" s="312">
        <v>0</v>
      </c>
      <c r="F28" s="313">
        <v>30</v>
      </c>
      <c r="G28" s="313">
        <v>86</v>
      </c>
      <c r="H28" s="313">
        <v>95</v>
      </c>
      <c r="I28" s="313">
        <v>75</v>
      </c>
      <c r="J28" s="313">
        <v>136</v>
      </c>
      <c r="K28" s="314">
        <v>422</v>
      </c>
      <c r="L28" s="315">
        <v>422</v>
      </c>
      <c r="M28" s="310">
        <v>0</v>
      </c>
      <c r="N28" s="313">
        <v>0</v>
      </c>
      <c r="O28" s="311">
        <v>0</v>
      </c>
      <c r="P28" s="312">
        <v>0</v>
      </c>
      <c r="Q28" s="313">
        <v>0</v>
      </c>
      <c r="R28" s="313">
        <v>0</v>
      </c>
      <c r="S28" s="313">
        <v>0</v>
      </c>
      <c r="T28" s="313">
        <v>0</v>
      </c>
      <c r="U28" s="313">
        <v>10</v>
      </c>
      <c r="V28" s="311">
        <v>10</v>
      </c>
      <c r="W28" s="315">
        <v>10</v>
      </c>
      <c r="X28" s="310">
        <v>0</v>
      </c>
      <c r="Y28" s="313">
        <v>15</v>
      </c>
      <c r="Z28" s="311">
        <v>15</v>
      </c>
      <c r="AA28" s="312">
        <v>0</v>
      </c>
      <c r="AB28" s="313">
        <v>14</v>
      </c>
      <c r="AC28" s="313">
        <v>54</v>
      </c>
      <c r="AD28" s="313">
        <v>13</v>
      </c>
      <c r="AE28" s="313">
        <v>10</v>
      </c>
      <c r="AF28" s="313">
        <v>34</v>
      </c>
      <c r="AG28" s="311">
        <v>125</v>
      </c>
      <c r="AH28" s="315">
        <v>140</v>
      </c>
      <c r="AI28" s="310">
        <v>0</v>
      </c>
      <c r="AJ28" s="313">
        <v>0</v>
      </c>
      <c r="AK28" s="311">
        <v>0</v>
      </c>
      <c r="AL28" s="312">
        <v>0</v>
      </c>
      <c r="AM28" s="313">
        <v>0</v>
      </c>
      <c r="AN28" s="313">
        <v>0</v>
      </c>
      <c r="AO28" s="313">
        <v>0</v>
      </c>
      <c r="AP28" s="313">
        <v>0</v>
      </c>
      <c r="AQ28" s="313">
        <v>0</v>
      </c>
      <c r="AR28" s="311">
        <v>0</v>
      </c>
      <c r="AS28" s="315">
        <v>0</v>
      </c>
      <c r="AT28" s="310">
        <v>0</v>
      </c>
      <c r="AU28" s="313">
        <v>0</v>
      </c>
      <c r="AV28" s="311">
        <v>0</v>
      </c>
      <c r="AW28" s="312">
        <v>0</v>
      </c>
      <c r="AX28" s="313">
        <v>93</v>
      </c>
      <c r="AY28" s="313">
        <v>17</v>
      </c>
      <c r="AZ28" s="313">
        <v>12</v>
      </c>
      <c r="BA28" s="313">
        <v>0</v>
      </c>
      <c r="BB28" s="313">
        <v>0</v>
      </c>
      <c r="BC28" s="314">
        <v>122</v>
      </c>
      <c r="BD28" s="315">
        <v>122</v>
      </c>
      <c r="BE28" s="310">
        <v>0</v>
      </c>
      <c r="BF28" s="313">
        <v>0</v>
      </c>
      <c r="BG28" s="311">
        <v>0</v>
      </c>
      <c r="BH28" s="312">
        <v>0</v>
      </c>
      <c r="BI28" s="313">
        <v>15</v>
      </c>
      <c r="BJ28" s="313">
        <v>34</v>
      </c>
      <c r="BK28" s="313">
        <v>5</v>
      </c>
      <c r="BL28" s="313">
        <v>0</v>
      </c>
      <c r="BM28" s="313">
        <v>0</v>
      </c>
      <c r="BN28" s="311">
        <v>54</v>
      </c>
      <c r="BO28" s="315">
        <v>54</v>
      </c>
      <c r="BP28" s="310">
        <v>0</v>
      </c>
      <c r="BQ28" s="313">
        <v>0</v>
      </c>
      <c r="BR28" s="311">
        <v>0</v>
      </c>
      <c r="BS28" s="312">
        <v>0</v>
      </c>
      <c r="BT28" s="313">
        <v>3</v>
      </c>
      <c r="BU28" s="313">
        <v>0</v>
      </c>
      <c r="BV28" s="313">
        <v>19</v>
      </c>
      <c r="BW28" s="313">
        <v>0</v>
      </c>
      <c r="BX28" s="313">
        <v>0</v>
      </c>
      <c r="BY28" s="311">
        <v>22</v>
      </c>
      <c r="BZ28" s="315">
        <v>22</v>
      </c>
      <c r="CA28" s="310">
        <v>0</v>
      </c>
      <c r="CB28" s="313">
        <v>0</v>
      </c>
      <c r="CC28" s="311">
        <v>0</v>
      </c>
      <c r="CD28" s="312">
        <v>0</v>
      </c>
      <c r="CE28" s="313">
        <v>0</v>
      </c>
      <c r="CF28" s="313">
        <v>0</v>
      </c>
      <c r="CG28" s="313">
        <v>1</v>
      </c>
      <c r="CH28" s="313">
        <v>0</v>
      </c>
      <c r="CI28" s="313">
        <v>0</v>
      </c>
      <c r="CJ28" s="311">
        <v>1</v>
      </c>
      <c r="CK28" s="315">
        <v>1</v>
      </c>
      <c r="CL28" s="310">
        <v>0</v>
      </c>
      <c r="CM28" s="313">
        <v>0</v>
      </c>
      <c r="CN28" s="311">
        <v>0</v>
      </c>
      <c r="CO28" s="312">
        <v>0</v>
      </c>
      <c r="CP28" s="313">
        <v>0</v>
      </c>
      <c r="CQ28" s="313">
        <v>0</v>
      </c>
      <c r="CR28" s="313">
        <v>0</v>
      </c>
      <c r="CS28" s="313">
        <v>0</v>
      </c>
      <c r="CT28" s="313">
        <v>0</v>
      </c>
      <c r="CU28" s="311">
        <v>0</v>
      </c>
      <c r="CV28" s="315">
        <v>0</v>
      </c>
      <c r="CW28" s="310">
        <v>0</v>
      </c>
      <c r="CX28" s="313">
        <v>0</v>
      </c>
      <c r="CY28" s="311">
        <v>0</v>
      </c>
      <c r="CZ28" s="312">
        <v>0</v>
      </c>
      <c r="DA28" s="313">
        <v>0</v>
      </c>
      <c r="DB28" s="313">
        <v>0</v>
      </c>
      <c r="DC28" s="313">
        <v>0</v>
      </c>
      <c r="DD28" s="313">
        <v>0</v>
      </c>
      <c r="DE28" s="313">
        <v>0</v>
      </c>
      <c r="DF28" s="311">
        <v>0</v>
      </c>
      <c r="DG28" s="315">
        <v>0</v>
      </c>
    </row>
    <row r="29" spans="1:111" ht="18.75" customHeight="1" x14ac:dyDescent="0.2">
      <c r="A29" s="297" t="s">
        <v>27</v>
      </c>
      <c r="B29" s="310">
        <v>0</v>
      </c>
      <c r="C29" s="313">
        <v>0</v>
      </c>
      <c r="D29" s="441">
        <v>0</v>
      </c>
      <c r="E29" s="312">
        <v>0</v>
      </c>
      <c r="F29" s="313">
        <v>40</v>
      </c>
      <c r="G29" s="313">
        <v>34</v>
      </c>
      <c r="H29" s="313">
        <v>71</v>
      </c>
      <c r="I29" s="313">
        <v>93</v>
      </c>
      <c r="J29" s="313">
        <v>93</v>
      </c>
      <c r="K29" s="314">
        <v>331</v>
      </c>
      <c r="L29" s="315">
        <v>331</v>
      </c>
      <c r="M29" s="310">
        <v>0</v>
      </c>
      <c r="N29" s="313">
        <v>0</v>
      </c>
      <c r="O29" s="311">
        <v>0</v>
      </c>
      <c r="P29" s="312">
        <v>0</v>
      </c>
      <c r="Q29" s="313">
        <v>0</v>
      </c>
      <c r="R29" s="313">
        <v>0</v>
      </c>
      <c r="S29" s="313">
        <v>0</v>
      </c>
      <c r="T29" s="313">
        <v>0</v>
      </c>
      <c r="U29" s="313">
        <v>0</v>
      </c>
      <c r="V29" s="311">
        <v>0</v>
      </c>
      <c r="W29" s="315">
        <v>0</v>
      </c>
      <c r="X29" s="310">
        <v>25</v>
      </c>
      <c r="Y29" s="313">
        <v>9</v>
      </c>
      <c r="Z29" s="311">
        <v>34</v>
      </c>
      <c r="AA29" s="312">
        <v>0</v>
      </c>
      <c r="AB29" s="313">
        <v>31</v>
      </c>
      <c r="AC29" s="313">
        <v>21</v>
      </c>
      <c r="AD29" s="313">
        <v>22</v>
      </c>
      <c r="AE29" s="313">
        <v>5</v>
      </c>
      <c r="AF29" s="313">
        <v>4</v>
      </c>
      <c r="AG29" s="311">
        <v>83</v>
      </c>
      <c r="AH29" s="315">
        <v>117</v>
      </c>
      <c r="AI29" s="310">
        <v>0</v>
      </c>
      <c r="AJ29" s="313">
        <v>12</v>
      </c>
      <c r="AK29" s="311">
        <v>12</v>
      </c>
      <c r="AL29" s="312">
        <v>0</v>
      </c>
      <c r="AM29" s="313">
        <v>0</v>
      </c>
      <c r="AN29" s="313">
        <v>0</v>
      </c>
      <c r="AO29" s="313">
        <v>0</v>
      </c>
      <c r="AP29" s="313">
        <v>0</v>
      </c>
      <c r="AQ29" s="313">
        <v>0</v>
      </c>
      <c r="AR29" s="311">
        <v>0</v>
      </c>
      <c r="AS29" s="315">
        <v>12</v>
      </c>
      <c r="AT29" s="310">
        <v>0</v>
      </c>
      <c r="AU29" s="313">
        <v>0</v>
      </c>
      <c r="AV29" s="311">
        <v>0</v>
      </c>
      <c r="AW29" s="312">
        <v>0</v>
      </c>
      <c r="AX29" s="313">
        <v>22</v>
      </c>
      <c r="AY29" s="313">
        <v>9</v>
      </c>
      <c r="AZ29" s="313">
        <v>30</v>
      </c>
      <c r="BA29" s="313">
        <v>12</v>
      </c>
      <c r="BB29" s="313">
        <v>0</v>
      </c>
      <c r="BC29" s="314">
        <v>73</v>
      </c>
      <c r="BD29" s="315">
        <v>73</v>
      </c>
      <c r="BE29" s="310">
        <v>0</v>
      </c>
      <c r="BF29" s="313">
        <v>0</v>
      </c>
      <c r="BG29" s="311">
        <v>0</v>
      </c>
      <c r="BH29" s="312">
        <v>0</v>
      </c>
      <c r="BI29" s="313">
        <v>5</v>
      </c>
      <c r="BJ29" s="313">
        <v>13</v>
      </c>
      <c r="BK29" s="313">
        <v>8</v>
      </c>
      <c r="BL29" s="313">
        <v>0</v>
      </c>
      <c r="BM29" s="313">
        <v>0</v>
      </c>
      <c r="BN29" s="311">
        <v>26</v>
      </c>
      <c r="BO29" s="315">
        <v>26</v>
      </c>
      <c r="BP29" s="310">
        <v>0</v>
      </c>
      <c r="BQ29" s="313">
        <v>0</v>
      </c>
      <c r="BR29" s="311">
        <v>0</v>
      </c>
      <c r="BS29" s="312">
        <v>0</v>
      </c>
      <c r="BT29" s="313">
        <v>0</v>
      </c>
      <c r="BU29" s="313">
        <v>6</v>
      </c>
      <c r="BV29" s="313">
        <v>14</v>
      </c>
      <c r="BW29" s="313">
        <v>0</v>
      </c>
      <c r="BX29" s="313">
        <v>0</v>
      </c>
      <c r="BY29" s="311">
        <v>20</v>
      </c>
      <c r="BZ29" s="315">
        <v>20</v>
      </c>
      <c r="CA29" s="310">
        <v>0</v>
      </c>
      <c r="CB29" s="313">
        <v>0</v>
      </c>
      <c r="CC29" s="311">
        <v>0</v>
      </c>
      <c r="CD29" s="312">
        <v>0</v>
      </c>
      <c r="CE29" s="313">
        <v>4</v>
      </c>
      <c r="CF29" s="313">
        <v>4</v>
      </c>
      <c r="CG29" s="313">
        <v>0</v>
      </c>
      <c r="CH29" s="313">
        <v>0</v>
      </c>
      <c r="CI29" s="313">
        <v>0</v>
      </c>
      <c r="CJ29" s="311">
        <v>8</v>
      </c>
      <c r="CK29" s="315">
        <v>8</v>
      </c>
      <c r="CL29" s="310">
        <v>0</v>
      </c>
      <c r="CM29" s="313">
        <v>0</v>
      </c>
      <c r="CN29" s="311">
        <v>0</v>
      </c>
      <c r="CO29" s="312">
        <v>0</v>
      </c>
      <c r="CP29" s="313">
        <v>0</v>
      </c>
      <c r="CQ29" s="313">
        <v>0</v>
      </c>
      <c r="CR29" s="313">
        <v>0</v>
      </c>
      <c r="CS29" s="313">
        <v>0</v>
      </c>
      <c r="CT29" s="313">
        <v>0</v>
      </c>
      <c r="CU29" s="311">
        <v>0</v>
      </c>
      <c r="CV29" s="315">
        <v>0</v>
      </c>
      <c r="CW29" s="310">
        <v>0</v>
      </c>
      <c r="CX29" s="313">
        <v>0</v>
      </c>
      <c r="CY29" s="311">
        <v>0</v>
      </c>
      <c r="CZ29" s="312">
        <v>0</v>
      </c>
      <c r="DA29" s="313">
        <v>0</v>
      </c>
      <c r="DB29" s="313">
        <v>0</v>
      </c>
      <c r="DC29" s="313">
        <v>0</v>
      </c>
      <c r="DD29" s="313">
        <v>0</v>
      </c>
      <c r="DE29" s="313">
        <v>0</v>
      </c>
      <c r="DF29" s="311">
        <v>0</v>
      </c>
      <c r="DG29" s="315">
        <v>0</v>
      </c>
    </row>
    <row r="30" spans="1:111" ht="18.75" customHeight="1" x14ac:dyDescent="0.2">
      <c r="A30" s="297" t="s">
        <v>28</v>
      </c>
      <c r="B30" s="310">
        <v>0</v>
      </c>
      <c r="C30" s="313">
        <v>0</v>
      </c>
      <c r="D30" s="441">
        <v>0</v>
      </c>
      <c r="E30" s="312">
        <v>0</v>
      </c>
      <c r="F30" s="313">
        <v>5</v>
      </c>
      <c r="G30" s="313">
        <v>25</v>
      </c>
      <c r="H30" s="313">
        <v>0</v>
      </c>
      <c r="I30" s="313">
        <v>0</v>
      </c>
      <c r="J30" s="313">
        <v>0</v>
      </c>
      <c r="K30" s="314">
        <v>30</v>
      </c>
      <c r="L30" s="315">
        <v>30</v>
      </c>
      <c r="M30" s="310">
        <v>0</v>
      </c>
      <c r="N30" s="313">
        <v>0</v>
      </c>
      <c r="O30" s="311">
        <v>0</v>
      </c>
      <c r="P30" s="312">
        <v>0</v>
      </c>
      <c r="Q30" s="313">
        <v>0</v>
      </c>
      <c r="R30" s="313">
        <v>0</v>
      </c>
      <c r="S30" s="313">
        <v>0</v>
      </c>
      <c r="T30" s="313">
        <v>0</v>
      </c>
      <c r="U30" s="313">
        <v>0</v>
      </c>
      <c r="V30" s="311">
        <v>0</v>
      </c>
      <c r="W30" s="315">
        <v>0</v>
      </c>
      <c r="X30" s="310">
        <v>0</v>
      </c>
      <c r="Y30" s="313">
        <v>0</v>
      </c>
      <c r="Z30" s="311">
        <v>0</v>
      </c>
      <c r="AA30" s="312">
        <v>0</v>
      </c>
      <c r="AB30" s="313">
        <v>0</v>
      </c>
      <c r="AC30" s="313">
        <v>11</v>
      </c>
      <c r="AD30" s="313">
        <v>2</v>
      </c>
      <c r="AE30" s="313">
        <v>0</v>
      </c>
      <c r="AF30" s="313">
        <v>0</v>
      </c>
      <c r="AG30" s="311">
        <v>13</v>
      </c>
      <c r="AH30" s="315">
        <v>13</v>
      </c>
      <c r="AI30" s="310">
        <v>0</v>
      </c>
      <c r="AJ30" s="313">
        <v>0</v>
      </c>
      <c r="AK30" s="311">
        <v>0</v>
      </c>
      <c r="AL30" s="312">
        <v>0</v>
      </c>
      <c r="AM30" s="313">
        <v>9</v>
      </c>
      <c r="AN30" s="313">
        <v>0</v>
      </c>
      <c r="AO30" s="313">
        <v>0</v>
      </c>
      <c r="AP30" s="313">
        <v>0</v>
      </c>
      <c r="AQ30" s="313">
        <v>0</v>
      </c>
      <c r="AR30" s="311">
        <v>9</v>
      </c>
      <c r="AS30" s="315">
        <v>9</v>
      </c>
      <c r="AT30" s="310">
        <v>0</v>
      </c>
      <c r="AU30" s="313">
        <v>0</v>
      </c>
      <c r="AV30" s="311">
        <v>0</v>
      </c>
      <c r="AW30" s="312">
        <v>0</v>
      </c>
      <c r="AX30" s="313">
        <v>13</v>
      </c>
      <c r="AY30" s="313">
        <v>18</v>
      </c>
      <c r="AZ30" s="313">
        <v>0</v>
      </c>
      <c r="BA30" s="313">
        <v>0</v>
      </c>
      <c r="BB30" s="313">
        <v>0</v>
      </c>
      <c r="BC30" s="314">
        <v>31</v>
      </c>
      <c r="BD30" s="315">
        <v>31</v>
      </c>
      <c r="BE30" s="310">
        <v>0</v>
      </c>
      <c r="BF30" s="313">
        <v>0</v>
      </c>
      <c r="BG30" s="311">
        <v>0</v>
      </c>
      <c r="BH30" s="312">
        <v>0</v>
      </c>
      <c r="BI30" s="313">
        <v>13</v>
      </c>
      <c r="BJ30" s="313">
        <v>3</v>
      </c>
      <c r="BK30" s="313">
        <v>7</v>
      </c>
      <c r="BL30" s="313">
        <v>0</v>
      </c>
      <c r="BM30" s="313">
        <v>10</v>
      </c>
      <c r="BN30" s="311">
        <v>33</v>
      </c>
      <c r="BO30" s="315">
        <v>33</v>
      </c>
      <c r="BP30" s="310">
        <v>0</v>
      </c>
      <c r="BQ30" s="313">
        <v>0</v>
      </c>
      <c r="BR30" s="311">
        <v>0</v>
      </c>
      <c r="BS30" s="312">
        <v>0</v>
      </c>
      <c r="BT30" s="313">
        <v>0</v>
      </c>
      <c r="BU30" s="313">
        <v>0</v>
      </c>
      <c r="BV30" s="313">
        <v>2</v>
      </c>
      <c r="BW30" s="313">
        <v>0</v>
      </c>
      <c r="BX30" s="313">
        <v>0</v>
      </c>
      <c r="BY30" s="311">
        <v>2</v>
      </c>
      <c r="BZ30" s="315">
        <v>2</v>
      </c>
      <c r="CA30" s="310">
        <v>0</v>
      </c>
      <c r="CB30" s="313">
        <v>0</v>
      </c>
      <c r="CC30" s="311">
        <v>0</v>
      </c>
      <c r="CD30" s="312">
        <v>0</v>
      </c>
      <c r="CE30" s="313">
        <v>0</v>
      </c>
      <c r="CF30" s="313">
        <v>0</v>
      </c>
      <c r="CG30" s="313">
        <v>0</v>
      </c>
      <c r="CH30" s="313">
        <v>0</v>
      </c>
      <c r="CI30" s="313">
        <v>0</v>
      </c>
      <c r="CJ30" s="311">
        <v>0</v>
      </c>
      <c r="CK30" s="315">
        <v>0</v>
      </c>
      <c r="CL30" s="310">
        <v>0</v>
      </c>
      <c r="CM30" s="313">
        <v>0</v>
      </c>
      <c r="CN30" s="311">
        <v>0</v>
      </c>
      <c r="CO30" s="312">
        <v>0</v>
      </c>
      <c r="CP30" s="313">
        <v>0</v>
      </c>
      <c r="CQ30" s="313">
        <v>0</v>
      </c>
      <c r="CR30" s="313">
        <v>0</v>
      </c>
      <c r="CS30" s="313">
        <v>0</v>
      </c>
      <c r="CT30" s="313">
        <v>0</v>
      </c>
      <c r="CU30" s="311">
        <v>0</v>
      </c>
      <c r="CV30" s="315">
        <v>0</v>
      </c>
      <c r="CW30" s="310">
        <v>0</v>
      </c>
      <c r="CX30" s="313">
        <v>0</v>
      </c>
      <c r="CY30" s="311">
        <v>0</v>
      </c>
      <c r="CZ30" s="312">
        <v>0</v>
      </c>
      <c r="DA30" s="313">
        <v>0</v>
      </c>
      <c r="DB30" s="313">
        <v>0</v>
      </c>
      <c r="DC30" s="313">
        <v>0</v>
      </c>
      <c r="DD30" s="313">
        <v>0</v>
      </c>
      <c r="DE30" s="313">
        <v>0</v>
      </c>
      <c r="DF30" s="311">
        <v>0</v>
      </c>
      <c r="DG30" s="315">
        <v>0</v>
      </c>
    </row>
    <row r="31" spans="1:111" ht="18.75" customHeight="1" x14ac:dyDescent="0.2">
      <c r="A31" s="297" t="s">
        <v>29</v>
      </c>
      <c r="B31" s="310">
        <v>0</v>
      </c>
      <c r="C31" s="313">
        <v>0</v>
      </c>
      <c r="D31" s="441">
        <v>0</v>
      </c>
      <c r="E31" s="312">
        <v>0</v>
      </c>
      <c r="F31" s="313">
        <v>4</v>
      </c>
      <c r="G31" s="313">
        <v>31</v>
      </c>
      <c r="H31" s="313">
        <v>0</v>
      </c>
      <c r="I31" s="313">
        <v>0</v>
      </c>
      <c r="J31" s="313">
        <v>0</v>
      </c>
      <c r="K31" s="314">
        <v>35</v>
      </c>
      <c r="L31" s="315">
        <v>35</v>
      </c>
      <c r="M31" s="310">
        <v>0</v>
      </c>
      <c r="N31" s="313">
        <v>0</v>
      </c>
      <c r="O31" s="311">
        <v>0</v>
      </c>
      <c r="P31" s="312">
        <v>0</v>
      </c>
      <c r="Q31" s="313">
        <v>0</v>
      </c>
      <c r="R31" s="313">
        <v>0</v>
      </c>
      <c r="S31" s="313">
        <v>3</v>
      </c>
      <c r="T31" s="313">
        <v>0</v>
      </c>
      <c r="U31" s="313">
        <v>0</v>
      </c>
      <c r="V31" s="311">
        <v>3</v>
      </c>
      <c r="W31" s="315">
        <v>3</v>
      </c>
      <c r="X31" s="310">
        <v>10</v>
      </c>
      <c r="Y31" s="313">
        <v>0</v>
      </c>
      <c r="Z31" s="311">
        <v>10</v>
      </c>
      <c r="AA31" s="312">
        <v>0</v>
      </c>
      <c r="AB31" s="313">
        <v>19</v>
      </c>
      <c r="AC31" s="313">
        <v>34</v>
      </c>
      <c r="AD31" s="313">
        <v>36</v>
      </c>
      <c r="AE31" s="313">
        <v>0</v>
      </c>
      <c r="AF31" s="313">
        <v>0</v>
      </c>
      <c r="AG31" s="311">
        <v>89</v>
      </c>
      <c r="AH31" s="315">
        <v>99</v>
      </c>
      <c r="AI31" s="310">
        <v>0</v>
      </c>
      <c r="AJ31" s="313">
        <v>0</v>
      </c>
      <c r="AK31" s="311">
        <v>0</v>
      </c>
      <c r="AL31" s="312">
        <v>0</v>
      </c>
      <c r="AM31" s="313">
        <v>0</v>
      </c>
      <c r="AN31" s="313">
        <v>11</v>
      </c>
      <c r="AO31" s="313">
        <v>0</v>
      </c>
      <c r="AP31" s="313">
        <v>0</v>
      </c>
      <c r="AQ31" s="313">
        <v>0</v>
      </c>
      <c r="AR31" s="311">
        <v>11</v>
      </c>
      <c r="AS31" s="315">
        <v>11</v>
      </c>
      <c r="AT31" s="310">
        <v>0</v>
      </c>
      <c r="AU31" s="313">
        <v>0</v>
      </c>
      <c r="AV31" s="311">
        <v>0</v>
      </c>
      <c r="AW31" s="312">
        <v>0</v>
      </c>
      <c r="AX31" s="313">
        <v>3</v>
      </c>
      <c r="AY31" s="313">
        <v>0</v>
      </c>
      <c r="AZ31" s="313">
        <v>9</v>
      </c>
      <c r="BA31" s="313">
        <v>0</v>
      </c>
      <c r="BB31" s="313">
        <v>0</v>
      </c>
      <c r="BC31" s="314">
        <v>12</v>
      </c>
      <c r="BD31" s="315">
        <v>12</v>
      </c>
      <c r="BE31" s="310">
        <v>0</v>
      </c>
      <c r="BF31" s="313">
        <v>0</v>
      </c>
      <c r="BG31" s="311">
        <v>0</v>
      </c>
      <c r="BH31" s="312">
        <v>0</v>
      </c>
      <c r="BI31" s="313">
        <v>0</v>
      </c>
      <c r="BJ31" s="313">
        <v>9</v>
      </c>
      <c r="BK31" s="313">
        <v>20</v>
      </c>
      <c r="BL31" s="313">
        <v>0</v>
      </c>
      <c r="BM31" s="313">
        <v>0</v>
      </c>
      <c r="BN31" s="311">
        <v>29</v>
      </c>
      <c r="BO31" s="315">
        <v>29</v>
      </c>
      <c r="BP31" s="310">
        <v>0</v>
      </c>
      <c r="BQ31" s="313">
        <v>0</v>
      </c>
      <c r="BR31" s="311">
        <v>0</v>
      </c>
      <c r="BS31" s="312">
        <v>0</v>
      </c>
      <c r="BT31" s="313">
        <v>0</v>
      </c>
      <c r="BU31" s="313">
        <v>0</v>
      </c>
      <c r="BV31" s="313">
        <v>9</v>
      </c>
      <c r="BW31" s="313">
        <v>0</v>
      </c>
      <c r="BX31" s="313">
        <v>0</v>
      </c>
      <c r="BY31" s="311">
        <v>9</v>
      </c>
      <c r="BZ31" s="315">
        <v>9</v>
      </c>
      <c r="CA31" s="310">
        <v>0</v>
      </c>
      <c r="CB31" s="313">
        <v>0</v>
      </c>
      <c r="CC31" s="311">
        <v>0</v>
      </c>
      <c r="CD31" s="312">
        <v>0</v>
      </c>
      <c r="CE31" s="313">
        <v>0</v>
      </c>
      <c r="CF31" s="313">
        <v>0</v>
      </c>
      <c r="CG31" s="313">
        <v>0</v>
      </c>
      <c r="CH31" s="313">
        <v>0</v>
      </c>
      <c r="CI31" s="313">
        <v>0</v>
      </c>
      <c r="CJ31" s="311">
        <v>0</v>
      </c>
      <c r="CK31" s="315">
        <v>0</v>
      </c>
      <c r="CL31" s="310">
        <v>0</v>
      </c>
      <c r="CM31" s="313">
        <v>0</v>
      </c>
      <c r="CN31" s="311">
        <v>0</v>
      </c>
      <c r="CO31" s="312">
        <v>0</v>
      </c>
      <c r="CP31" s="313">
        <v>0</v>
      </c>
      <c r="CQ31" s="313">
        <v>0</v>
      </c>
      <c r="CR31" s="313">
        <v>0</v>
      </c>
      <c r="CS31" s="313">
        <v>0</v>
      </c>
      <c r="CT31" s="313">
        <v>0</v>
      </c>
      <c r="CU31" s="311">
        <v>0</v>
      </c>
      <c r="CV31" s="315">
        <v>0</v>
      </c>
      <c r="CW31" s="310">
        <v>0</v>
      </c>
      <c r="CX31" s="313">
        <v>0</v>
      </c>
      <c r="CY31" s="311">
        <v>0</v>
      </c>
      <c r="CZ31" s="312">
        <v>0</v>
      </c>
      <c r="DA31" s="313">
        <v>0</v>
      </c>
      <c r="DB31" s="313">
        <v>0</v>
      </c>
      <c r="DC31" s="313">
        <v>0</v>
      </c>
      <c r="DD31" s="313">
        <v>0</v>
      </c>
      <c r="DE31" s="313">
        <v>0</v>
      </c>
      <c r="DF31" s="311">
        <v>0</v>
      </c>
      <c r="DG31" s="315">
        <v>0</v>
      </c>
    </row>
    <row r="32" spans="1:111" ht="18.75" customHeight="1" x14ac:dyDescent="0.2">
      <c r="A32" s="297" t="s">
        <v>30</v>
      </c>
      <c r="B32" s="310">
        <v>0</v>
      </c>
      <c r="C32" s="313">
        <v>0</v>
      </c>
      <c r="D32" s="441">
        <v>0</v>
      </c>
      <c r="E32" s="312">
        <v>0</v>
      </c>
      <c r="F32" s="313">
        <v>0</v>
      </c>
      <c r="G32" s="313">
        <v>9</v>
      </c>
      <c r="H32" s="313">
        <v>93</v>
      </c>
      <c r="I32" s="313">
        <v>71</v>
      </c>
      <c r="J32" s="313">
        <v>0</v>
      </c>
      <c r="K32" s="314">
        <v>173</v>
      </c>
      <c r="L32" s="315">
        <v>173</v>
      </c>
      <c r="M32" s="310">
        <v>0</v>
      </c>
      <c r="N32" s="313">
        <v>0</v>
      </c>
      <c r="O32" s="311">
        <v>0</v>
      </c>
      <c r="P32" s="312">
        <v>0</v>
      </c>
      <c r="Q32" s="313">
        <v>0</v>
      </c>
      <c r="R32" s="313">
        <v>0</v>
      </c>
      <c r="S32" s="313">
        <v>0</v>
      </c>
      <c r="T32" s="313">
        <v>4</v>
      </c>
      <c r="U32" s="313">
        <v>0</v>
      </c>
      <c r="V32" s="311">
        <v>4</v>
      </c>
      <c r="W32" s="315">
        <v>4</v>
      </c>
      <c r="X32" s="310">
        <v>0</v>
      </c>
      <c r="Y32" s="313">
        <v>0</v>
      </c>
      <c r="Z32" s="311">
        <v>0</v>
      </c>
      <c r="AA32" s="312">
        <v>0</v>
      </c>
      <c r="AB32" s="313">
        <v>0</v>
      </c>
      <c r="AC32" s="313">
        <v>4</v>
      </c>
      <c r="AD32" s="313">
        <v>0</v>
      </c>
      <c r="AE32" s="313">
        <v>5</v>
      </c>
      <c r="AF32" s="313">
        <v>0</v>
      </c>
      <c r="AG32" s="311">
        <v>9</v>
      </c>
      <c r="AH32" s="315">
        <v>9</v>
      </c>
      <c r="AI32" s="310">
        <v>0</v>
      </c>
      <c r="AJ32" s="313">
        <v>0</v>
      </c>
      <c r="AK32" s="311">
        <v>0</v>
      </c>
      <c r="AL32" s="312">
        <v>0</v>
      </c>
      <c r="AM32" s="313">
        <v>0</v>
      </c>
      <c r="AN32" s="313">
        <v>0</v>
      </c>
      <c r="AO32" s="313">
        <v>0</v>
      </c>
      <c r="AP32" s="313">
        <v>24</v>
      </c>
      <c r="AQ32" s="313">
        <v>0</v>
      </c>
      <c r="AR32" s="311">
        <v>24</v>
      </c>
      <c r="AS32" s="315">
        <v>24</v>
      </c>
      <c r="AT32" s="310">
        <v>0</v>
      </c>
      <c r="AU32" s="313">
        <v>0</v>
      </c>
      <c r="AV32" s="311">
        <v>0</v>
      </c>
      <c r="AW32" s="312">
        <v>0</v>
      </c>
      <c r="AX32" s="313">
        <v>9</v>
      </c>
      <c r="AY32" s="313">
        <v>7</v>
      </c>
      <c r="AZ32" s="313">
        <v>12</v>
      </c>
      <c r="BA32" s="313">
        <v>0</v>
      </c>
      <c r="BB32" s="313">
        <v>0</v>
      </c>
      <c r="BC32" s="314">
        <v>28</v>
      </c>
      <c r="BD32" s="315">
        <v>28</v>
      </c>
      <c r="BE32" s="310">
        <v>0</v>
      </c>
      <c r="BF32" s="313">
        <v>0</v>
      </c>
      <c r="BG32" s="311">
        <v>0</v>
      </c>
      <c r="BH32" s="312">
        <v>0</v>
      </c>
      <c r="BI32" s="313">
        <v>0</v>
      </c>
      <c r="BJ32" s="313">
        <v>14</v>
      </c>
      <c r="BK32" s="313">
        <v>0</v>
      </c>
      <c r="BL32" s="313">
        <v>0</v>
      </c>
      <c r="BM32" s="313">
        <v>0</v>
      </c>
      <c r="BN32" s="311">
        <v>14</v>
      </c>
      <c r="BO32" s="315">
        <v>14</v>
      </c>
      <c r="BP32" s="310">
        <v>0</v>
      </c>
      <c r="BQ32" s="313">
        <v>0</v>
      </c>
      <c r="BR32" s="311">
        <v>0</v>
      </c>
      <c r="BS32" s="312">
        <v>0</v>
      </c>
      <c r="BT32" s="313">
        <v>0</v>
      </c>
      <c r="BU32" s="313">
        <v>0</v>
      </c>
      <c r="BV32" s="313">
        <v>37</v>
      </c>
      <c r="BW32" s="313">
        <v>0</v>
      </c>
      <c r="BX32" s="313">
        <v>0</v>
      </c>
      <c r="BY32" s="311">
        <v>37</v>
      </c>
      <c r="BZ32" s="315">
        <v>37</v>
      </c>
      <c r="CA32" s="310">
        <v>0</v>
      </c>
      <c r="CB32" s="313">
        <v>0</v>
      </c>
      <c r="CC32" s="311">
        <v>0</v>
      </c>
      <c r="CD32" s="312">
        <v>0</v>
      </c>
      <c r="CE32" s="313">
        <v>0</v>
      </c>
      <c r="CF32" s="313">
        <v>4</v>
      </c>
      <c r="CG32" s="313">
        <v>0</v>
      </c>
      <c r="CH32" s="313">
        <v>0</v>
      </c>
      <c r="CI32" s="313">
        <v>0</v>
      </c>
      <c r="CJ32" s="311">
        <v>4</v>
      </c>
      <c r="CK32" s="315">
        <v>4</v>
      </c>
      <c r="CL32" s="310">
        <v>0</v>
      </c>
      <c r="CM32" s="313">
        <v>0</v>
      </c>
      <c r="CN32" s="311">
        <v>0</v>
      </c>
      <c r="CO32" s="312">
        <v>0</v>
      </c>
      <c r="CP32" s="313">
        <v>0</v>
      </c>
      <c r="CQ32" s="313">
        <v>0</v>
      </c>
      <c r="CR32" s="313">
        <v>0</v>
      </c>
      <c r="CS32" s="313">
        <v>0</v>
      </c>
      <c r="CT32" s="313">
        <v>0</v>
      </c>
      <c r="CU32" s="311">
        <v>0</v>
      </c>
      <c r="CV32" s="315">
        <v>0</v>
      </c>
      <c r="CW32" s="310">
        <v>0</v>
      </c>
      <c r="CX32" s="313">
        <v>0</v>
      </c>
      <c r="CY32" s="311">
        <v>0</v>
      </c>
      <c r="CZ32" s="312">
        <v>0</v>
      </c>
      <c r="DA32" s="313">
        <v>0</v>
      </c>
      <c r="DB32" s="313">
        <v>0</v>
      </c>
      <c r="DC32" s="313">
        <v>0</v>
      </c>
      <c r="DD32" s="313">
        <v>0</v>
      </c>
      <c r="DE32" s="313">
        <v>0</v>
      </c>
      <c r="DF32" s="311">
        <v>0</v>
      </c>
      <c r="DG32" s="315">
        <v>0</v>
      </c>
    </row>
    <row r="33" spans="1:111" ht="18.75" customHeight="1" x14ac:dyDescent="0.2">
      <c r="A33" s="297" t="s">
        <v>31</v>
      </c>
      <c r="B33" s="310">
        <v>0</v>
      </c>
      <c r="C33" s="313">
        <v>0</v>
      </c>
      <c r="D33" s="441">
        <v>0</v>
      </c>
      <c r="E33" s="312">
        <v>0</v>
      </c>
      <c r="F33" s="313">
        <v>8</v>
      </c>
      <c r="G33" s="313">
        <v>0</v>
      </c>
      <c r="H33" s="313">
        <v>0</v>
      </c>
      <c r="I33" s="313">
        <v>0</v>
      </c>
      <c r="J33" s="313">
        <v>58</v>
      </c>
      <c r="K33" s="314">
        <v>66</v>
      </c>
      <c r="L33" s="315">
        <v>66</v>
      </c>
      <c r="M33" s="310">
        <v>0</v>
      </c>
      <c r="N33" s="313">
        <v>0</v>
      </c>
      <c r="O33" s="311">
        <v>0</v>
      </c>
      <c r="P33" s="312">
        <v>0</v>
      </c>
      <c r="Q33" s="313">
        <v>0</v>
      </c>
      <c r="R33" s="313">
        <v>0</v>
      </c>
      <c r="S33" s="313">
        <v>0</v>
      </c>
      <c r="T33" s="313">
        <v>0</v>
      </c>
      <c r="U33" s="313">
        <v>12</v>
      </c>
      <c r="V33" s="311">
        <v>12</v>
      </c>
      <c r="W33" s="315">
        <v>12</v>
      </c>
      <c r="X33" s="310">
        <v>2</v>
      </c>
      <c r="Y33" s="313">
        <v>0</v>
      </c>
      <c r="Z33" s="311">
        <v>2</v>
      </c>
      <c r="AA33" s="312">
        <v>0</v>
      </c>
      <c r="AB33" s="313">
        <v>7</v>
      </c>
      <c r="AC33" s="313">
        <v>0</v>
      </c>
      <c r="AD33" s="313">
        <v>0</v>
      </c>
      <c r="AE33" s="313">
        <v>0</v>
      </c>
      <c r="AF33" s="313">
        <v>34</v>
      </c>
      <c r="AG33" s="311">
        <v>41</v>
      </c>
      <c r="AH33" s="315">
        <v>43</v>
      </c>
      <c r="AI33" s="310">
        <v>0</v>
      </c>
      <c r="AJ33" s="313">
        <v>0</v>
      </c>
      <c r="AK33" s="311">
        <v>0</v>
      </c>
      <c r="AL33" s="312">
        <v>0</v>
      </c>
      <c r="AM33" s="313">
        <v>0</v>
      </c>
      <c r="AN33" s="313">
        <v>0</v>
      </c>
      <c r="AO33" s="313">
        <v>22</v>
      </c>
      <c r="AP33" s="313">
        <v>0</v>
      </c>
      <c r="AQ33" s="313">
        <v>0</v>
      </c>
      <c r="AR33" s="311">
        <v>22</v>
      </c>
      <c r="AS33" s="315">
        <v>22</v>
      </c>
      <c r="AT33" s="310">
        <v>0</v>
      </c>
      <c r="AU33" s="313">
        <v>0</v>
      </c>
      <c r="AV33" s="311">
        <v>0</v>
      </c>
      <c r="AW33" s="312">
        <v>0</v>
      </c>
      <c r="AX33" s="313">
        <v>0</v>
      </c>
      <c r="AY33" s="313">
        <v>9</v>
      </c>
      <c r="AZ33" s="313">
        <v>17</v>
      </c>
      <c r="BA33" s="313">
        <v>13</v>
      </c>
      <c r="BB33" s="313">
        <v>0</v>
      </c>
      <c r="BC33" s="314">
        <v>39</v>
      </c>
      <c r="BD33" s="315">
        <v>39</v>
      </c>
      <c r="BE33" s="310">
        <v>0</v>
      </c>
      <c r="BF33" s="313">
        <v>0</v>
      </c>
      <c r="BG33" s="311">
        <v>0</v>
      </c>
      <c r="BH33" s="312">
        <v>0</v>
      </c>
      <c r="BI33" s="313">
        <v>0</v>
      </c>
      <c r="BJ33" s="313">
        <v>0</v>
      </c>
      <c r="BK33" s="313">
        <v>0</v>
      </c>
      <c r="BL33" s="313">
        <v>0</v>
      </c>
      <c r="BM33" s="313">
        <v>0</v>
      </c>
      <c r="BN33" s="311">
        <v>0</v>
      </c>
      <c r="BO33" s="315">
        <v>0</v>
      </c>
      <c r="BP33" s="310">
        <v>0</v>
      </c>
      <c r="BQ33" s="313">
        <v>0</v>
      </c>
      <c r="BR33" s="311">
        <v>0</v>
      </c>
      <c r="BS33" s="312">
        <v>0</v>
      </c>
      <c r="BT33" s="313">
        <v>0</v>
      </c>
      <c r="BU33" s="313">
        <v>0</v>
      </c>
      <c r="BV33" s="313">
        <v>0</v>
      </c>
      <c r="BW33" s="313">
        <v>10</v>
      </c>
      <c r="BX33" s="313">
        <v>0</v>
      </c>
      <c r="BY33" s="311">
        <v>10</v>
      </c>
      <c r="BZ33" s="315">
        <v>10</v>
      </c>
      <c r="CA33" s="310">
        <v>0</v>
      </c>
      <c r="CB33" s="313">
        <v>0</v>
      </c>
      <c r="CC33" s="311">
        <v>0</v>
      </c>
      <c r="CD33" s="312">
        <v>0</v>
      </c>
      <c r="CE33" s="313">
        <v>0</v>
      </c>
      <c r="CF33" s="313">
        <v>0</v>
      </c>
      <c r="CG33" s="313">
        <v>0</v>
      </c>
      <c r="CH33" s="313">
        <v>0</v>
      </c>
      <c r="CI33" s="313">
        <v>0</v>
      </c>
      <c r="CJ33" s="311">
        <v>0</v>
      </c>
      <c r="CK33" s="315">
        <v>0</v>
      </c>
      <c r="CL33" s="310">
        <v>0</v>
      </c>
      <c r="CM33" s="313">
        <v>0</v>
      </c>
      <c r="CN33" s="311">
        <v>0</v>
      </c>
      <c r="CO33" s="312">
        <v>0</v>
      </c>
      <c r="CP33" s="313">
        <v>0</v>
      </c>
      <c r="CQ33" s="313">
        <v>0</v>
      </c>
      <c r="CR33" s="313">
        <v>0</v>
      </c>
      <c r="CS33" s="313">
        <v>0</v>
      </c>
      <c r="CT33" s="313">
        <v>0</v>
      </c>
      <c r="CU33" s="311">
        <v>0</v>
      </c>
      <c r="CV33" s="315">
        <v>0</v>
      </c>
      <c r="CW33" s="310">
        <v>0</v>
      </c>
      <c r="CX33" s="313">
        <v>0</v>
      </c>
      <c r="CY33" s="311">
        <v>0</v>
      </c>
      <c r="CZ33" s="312">
        <v>0</v>
      </c>
      <c r="DA33" s="313">
        <v>0</v>
      </c>
      <c r="DB33" s="313">
        <v>0</v>
      </c>
      <c r="DC33" s="313">
        <v>0</v>
      </c>
      <c r="DD33" s="313">
        <v>0</v>
      </c>
      <c r="DE33" s="313">
        <v>0</v>
      </c>
      <c r="DF33" s="311">
        <v>0</v>
      </c>
      <c r="DG33" s="315">
        <v>0</v>
      </c>
    </row>
    <row r="34" spans="1:111" ht="18.75" customHeight="1" x14ac:dyDescent="0.2">
      <c r="A34" s="297" t="s">
        <v>32</v>
      </c>
      <c r="B34" s="310">
        <v>0</v>
      </c>
      <c r="C34" s="313">
        <v>0</v>
      </c>
      <c r="D34" s="441">
        <v>0</v>
      </c>
      <c r="E34" s="312">
        <v>0</v>
      </c>
      <c r="F34" s="313">
        <v>18</v>
      </c>
      <c r="G34" s="313">
        <v>0</v>
      </c>
      <c r="H34" s="313">
        <v>0</v>
      </c>
      <c r="I34" s="313">
        <v>124</v>
      </c>
      <c r="J34" s="313">
        <v>0</v>
      </c>
      <c r="K34" s="314">
        <v>142</v>
      </c>
      <c r="L34" s="315">
        <v>142</v>
      </c>
      <c r="M34" s="310">
        <v>0</v>
      </c>
      <c r="N34" s="313">
        <v>0</v>
      </c>
      <c r="O34" s="311">
        <v>0</v>
      </c>
      <c r="P34" s="312">
        <v>0</v>
      </c>
      <c r="Q34" s="313">
        <v>0</v>
      </c>
      <c r="R34" s="313">
        <v>0</v>
      </c>
      <c r="S34" s="313">
        <v>0</v>
      </c>
      <c r="T34" s="313">
        <v>0</v>
      </c>
      <c r="U34" s="313">
        <v>0</v>
      </c>
      <c r="V34" s="311">
        <v>0</v>
      </c>
      <c r="W34" s="315">
        <v>0</v>
      </c>
      <c r="X34" s="310">
        <v>0</v>
      </c>
      <c r="Y34" s="313">
        <v>0</v>
      </c>
      <c r="Z34" s="311">
        <v>0</v>
      </c>
      <c r="AA34" s="312">
        <v>0</v>
      </c>
      <c r="AB34" s="313">
        <v>0</v>
      </c>
      <c r="AC34" s="313">
        <v>4</v>
      </c>
      <c r="AD34" s="313">
        <v>0</v>
      </c>
      <c r="AE34" s="313">
        <v>4</v>
      </c>
      <c r="AF34" s="313">
        <v>0</v>
      </c>
      <c r="AG34" s="311">
        <v>8</v>
      </c>
      <c r="AH34" s="315">
        <v>8</v>
      </c>
      <c r="AI34" s="310">
        <v>0</v>
      </c>
      <c r="AJ34" s="313">
        <v>0</v>
      </c>
      <c r="AK34" s="311">
        <v>0</v>
      </c>
      <c r="AL34" s="312">
        <v>0</v>
      </c>
      <c r="AM34" s="313">
        <v>0</v>
      </c>
      <c r="AN34" s="313">
        <v>0</v>
      </c>
      <c r="AO34" s="313">
        <v>6</v>
      </c>
      <c r="AP34" s="313">
        <v>0</v>
      </c>
      <c r="AQ34" s="313">
        <v>0</v>
      </c>
      <c r="AR34" s="311">
        <v>6</v>
      </c>
      <c r="AS34" s="315">
        <v>6</v>
      </c>
      <c r="AT34" s="310">
        <v>0</v>
      </c>
      <c r="AU34" s="313">
        <v>0</v>
      </c>
      <c r="AV34" s="311">
        <v>0</v>
      </c>
      <c r="AW34" s="312">
        <v>0</v>
      </c>
      <c r="AX34" s="313">
        <v>36</v>
      </c>
      <c r="AY34" s="313">
        <v>0</v>
      </c>
      <c r="AZ34" s="313">
        <v>0</v>
      </c>
      <c r="BA34" s="313">
        <v>0</v>
      </c>
      <c r="BB34" s="313">
        <v>0</v>
      </c>
      <c r="BC34" s="314">
        <v>36</v>
      </c>
      <c r="BD34" s="315">
        <v>36</v>
      </c>
      <c r="BE34" s="310">
        <v>0</v>
      </c>
      <c r="BF34" s="313">
        <v>0</v>
      </c>
      <c r="BG34" s="311">
        <v>0</v>
      </c>
      <c r="BH34" s="312">
        <v>0</v>
      </c>
      <c r="BI34" s="313">
        <v>0</v>
      </c>
      <c r="BJ34" s="313">
        <v>16</v>
      </c>
      <c r="BK34" s="313">
        <v>10</v>
      </c>
      <c r="BL34" s="313">
        <v>0</v>
      </c>
      <c r="BM34" s="313">
        <v>0</v>
      </c>
      <c r="BN34" s="311">
        <v>26</v>
      </c>
      <c r="BO34" s="315">
        <v>26</v>
      </c>
      <c r="BP34" s="310">
        <v>0</v>
      </c>
      <c r="BQ34" s="313">
        <v>0</v>
      </c>
      <c r="BR34" s="311">
        <v>0</v>
      </c>
      <c r="BS34" s="312">
        <v>0</v>
      </c>
      <c r="BT34" s="313">
        <v>17</v>
      </c>
      <c r="BU34" s="313">
        <v>3</v>
      </c>
      <c r="BV34" s="313">
        <v>0</v>
      </c>
      <c r="BW34" s="313">
        <v>0</v>
      </c>
      <c r="BX34" s="313">
        <v>0</v>
      </c>
      <c r="BY34" s="311">
        <v>20</v>
      </c>
      <c r="BZ34" s="315">
        <v>20</v>
      </c>
      <c r="CA34" s="310">
        <v>0</v>
      </c>
      <c r="CB34" s="313">
        <v>0</v>
      </c>
      <c r="CC34" s="311">
        <v>0</v>
      </c>
      <c r="CD34" s="312">
        <v>0</v>
      </c>
      <c r="CE34" s="313">
        <v>0</v>
      </c>
      <c r="CF34" s="313">
        <v>3</v>
      </c>
      <c r="CG34" s="313">
        <v>2</v>
      </c>
      <c r="CH34" s="313">
        <v>0</v>
      </c>
      <c r="CI34" s="313">
        <v>0</v>
      </c>
      <c r="CJ34" s="311">
        <v>5</v>
      </c>
      <c r="CK34" s="315">
        <v>5</v>
      </c>
      <c r="CL34" s="310">
        <v>0</v>
      </c>
      <c r="CM34" s="313">
        <v>0</v>
      </c>
      <c r="CN34" s="311">
        <v>0</v>
      </c>
      <c r="CO34" s="312">
        <v>0</v>
      </c>
      <c r="CP34" s="313">
        <v>0</v>
      </c>
      <c r="CQ34" s="313">
        <v>0</v>
      </c>
      <c r="CR34" s="313">
        <v>0</v>
      </c>
      <c r="CS34" s="313">
        <v>0</v>
      </c>
      <c r="CT34" s="313">
        <v>0</v>
      </c>
      <c r="CU34" s="311">
        <v>0</v>
      </c>
      <c r="CV34" s="315">
        <v>0</v>
      </c>
      <c r="CW34" s="310">
        <v>0</v>
      </c>
      <c r="CX34" s="313">
        <v>0</v>
      </c>
      <c r="CY34" s="311">
        <v>0</v>
      </c>
      <c r="CZ34" s="312">
        <v>0</v>
      </c>
      <c r="DA34" s="313">
        <v>0</v>
      </c>
      <c r="DB34" s="313">
        <v>0</v>
      </c>
      <c r="DC34" s="313">
        <v>0</v>
      </c>
      <c r="DD34" s="313">
        <v>0</v>
      </c>
      <c r="DE34" s="313">
        <v>0</v>
      </c>
      <c r="DF34" s="311">
        <v>0</v>
      </c>
      <c r="DG34" s="315">
        <v>0</v>
      </c>
    </row>
    <row r="35" spans="1:111" ht="18.75" customHeight="1" x14ac:dyDescent="0.2">
      <c r="A35" s="297" t="s">
        <v>33</v>
      </c>
      <c r="B35" s="310">
        <v>0</v>
      </c>
      <c r="C35" s="313">
        <v>0</v>
      </c>
      <c r="D35" s="441">
        <v>0</v>
      </c>
      <c r="E35" s="312">
        <v>0</v>
      </c>
      <c r="F35" s="313">
        <v>8</v>
      </c>
      <c r="G35" s="313">
        <v>0</v>
      </c>
      <c r="H35" s="313">
        <v>28</v>
      </c>
      <c r="I35" s="313">
        <v>0</v>
      </c>
      <c r="J35" s="313">
        <v>0</v>
      </c>
      <c r="K35" s="314">
        <v>36</v>
      </c>
      <c r="L35" s="315">
        <v>36</v>
      </c>
      <c r="M35" s="310">
        <v>0</v>
      </c>
      <c r="N35" s="313">
        <v>0</v>
      </c>
      <c r="O35" s="311">
        <v>0</v>
      </c>
      <c r="P35" s="312">
        <v>0</v>
      </c>
      <c r="Q35" s="313">
        <v>0</v>
      </c>
      <c r="R35" s="313">
        <v>0</v>
      </c>
      <c r="S35" s="313">
        <v>0</v>
      </c>
      <c r="T35" s="313">
        <v>0</v>
      </c>
      <c r="U35" s="313">
        <v>0</v>
      </c>
      <c r="V35" s="311">
        <v>0</v>
      </c>
      <c r="W35" s="315">
        <v>0</v>
      </c>
      <c r="X35" s="310">
        <v>0</v>
      </c>
      <c r="Y35" s="313">
        <v>0</v>
      </c>
      <c r="Z35" s="311">
        <v>0</v>
      </c>
      <c r="AA35" s="312">
        <v>0</v>
      </c>
      <c r="AB35" s="313">
        <v>7</v>
      </c>
      <c r="AC35" s="313">
        <v>0</v>
      </c>
      <c r="AD35" s="313">
        <v>39</v>
      </c>
      <c r="AE35" s="313">
        <v>0</v>
      </c>
      <c r="AF35" s="313">
        <v>13</v>
      </c>
      <c r="AG35" s="311">
        <v>59</v>
      </c>
      <c r="AH35" s="315">
        <v>59</v>
      </c>
      <c r="AI35" s="310">
        <v>0</v>
      </c>
      <c r="AJ35" s="313">
        <v>12</v>
      </c>
      <c r="AK35" s="311">
        <v>12</v>
      </c>
      <c r="AL35" s="312">
        <v>0</v>
      </c>
      <c r="AM35" s="313">
        <v>15</v>
      </c>
      <c r="AN35" s="313">
        <v>0</v>
      </c>
      <c r="AO35" s="313">
        <v>12</v>
      </c>
      <c r="AP35" s="313">
        <v>0</v>
      </c>
      <c r="AQ35" s="313">
        <v>24</v>
      </c>
      <c r="AR35" s="311">
        <v>51</v>
      </c>
      <c r="AS35" s="315">
        <v>63</v>
      </c>
      <c r="AT35" s="310">
        <v>0</v>
      </c>
      <c r="AU35" s="313">
        <v>0</v>
      </c>
      <c r="AV35" s="311">
        <v>0</v>
      </c>
      <c r="AW35" s="312">
        <v>0</v>
      </c>
      <c r="AX35" s="313">
        <v>14</v>
      </c>
      <c r="AY35" s="313">
        <v>0</v>
      </c>
      <c r="AZ35" s="313">
        <v>0</v>
      </c>
      <c r="BA35" s="313">
        <v>0</v>
      </c>
      <c r="BB35" s="313">
        <v>0</v>
      </c>
      <c r="BC35" s="314">
        <v>14</v>
      </c>
      <c r="BD35" s="315">
        <v>14</v>
      </c>
      <c r="BE35" s="310">
        <v>0</v>
      </c>
      <c r="BF35" s="313">
        <v>0</v>
      </c>
      <c r="BG35" s="311">
        <v>0</v>
      </c>
      <c r="BH35" s="312">
        <v>0</v>
      </c>
      <c r="BI35" s="313">
        <v>0</v>
      </c>
      <c r="BJ35" s="313">
        <v>0</v>
      </c>
      <c r="BK35" s="313">
        <v>0</v>
      </c>
      <c r="BL35" s="313">
        <v>0</v>
      </c>
      <c r="BM35" s="313">
        <v>0</v>
      </c>
      <c r="BN35" s="311">
        <v>0</v>
      </c>
      <c r="BO35" s="315">
        <v>0</v>
      </c>
      <c r="BP35" s="310">
        <v>0</v>
      </c>
      <c r="BQ35" s="313">
        <v>0</v>
      </c>
      <c r="BR35" s="311">
        <v>0</v>
      </c>
      <c r="BS35" s="312">
        <v>0</v>
      </c>
      <c r="BT35" s="313">
        <v>0</v>
      </c>
      <c r="BU35" s="313">
        <v>0</v>
      </c>
      <c r="BV35" s="313">
        <v>3</v>
      </c>
      <c r="BW35" s="313">
        <v>0</v>
      </c>
      <c r="BX35" s="313">
        <v>0</v>
      </c>
      <c r="BY35" s="311">
        <v>3</v>
      </c>
      <c r="BZ35" s="315">
        <v>3</v>
      </c>
      <c r="CA35" s="310">
        <v>0</v>
      </c>
      <c r="CB35" s="313">
        <v>0</v>
      </c>
      <c r="CC35" s="311">
        <v>0</v>
      </c>
      <c r="CD35" s="312">
        <v>0</v>
      </c>
      <c r="CE35" s="313">
        <v>0</v>
      </c>
      <c r="CF35" s="313">
        <v>0</v>
      </c>
      <c r="CG35" s="313">
        <v>0</v>
      </c>
      <c r="CH35" s="313">
        <v>0</v>
      </c>
      <c r="CI35" s="313">
        <v>0</v>
      </c>
      <c r="CJ35" s="311">
        <v>0</v>
      </c>
      <c r="CK35" s="315">
        <v>0</v>
      </c>
      <c r="CL35" s="310">
        <v>0</v>
      </c>
      <c r="CM35" s="313">
        <v>0</v>
      </c>
      <c r="CN35" s="311">
        <v>0</v>
      </c>
      <c r="CO35" s="312">
        <v>0</v>
      </c>
      <c r="CP35" s="313">
        <v>0</v>
      </c>
      <c r="CQ35" s="313">
        <v>0</v>
      </c>
      <c r="CR35" s="313">
        <v>0</v>
      </c>
      <c r="CS35" s="313">
        <v>0</v>
      </c>
      <c r="CT35" s="313">
        <v>0</v>
      </c>
      <c r="CU35" s="311">
        <v>0</v>
      </c>
      <c r="CV35" s="315">
        <v>0</v>
      </c>
      <c r="CW35" s="310">
        <v>0</v>
      </c>
      <c r="CX35" s="313">
        <v>0</v>
      </c>
      <c r="CY35" s="311">
        <v>0</v>
      </c>
      <c r="CZ35" s="312">
        <v>0</v>
      </c>
      <c r="DA35" s="313">
        <v>0</v>
      </c>
      <c r="DB35" s="313">
        <v>0</v>
      </c>
      <c r="DC35" s="313">
        <v>0</v>
      </c>
      <c r="DD35" s="313">
        <v>0</v>
      </c>
      <c r="DE35" s="313">
        <v>0</v>
      </c>
      <c r="DF35" s="311">
        <v>0</v>
      </c>
      <c r="DG35" s="315">
        <v>0</v>
      </c>
    </row>
    <row r="36" spans="1:111" ht="18.75" customHeight="1" x14ac:dyDescent="0.2">
      <c r="A36" s="297" t="s">
        <v>34</v>
      </c>
      <c r="B36" s="310">
        <v>0</v>
      </c>
      <c r="C36" s="313">
        <v>0</v>
      </c>
      <c r="D36" s="441">
        <v>0</v>
      </c>
      <c r="E36" s="312">
        <v>0</v>
      </c>
      <c r="F36" s="313">
        <v>0</v>
      </c>
      <c r="G36" s="313">
        <v>0</v>
      </c>
      <c r="H36" s="313">
        <v>9</v>
      </c>
      <c r="I36" s="313">
        <v>106</v>
      </c>
      <c r="J36" s="313">
        <v>0</v>
      </c>
      <c r="K36" s="314">
        <v>115</v>
      </c>
      <c r="L36" s="315">
        <v>115</v>
      </c>
      <c r="M36" s="310">
        <v>0</v>
      </c>
      <c r="N36" s="313">
        <v>0</v>
      </c>
      <c r="O36" s="311">
        <v>0</v>
      </c>
      <c r="P36" s="312">
        <v>0</v>
      </c>
      <c r="Q36" s="313">
        <v>0</v>
      </c>
      <c r="R36" s="313">
        <v>0</v>
      </c>
      <c r="S36" s="313">
        <v>0</v>
      </c>
      <c r="T36" s="313">
        <v>0</v>
      </c>
      <c r="U36" s="313">
        <v>0</v>
      </c>
      <c r="V36" s="311">
        <v>0</v>
      </c>
      <c r="W36" s="315">
        <v>0</v>
      </c>
      <c r="X36" s="310">
        <v>0</v>
      </c>
      <c r="Y36" s="313">
        <v>0</v>
      </c>
      <c r="Z36" s="311">
        <v>0</v>
      </c>
      <c r="AA36" s="312">
        <v>0</v>
      </c>
      <c r="AB36" s="313">
        <v>3</v>
      </c>
      <c r="AC36" s="313">
        <v>0</v>
      </c>
      <c r="AD36" s="313">
        <v>0</v>
      </c>
      <c r="AE36" s="313">
        <v>0</v>
      </c>
      <c r="AF36" s="313">
        <v>0</v>
      </c>
      <c r="AG36" s="311">
        <v>3</v>
      </c>
      <c r="AH36" s="315">
        <v>3</v>
      </c>
      <c r="AI36" s="310">
        <v>0</v>
      </c>
      <c r="AJ36" s="313">
        <v>0</v>
      </c>
      <c r="AK36" s="311">
        <v>0</v>
      </c>
      <c r="AL36" s="312">
        <v>0</v>
      </c>
      <c r="AM36" s="313">
        <v>5</v>
      </c>
      <c r="AN36" s="313">
        <v>0</v>
      </c>
      <c r="AO36" s="313">
        <v>0</v>
      </c>
      <c r="AP36" s="313">
        <v>0</v>
      </c>
      <c r="AQ36" s="313">
        <v>0</v>
      </c>
      <c r="AR36" s="311">
        <v>5</v>
      </c>
      <c r="AS36" s="315">
        <v>5</v>
      </c>
      <c r="AT36" s="310">
        <v>0</v>
      </c>
      <c r="AU36" s="313">
        <v>0</v>
      </c>
      <c r="AV36" s="311">
        <v>0</v>
      </c>
      <c r="AW36" s="312">
        <v>0</v>
      </c>
      <c r="AX36" s="313">
        <v>0</v>
      </c>
      <c r="AY36" s="313">
        <v>8</v>
      </c>
      <c r="AZ36" s="313">
        <v>25</v>
      </c>
      <c r="BA36" s="313">
        <v>13</v>
      </c>
      <c r="BB36" s="313">
        <v>0</v>
      </c>
      <c r="BC36" s="314">
        <v>46</v>
      </c>
      <c r="BD36" s="315">
        <v>46</v>
      </c>
      <c r="BE36" s="310">
        <v>0</v>
      </c>
      <c r="BF36" s="313">
        <v>0</v>
      </c>
      <c r="BG36" s="311">
        <v>0</v>
      </c>
      <c r="BH36" s="312">
        <v>0</v>
      </c>
      <c r="BI36" s="313">
        <v>8</v>
      </c>
      <c r="BJ36" s="313">
        <v>0</v>
      </c>
      <c r="BK36" s="313">
        <v>0</v>
      </c>
      <c r="BL36" s="313">
        <v>0</v>
      </c>
      <c r="BM36" s="313">
        <v>0</v>
      </c>
      <c r="BN36" s="311">
        <v>8</v>
      </c>
      <c r="BO36" s="315">
        <v>8</v>
      </c>
      <c r="BP36" s="310">
        <v>0</v>
      </c>
      <c r="BQ36" s="313">
        <v>0</v>
      </c>
      <c r="BR36" s="311">
        <v>0</v>
      </c>
      <c r="BS36" s="312">
        <v>0</v>
      </c>
      <c r="BT36" s="313">
        <v>0</v>
      </c>
      <c r="BU36" s="313">
        <v>0</v>
      </c>
      <c r="BV36" s="313">
        <v>0</v>
      </c>
      <c r="BW36" s="313">
        <v>2</v>
      </c>
      <c r="BX36" s="313">
        <v>0</v>
      </c>
      <c r="BY36" s="311">
        <v>2</v>
      </c>
      <c r="BZ36" s="315">
        <v>2</v>
      </c>
      <c r="CA36" s="310">
        <v>0</v>
      </c>
      <c r="CB36" s="313">
        <v>0</v>
      </c>
      <c r="CC36" s="311">
        <v>0</v>
      </c>
      <c r="CD36" s="312">
        <v>0</v>
      </c>
      <c r="CE36" s="313">
        <v>0</v>
      </c>
      <c r="CF36" s="313">
        <v>0</v>
      </c>
      <c r="CG36" s="313">
        <v>0</v>
      </c>
      <c r="CH36" s="313">
        <v>0</v>
      </c>
      <c r="CI36" s="313">
        <v>0</v>
      </c>
      <c r="CJ36" s="311">
        <v>0</v>
      </c>
      <c r="CK36" s="315">
        <v>0</v>
      </c>
      <c r="CL36" s="310">
        <v>0</v>
      </c>
      <c r="CM36" s="313">
        <v>0</v>
      </c>
      <c r="CN36" s="311">
        <v>0</v>
      </c>
      <c r="CO36" s="312">
        <v>0</v>
      </c>
      <c r="CP36" s="313">
        <v>0</v>
      </c>
      <c r="CQ36" s="313">
        <v>0</v>
      </c>
      <c r="CR36" s="313">
        <v>0</v>
      </c>
      <c r="CS36" s="313">
        <v>0</v>
      </c>
      <c r="CT36" s="313">
        <v>0</v>
      </c>
      <c r="CU36" s="311">
        <v>0</v>
      </c>
      <c r="CV36" s="315">
        <v>0</v>
      </c>
      <c r="CW36" s="310">
        <v>0</v>
      </c>
      <c r="CX36" s="313">
        <v>0</v>
      </c>
      <c r="CY36" s="311">
        <v>0</v>
      </c>
      <c r="CZ36" s="312">
        <v>0</v>
      </c>
      <c r="DA36" s="313">
        <v>0</v>
      </c>
      <c r="DB36" s="313">
        <v>0</v>
      </c>
      <c r="DC36" s="313">
        <v>0</v>
      </c>
      <c r="DD36" s="313">
        <v>0</v>
      </c>
      <c r="DE36" s="313">
        <v>0</v>
      </c>
      <c r="DF36" s="311">
        <v>0</v>
      </c>
      <c r="DG36" s="315">
        <v>0</v>
      </c>
    </row>
    <row r="37" spans="1:111" ht="18.75" customHeight="1" x14ac:dyDescent="0.2">
      <c r="A37" s="297" t="s">
        <v>35</v>
      </c>
      <c r="B37" s="310">
        <v>0</v>
      </c>
      <c r="C37" s="313">
        <v>0</v>
      </c>
      <c r="D37" s="441">
        <v>0</v>
      </c>
      <c r="E37" s="312">
        <v>0</v>
      </c>
      <c r="F37" s="313">
        <v>112</v>
      </c>
      <c r="G37" s="313">
        <v>42</v>
      </c>
      <c r="H37" s="313">
        <v>68</v>
      </c>
      <c r="I37" s="313">
        <v>88</v>
      </c>
      <c r="J37" s="313">
        <v>0</v>
      </c>
      <c r="K37" s="314">
        <v>310</v>
      </c>
      <c r="L37" s="315">
        <v>310</v>
      </c>
      <c r="M37" s="310">
        <v>0</v>
      </c>
      <c r="N37" s="313">
        <v>0</v>
      </c>
      <c r="O37" s="311">
        <v>0</v>
      </c>
      <c r="P37" s="312">
        <v>0</v>
      </c>
      <c r="Q37" s="313">
        <v>0</v>
      </c>
      <c r="R37" s="313">
        <v>0</v>
      </c>
      <c r="S37" s="313">
        <v>0</v>
      </c>
      <c r="T37" s="313">
        <v>0</v>
      </c>
      <c r="U37" s="313">
        <v>0</v>
      </c>
      <c r="V37" s="311">
        <v>0</v>
      </c>
      <c r="W37" s="315">
        <v>0</v>
      </c>
      <c r="X37" s="310">
        <v>0</v>
      </c>
      <c r="Y37" s="313">
        <v>0</v>
      </c>
      <c r="Z37" s="311">
        <v>0</v>
      </c>
      <c r="AA37" s="312">
        <v>0</v>
      </c>
      <c r="AB37" s="313">
        <v>0</v>
      </c>
      <c r="AC37" s="313">
        <v>4</v>
      </c>
      <c r="AD37" s="313">
        <v>9</v>
      </c>
      <c r="AE37" s="313">
        <v>30</v>
      </c>
      <c r="AF37" s="313">
        <v>83</v>
      </c>
      <c r="AG37" s="311">
        <v>126</v>
      </c>
      <c r="AH37" s="315">
        <v>126</v>
      </c>
      <c r="AI37" s="310">
        <v>0</v>
      </c>
      <c r="AJ37" s="313">
        <v>0</v>
      </c>
      <c r="AK37" s="311">
        <v>0</v>
      </c>
      <c r="AL37" s="312">
        <v>0</v>
      </c>
      <c r="AM37" s="313">
        <v>0</v>
      </c>
      <c r="AN37" s="313">
        <v>8</v>
      </c>
      <c r="AO37" s="313">
        <v>8</v>
      </c>
      <c r="AP37" s="313">
        <v>0</v>
      </c>
      <c r="AQ37" s="313">
        <v>0</v>
      </c>
      <c r="AR37" s="311">
        <v>16</v>
      </c>
      <c r="AS37" s="315">
        <v>16</v>
      </c>
      <c r="AT37" s="310">
        <v>0</v>
      </c>
      <c r="AU37" s="313">
        <v>0</v>
      </c>
      <c r="AV37" s="311">
        <v>0</v>
      </c>
      <c r="AW37" s="312">
        <v>0</v>
      </c>
      <c r="AX37" s="313">
        <v>34</v>
      </c>
      <c r="AY37" s="313">
        <v>45</v>
      </c>
      <c r="AZ37" s="313">
        <v>6</v>
      </c>
      <c r="BA37" s="313">
        <v>0</v>
      </c>
      <c r="BB37" s="313">
        <v>0</v>
      </c>
      <c r="BC37" s="314">
        <v>85</v>
      </c>
      <c r="BD37" s="315">
        <v>85</v>
      </c>
      <c r="BE37" s="310">
        <v>0</v>
      </c>
      <c r="BF37" s="313">
        <v>0</v>
      </c>
      <c r="BG37" s="311">
        <v>0</v>
      </c>
      <c r="BH37" s="312">
        <v>0</v>
      </c>
      <c r="BI37" s="313">
        <v>9</v>
      </c>
      <c r="BJ37" s="313">
        <v>8</v>
      </c>
      <c r="BK37" s="313">
        <v>4</v>
      </c>
      <c r="BL37" s="313">
        <v>9</v>
      </c>
      <c r="BM37" s="313">
        <v>9</v>
      </c>
      <c r="BN37" s="311">
        <v>39</v>
      </c>
      <c r="BO37" s="315">
        <v>39</v>
      </c>
      <c r="BP37" s="310">
        <v>0</v>
      </c>
      <c r="BQ37" s="313">
        <v>0</v>
      </c>
      <c r="BR37" s="311">
        <v>0</v>
      </c>
      <c r="BS37" s="312">
        <v>0</v>
      </c>
      <c r="BT37" s="313">
        <v>0</v>
      </c>
      <c r="BU37" s="313">
        <v>0</v>
      </c>
      <c r="BV37" s="313">
        <v>0</v>
      </c>
      <c r="BW37" s="313">
        <v>0</v>
      </c>
      <c r="BX37" s="313">
        <v>0</v>
      </c>
      <c r="BY37" s="311">
        <v>0</v>
      </c>
      <c r="BZ37" s="315">
        <v>0</v>
      </c>
      <c r="CA37" s="310">
        <v>0</v>
      </c>
      <c r="CB37" s="313">
        <v>0</v>
      </c>
      <c r="CC37" s="311">
        <v>0</v>
      </c>
      <c r="CD37" s="312">
        <v>0</v>
      </c>
      <c r="CE37" s="313">
        <v>0</v>
      </c>
      <c r="CF37" s="313">
        <v>0</v>
      </c>
      <c r="CG37" s="313">
        <v>3</v>
      </c>
      <c r="CH37" s="313">
        <v>0</v>
      </c>
      <c r="CI37" s="313">
        <v>0</v>
      </c>
      <c r="CJ37" s="311">
        <v>3</v>
      </c>
      <c r="CK37" s="315">
        <v>3</v>
      </c>
      <c r="CL37" s="310">
        <v>0</v>
      </c>
      <c r="CM37" s="313">
        <v>0</v>
      </c>
      <c r="CN37" s="311">
        <v>0</v>
      </c>
      <c r="CO37" s="312">
        <v>0</v>
      </c>
      <c r="CP37" s="313">
        <v>0</v>
      </c>
      <c r="CQ37" s="313">
        <v>0</v>
      </c>
      <c r="CR37" s="313">
        <v>0</v>
      </c>
      <c r="CS37" s="313">
        <v>0</v>
      </c>
      <c r="CT37" s="313">
        <v>0</v>
      </c>
      <c r="CU37" s="311">
        <v>0</v>
      </c>
      <c r="CV37" s="315">
        <v>0</v>
      </c>
      <c r="CW37" s="310">
        <v>0</v>
      </c>
      <c r="CX37" s="313">
        <v>0</v>
      </c>
      <c r="CY37" s="311">
        <v>0</v>
      </c>
      <c r="CZ37" s="312">
        <v>0</v>
      </c>
      <c r="DA37" s="313">
        <v>0</v>
      </c>
      <c r="DB37" s="313">
        <v>0</v>
      </c>
      <c r="DC37" s="313">
        <v>0</v>
      </c>
      <c r="DD37" s="313">
        <v>0</v>
      </c>
      <c r="DE37" s="313">
        <v>0</v>
      </c>
      <c r="DF37" s="311">
        <v>0</v>
      </c>
      <c r="DG37" s="315">
        <v>0</v>
      </c>
    </row>
    <row r="38" spans="1:111" ht="18.75" customHeight="1" x14ac:dyDescent="0.2">
      <c r="A38" s="297" t="s">
        <v>36</v>
      </c>
      <c r="B38" s="310">
        <v>0</v>
      </c>
      <c r="C38" s="313">
        <v>0</v>
      </c>
      <c r="D38" s="441">
        <v>0</v>
      </c>
      <c r="E38" s="312">
        <v>0</v>
      </c>
      <c r="F38" s="313">
        <v>42</v>
      </c>
      <c r="G38" s="313">
        <v>5</v>
      </c>
      <c r="H38" s="313">
        <v>0</v>
      </c>
      <c r="I38" s="313">
        <v>77</v>
      </c>
      <c r="J38" s="313">
        <v>0</v>
      </c>
      <c r="K38" s="314">
        <v>124</v>
      </c>
      <c r="L38" s="315">
        <v>124</v>
      </c>
      <c r="M38" s="310">
        <v>0</v>
      </c>
      <c r="N38" s="313">
        <v>0</v>
      </c>
      <c r="O38" s="311">
        <v>0</v>
      </c>
      <c r="P38" s="312">
        <v>0</v>
      </c>
      <c r="Q38" s="313">
        <v>0</v>
      </c>
      <c r="R38" s="313">
        <v>0</v>
      </c>
      <c r="S38" s="313">
        <v>0</v>
      </c>
      <c r="T38" s="313">
        <v>0</v>
      </c>
      <c r="U38" s="313">
        <v>0</v>
      </c>
      <c r="V38" s="311">
        <v>0</v>
      </c>
      <c r="W38" s="315">
        <v>0</v>
      </c>
      <c r="X38" s="310">
        <v>0</v>
      </c>
      <c r="Y38" s="313">
        <v>4</v>
      </c>
      <c r="Z38" s="311">
        <v>4</v>
      </c>
      <c r="AA38" s="312">
        <v>0</v>
      </c>
      <c r="AB38" s="313">
        <v>27</v>
      </c>
      <c r="AC38" s="313">
        <v>8</v>
      </c>
      <c r="AD38" s="313">
        <v>0</v>
      </c>
      <c r="AE38" s="313">
        <v>22</v>
      </c>
      <c r="AF38" s="313">
        <v>18</v>
      </c>
      <c r="AG38" s="311">
        <v>75</v>
      </c>
      <c r="AH38" s="315">
        <v>79</v>
      </c>
      <c r="AI38" s="310">
        <v>0</v>
      </c>
      <c r="AJ38" s="313">
        <v>0</v>
      </c>
      <c r="AK38" s="311">
        <v>0</v>
      </c>
      <c r="AL38" s="312">
        <v>0</v>
      </c>
      <c r="AM38" s="313">
        <v>0</v>
      </c>
      <c r="AN38" s="313">
        <v>0</v>
      </c>
      <c r="AO38" s="313">
        <v>0</v>
      </c>
      <c r="AP38" s="313">
        <v>14</v>
      </c>
      <c r="AQ38" s="313">
        <v>0</v>
      </c>
      <c r="AR38" s="311">
        <v>14</v>
      </c>
      <c r="AS38" s="315">
        <v>14</v>
      </c>
      <c r="AT38" s="310">
        <v>0</v>
      </c>
      <c r="AU38" s="313">
        <v>0</v>
      </c>
      <c r="AV38" s="311">
        <v>0</v>
      </c>
      <c r="AW38" s="312">
        <v>0</v>
      </c>
      <c r="AX38" s="313">
        <v>26</v>
      </c>
      <c r="AY38" s="313">
        <v>18</v>
      </c>
      <c r="AZ38" s="313">
        <v>17</v>
      </c>
      <c r="BA38" s="313">
        <v>4</v>
      </c>
      <c r="BB38" s="313">
        <v>0</v>
      </c>
      <c r="BC38" s="314">
        <v>65</v>
      </c>
      <c r="BD38" s="315">
        <v>65</v>
      </c>
      <c r="BE38" s="310">
        <v>0</v>
      </c>
      <c r="BF38" s="313">
        <v>0</v>
      </c>
      <c r="BG38" s="311">
        <v>0</v>
      </c>
      <c r="BH38" s="312">
        <v>0</v>
      </c>
      <c r="BI38" s="313">
        <v>4</v>
      </c>
      <c r="BJ38" s="313">
        <v>0</v>
      </c>
      <c r="BK38" s="313">
        <v>0</v>
      </c>
      <c r="BL38" s="313">
        <v>8</v>
      </c>
      <c r="BM38" s="313">
        <v>0</v>
      </c>
      <c r="BN38" s="311">
        <v>12</v>
      </c>
      <c r="BO38" s="315">
        <v>12</v>
      </c>
      <c r="BP38" s="310">
        <v>0</v>
      </c>
      <c r="BQ38" s="313">
        <v>0</v>
      </c>
      <c r="BR38" s="311">
        <v>0</v>
      </c>
      <c r="BS38" s="312">
        <v>0</v>
      </c>
      <c r="BT38" s="313">
        <v>0</v>
      </c>
      <c r="BU38" s="313">
        <v>18</v>
      </c>
      <c r="BV38" s="313">
        <v>17</v>
      </c>
      <c r="BW38" s="313">
        <v>55</v>
      </c>
      <c r="BX38" s="313">
        <v>0</v>
      </c>
      <c r="BY38" s="311">
        <v>90</v>
      </c>
      <c r="BZ38" s="315">
        <v>90</v>
      </c>
      <c r="CA38" s="310">
        <v>0</v>
      </c>
      <c r="CB38" s="313">
        <v>0</v>
      </c>
      <c r="CC38" s="311">
        <v>0</v>
      </c>
      <c r="CD38" s="312">
        <v>0</v>
      </c>
      <c r="CE38" s="313">
        <v>0</v>
      </c>
      <c r="CF38" s="313">
        <v>0</v>
      </c>
      <c r="CG38" s="313">
        <v>0</v>
      </c>
      <c r="CH38" s="313">
        <v>0</v>
      </c>
      <c r="CI38" s="313">
        <v>0</v>
      </c>
      <c r="CJ38" s="311">
        <v>0</v>
      </c>
      <c r="CK38" s="315">
        <v>0</v>
      </c>
      <c r="CL38" s="310">
        <v>0</v>
      </c>
      <c r="CM38" s="313">
        <v>0</v>
      </c>
      <c r="CN38" s="311">
        <v>0</v>
      </c>
      <c r="CO38" s="312">
        <v>0</v>
      </c>
      <c r="CP38" s="313">
        <v>0</v>
      </c>
      <c r="CQ38" s="313">
        <v>0</v>
      </c>
      <c r="CR38" s="313">
        <v>0</v>
      </c>
      <c r="CS38" s="313">
        <v>0</v>
      </c>
      <c r="CT38" s="313">
        <v>0</v>
      </c>
      <c r="CU38" s="311">
        <v>0</v>
      </c>
      <c r="CV38" s="315">
        <v>0</v>
      </c>
      <c r="CW38" s="310">
        <v>0</v>
      </c>
      <c r="CX38" s="313">
        <v>0</v>
      </c>
      <c r="CY38" s="311">
        <v>0</v>
      </c>
      <c r="CZ38" s="312">
        <v>0</v>
      </c>
      <c r="DA38" s="313">
        <v>0</v>
      </c>
      <c r="DB38" s="313">
        <v>0</v>
      </c>
      <c r="DC38" s="313">
        <v>0</v>
      </c>
      <c r="DD38" s="313">
        <v>0</v>
      </c>
      <c r="DE38" s="313">
        <v>0</v>
      </c>
      <c r="DF38" s="311">
        <v>0</v>
      </c>
      <c r="DG38" s="315">
        <v>0</v>
      </c>
    </row>
    <row r="39" spans="1:111" ht="18.75" customHeight="1" thickBot="1" x14ac:dyDescent="0.25">
      <c r="A39" s="298" t="s">
        <v>37</v>
      </c>
      <c r="B39" s="316">
        <v>0</v>
      </c>
      <c r="C39" s="319">
        <v>0</v>
      </c>
      <c r="D39" s="442">
        <v>0</v>
      </c>
      <c r="E39" s="318">
        <v>0</v>
      </c>
      <c r="F39" s="319">
        <v>0</v>
      </c>
      <c r="G39" s="319">
        <v>0</v>
      </c>
      <c r="H39" s="319">
        <v>0</v>
      </c>
      <c r="I39" s="319">
        <v>0</v>
      </c>
      <c r="J39" s="319">
        <v>31</v>
      </c>
      <c r="K39" s="320">
        <v>31</v>
      </c>
      <c r="L39" s="321">
        <v>31</v>
      </c>
      <c r="M39" s="316">
        <v>0</v>
      </c>
      <c r="N39" s="319">
        <v>0</v>
      </c>
      <c r="O39" s="317">
        <v>0</v>
      </c>
      <c r="P39" s="318">
        <v>0</v>
      </c>
      <c r="Q39" s="319">
        <v>0</v>
      </c>
      <c r="R39" s="319">
        <v>0</v>
      </c>
      <c r="S39" s="319">
        <v>0</v>
      </c>
      <c r="T39" s="319">
        <v>0</v>
      </c>
      <c r="U39" s="319">
        <v>0</v>
      </c>
      <c r="V39" s="317">
        <v>0</v>
      </c>
      <c r="W39" s="321">
        <v>0</v>
      </c>
      <c r="X39" s="316">
        <v>0</v>
      </c>
      <c r="Y39" s="319">
        <v>0</v>
      </c>
      <c r="Z39" s="317">
        <v>0</v>
      </c>
      <c r="AA39" s="318">
        <v>0</v>
      </c>
      <c r="AB39" s="319">
        <v>0</v>
      </c>
      <c r="AC39" s="319">
        <v>0</v>
      </c>
      <c r="AD39" s="319">
        <v>0</v>
      </c>
      <c r="AE39" s="319">
        <v>0</v>
      </c>
      <c r="AF39" s="319">
        <v>13</v>
      </c>
      <c r="AG39" s="317">
        <v>13</v>
      </c>
      <c r="AH39" s="321">
        <v>13</v>
      </c>
      <c r="AI39" s="316">
        <v>0</v>
      </c>
      <c r="AJ39" s="319">
        <v>0</v>
      </c>
      <c r="AK39" s="317">
        <v>0</v>
      </c>
      <c r="AL39" s="318">
        <v>0</v>
      </c>
      <c r="AM39" s="319">
        <v>0</v>
      </c>
      <c r="AN39" s="319">
        <v>0</v>
      </c>
      <c r="AO39" s="319">
        <v>0</v>
      </c>
      <c r="AP39" s="319">
        <v>0</v>
      </c>
      <c r="AQ39" s="319">
        <v>0</v>
      </c>
      <c r="AR39" s="317">
        <v>0</v>
      </c>
      <c r="AS39" s="321">
        <v>0</v>
      </c>
      <c r="AT39" s="316">
        <v>0</v>
      </c>
      <c r="AU39" s="319">
        <v>0</v>
      </c>
      <c r="AV39" s="317">
        <v>0</v>
      </c>
      <c r="AW39" s="318">
        <v>0</v>
      </c>
      <c r="AX39" s="319">
        <v>0</v>
      </c>
      <c r="AY39" s="319">
        <v>0</v>
      </c>
      <c r="AZ39" s="319">
        <v>0</v>
      </c>
      <c r="BA39" s="319">
        <v>11</v>
      </c>
      <c r="BB39" s="319">
        <v>0</v>
      </c>
      <c r="BC39" s="320">
        <v>11</v>
      </c>
      <c r="BD39" s="321">
        <v>11</v>
      </c>
      <c r="BE39" s="316">
        <v>0</v>
      </c>
      <c r="BF39" s="319">
        <v>0</v>
      </c>
      <c r="BG39" s="317">
        <v>0</v>
      </c>
      <c r="BH39" s="318">
        <v>0</v>
      </c>
      <c r="BI39" s="319">
        <v>0</v>
      </c>
      <c r="BJ39" s="319">
        <v>0</v>
      </c>
      <c r="BK39" s="319">
        <v>0</v>
      </c>
      <c r="BL39" s="319">
        <v>0</v>
      </c>
      <c r="BM39" s="319">
        <v>0</v>
      </c>
      <c r="BN39" s="317">
        <v>0</v>
      </c>
      <c r="BO39" s="321">
        <v>0</v>
      </c>
      <c r="BP39" s="316">
        <v>0</v>
      </c>
      <c r="BQ39" s="319">
        <v>0</v>
      </c>
      <c r="BR39" s="317">
        <v>0</v>
      </c>
      <c r="BS39" s="318">
        <v>0</v>
      </c>
      <c r="BT39" s="319">
        <v>0</v>
      </c>
      <c r="BU39" s="319">
        <v>0</v>
      </c>
      <c r="BV39" s="319">
        <v>0</v>
      </c>
      <c r="BW39" s="319">
        <v>0</v>
      </c>
      <c r="BX39" s="319">
        <v>0</v>
      </c>
      <c r="BY39" s="317">
        <v>0</v>
      </c>
      <c r="BZ39" s="321">
        <v>0</v>
      </c>
      <c r="CA39" s="316">
        <v>0</v>
      </c>
      <c r="CB39" s="319">
        <v>0</v>
      </c>
      <c r="CC39" s="317">
        <v>0</v>
      </c>
      <c r="CD39" s="318">
        <v>0</v>
      </c>
      <c r="CE39" s="319">
        <v>0</v>
      </c>
      <c r="CF39" s="319">
        <v>0</v>
      </c>
      <c r="CG39" s="319">
        <v>0</v>
      </c>
      <c r="CH39" s="319">
        <v>13</v>
      </c>
      <c r="CI39" s="319">
        <v>0</v>
      </c>
      <c r="CJ39" s="317">
        <v>13</v>
      </c>
      <c r="CK39" s="321">
        <v>13</v>
      </c>
      <c r="CL39" s="316">
        <v>0</v>
      </c>
      <c r="CM39" s="319">
        <v>0</v>
      </c>
      <c r="CN39" s="317">
        <v>0</v>
      </c>
      <c r="CO39" s="318">
        <v>0</v>
      </c>
      <c r="CP39" s="319">
        <v>0</v>
      </c>
      <c r="CQ39" s="319">
        <v>0</v>
      </c>
      <c r="CR39" s="319">
        <v>0</v>
      </c>
      <c r="CS39" s="319">
        <v>0</v>
      </c>
      <c r="CT39" s="319">
        <v>0</v>
      </c>
      <c r="CU39" s="317">
        <v>0</v>
      </c>
      <c r="CV39" s="321">
        <v>0</v>
      </c>
      <c r="CW39" s="316">
        <v>0</v>
      </c>
      <c r="CX39" s="319">
        <v>0</v>
      </c>
      <c r="CY39" s="317">
        <v>0</v>
      </c>
      <c r="CZ39" s="318">
        <v>0</v>
      </c>
      <c r="DA39" s="319">
        <v>0</v>
      </c>
      <c r="DB39" s="319">
        <v>0</v>
      </c>
      <c r="DC39" s="319">
        <v>0</v>
      </c>
      <c r="DD39" s="319">
        <v>0</v>
      </c>
      <c r="DE39" s="319">
        <v>0</v>
      </c>
      <c r="DF39" s="317">
        <v>0</v>
      </c>
      <c r="DG39" s="321">
        <v>0</v>
      </c>
    </row>
    <row r="40" spans="1:111" ht="27" customHeight="1" x14ac:dyDescent="0.2">
      <c r="B40" s="291" t="s">
        <v>127</v>
      </c>
    </row>
  </sheetData>
  <mergeCells count="43">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 ref="X3:AH3"/>
    <mergeCell ref="B4:D4"/>
    <mergeCell ref="E4:K4"/>
    <mergeCell ref="L4:L5"/>
    <mergeCell ref="M4:O4"/>
    <mergeCell ref="P4:V4"/>
    <mergeCell ref="W4:W5"/>
    <mergeCell ref="X4:Z4"/>
    <mergeCell ref="AA4:AG4"/>
    <mergeCell ref="AH4:AH5"/>
    <mergeCell ref="I1:J1"/>
    <mergeCell ref="L1:M1"/>
    <mergeCell ref="A3:A5"/>
    <mergeCell ref="B3:L3"/>
    <mergeCell ref="M3:W3"/>
    <mergeCell ref="CW3:DG3"/>
    <mergeCell ref="CW4:CY4"/>
    <mergeCell ref="CZ4:DF4"/>
    <mergeCell ref="DG4:DG5"/>
    <mergeCell ref="CA3:CK3"/>
    <mergeCell ref="CL3:CV3"/>
    <mergeCell ref="CA4:CC4"/>
    <mergeCell ref="CD4:CJ4"/>
    <mergeCell ref="CK4:CK5"/>
    <mergeCell ref="CL4:CN4"/>
    <mergeCell ref="CO4:CU4"/>
    <mergeCell ref="CV4:CV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8.77734375" style="1" customWidth="1"/>
    <col min="2" max="4" width="7.77734375" style="3" customWidth="1"/>
    <col min="5" max="5" width="9.109375" style="3" customWidth="1"/>
    <col min="6" max="6" width="9.44140625" style="3" customWidth="1"/>
    <col min="7" max="25" width="7.77734375" style="3" customWidth="1"/>
    <col min="26" max="34" width="7.77734375" style="1" customWidth="1"/>
    <col min="35" max="16384" width="9" style="1"/>
  </cols>
  <sheetData>
    <row r="1" spans="1:34" ht="25.5" customHeight="1" x14ac:dyDescent="0.2">
      <c r="A1" s="20" t="s">
        <v>129</v>
      </c>
      <c r="E1" s="22"/>
      <c r="G1" s="470">
        <f>第１表!F2</f>
        <v>4</v>
      </c>
      <c r="H1" s="470"/>
      <c r="I1" s="284">
        <f>第１表!G2</f>
        <v>2</v>
      </c>
      <c r="J1" s="497">
        <f>IF(I1&lt;3,I1-2+12,I1-2)</f>
        <v>12</v>
      </c>
      <c r="K1" s="497"/>
    </row>
    <row r="2" spans="1:34" ht="17.25" customHeight="1" thickBot="1" x14ac:dyDescent="0.25">
      <c r="I2" s="5"/>
      <c r="J2" s="5"/>
      <c r="K2" s="5"/>
      <c r="L2" s="5"/>
      <c r="M2" s="5"/>
      <c r="N2" s="5"/>
      <c r="O2" s="30"/>
      <c r="P2" s="30"/>
      <c r="Q2" s="30"/>
    </row>
    <row r="3" spans="1:34" ht="19.5" customHeight="1" thickBot="1" x14ac:dyDescent="0.25">
      <c r="A3" s="26"/>
      <c r="B3" s="498" t="s">
        <v>53</v>
      </c>
      <c r="C3" s="499"/>
      <c r="D3" s="499"/>
      <c r="E3" s="499"/>
      <c r="F3" s="499"/>
      <c r="G3" s="499"/>
      <c r="H3" s="499"/>
      <c r="I3" s="499"/>
      <c r="J3" s="499"/>
      <c r="K3" s="499"/>
      <c r="L3" s="500"/>
      <c r="M3" s="498" t="s">
        <v>54</v>
      </c>
      <c r="N3" s="499"/>
      <c r="O3" s="499"/>
      <c r="P3" s="499"/>
      <c r="Q3" s="499"/>
      <c r="R3" s="499"/>
      <c r="S3" s="499"/>
      <c r="T3" s="499"/>
      <c r="U3" s="499"/>
      <c r="V3" s="499"/>
      <c r="W3" s="500"/>
      <c r="X3" s="498" t="s">
        <v>55</v>
      </c>
      <c r="Y3" s="499"/>
      <c r="Z3" s="499"/>
      <c r="AA3" s="499"/>
      <c r="AB3" s="499"/>
      <c r="AC3" s="499"/>
      <c r="AD3" s="499"/>
      <c r="AE3" s="499"/>
      <c r="AF3" s="499"/>
      <c r="AG3" s="499"/>
      <c r="AH3" s="500"/>
    </row>
    <row r="4" spans="1:34" ht="30.75" customHeight="1" thickBot="1" x14ac:dyDescent="0.25">
      <c r="A4" s="26" t="s">
        <v>42</v>
      </c>
      <c r="B4" s="27" t="s">
        <v>43</v>
      </c>
      <c r="C4" s="6" t="s">
        <v>44</v>
      </c>
      <c r="D4" s="28" t="s">
        <v>45</v>
      </c>
      <c r="E4" s="29" t="s">
        <v>46</v>
      </c>
      <c r="F4" s="6" t="s">
        <v>47</v>
      </c>
      <c r="G4" s="6" t="s">
        <v>48</v>
      </c>
      <c r="H4" s="6" t="s">
        <v>49</v>
      </c>
      <c r="I4" s="6" t="s">
        <v>50</v>
      </c>
      <c r="J4" s="6" t="s">
        <v>51</v>
      </c>
      <c r="K4" s="28" t="s">
        <v>45</v>
      </c>
      <c r="L4" s="13" t="s">
        <v>52</v>
      </c>
      <c r="M4" s="27" t="s">
        <v>43</v>
      </c>
      <c r="N4" s="6" t="s">
        <v>44</v>
      </c>
      <c r="O4" s="28" t="s">
        <v>45</v>
      </c>
      <c r="P4" s="29" t="s">
        <v>46</v>
      </c>
      <c r="Q4" s="6" t="s">
        <v>47</v>
      </c>
      <c r="R4" s="6" t="s">
        <v>48</v>
      </c>
      <c r="S4" s="6" t="s">
        <v>49</v>
      </c>
      <c r="T4" s="6" t="s">
        <v>50</v>
      </c>
      <c r="U4" s="6" t="s">
        <v>51</v>
      </c>
      <c r="V4" s="28" t="s">
        <v>45</v>
      </c>
      <c r="W4" s="13" t="s">
        <v>52</v>
      </c>
      <c r="X4" s="27" t="s">
        <v>43</v>
      </c>
      <c r="Y4" s="6" t="s">
        <v>44</v>
      </c>
      <c r="Z4" s="28" t="s">
        <v>45</v>
      </c>
      <c r="AA4" s="29" t="s">
        <v>46</v>
      </c>
      <c r="AB4" s="6" t="s">
        <v>47</v>
      </c>
      <c r="AC4" s="6" t="s">
        <v>48</v>
      </c>
      <c r="AD4" s="6" t="s">
        <v>49</v>
      </c>
      <c r="AE4" s="6" t="s">
        <v>50</v>
      </c>
      <c r="AF4" s="6" t="s">
        <v>51</v>
      </c>
      <c r="AG4" s="28" t="s">
        <v>45</v>
      </c>
      <c r="AH4" s="13" t="s">
        <v>52</v>
      </c>
    </row>
    <row r="5" spans="1:34" ht="21" customHeight="1" x14ac:dyDescent="0.2">
      <c r="A5" s="14" t="s">
        <v>4</v>
      </c>
      <c r="B5" s="92">
        <v>190</v>
      </c>
      <c r="C5" s="93">
        <v>330</v>
      </c>
      <c r="D5" s="94">
        <v>520</v>
      </c>
      <c r="E5" s="95">
        <v>0</v>
      </c>
      <c r="F5" s="93">
        <v>18455</v>
      </c>
      <c r="G5" s="93">
        <v>18455</v>
      </c>
      <c r="H5" s="93">
        <v>12366</v>
      </c>
      <c r="I5" s="93">
        <v>7811</v>
      </c>
      <c r="J5" s="93">
        <v>4854</v>
      </c>
      <c r="K5" s="94">
        <v>61941</v>
      </c>
      <c r="L5" s="96">
        <v>62461</v>
      </c>
      <c r="M5" s="97">
        <v>1</v>
      </c>
      <c r="N5" s="93">
        <v>3</v>
      </c>
      <c r="O5" s="94">
        <v>4</v>
      </c>
      <c r="P5" s="95">
        <v>0</v>
      </c>
      <c r="Q5" s="93">
        <v>215</v>
      </c>
      <c r="R5" s="93">
        <v>344</v>
      </c>
      <c r="S5" s="93">
        <v>251</v>
      </c>
      <c r="T5" s="93">
        <v>173</v>
      </c>
      <c r="U5" s="93">
        <v>166</v>
      </c>
      <c r="V5" s="94">
        <v>1149</v>
      </c>
      <c r="W5" s="96">
        <v>1153</v>
      </c>
      <c r="X5" s="97">
        <v>191</v>
      </c>
      <c r="Y5" s="93">
        <v>333</v>
      </c>
      <c r="Z5" s="94">
        <v>524</v>
      </c>
      <c r="AA5" s="95">
        <v>0</v>
      </c>
      <c r="AB5" s="93">
        <v>18670</v>
      </c>
      <c r="AC5" s="93">
        <v>18799</v>
      </c>
      <c r="AD5" s="93">
        <v>12617</v>
      </c>
      <c r="AE5" s="93">
        <v>7984</v>
      </c>
      <c r="AF5" s="93">
        <v>5020</v>
      </c>
      <c r="AG5" s="94">
        <v>63090</v>
      </c>
      <c r="AH5" s="96">
        <v>63614</v>
      </c>
    </row>
    <row r="6" spans="1:34" ht="21" customHeight="1" x14ac:dyDescent="0.2">
      <c r="A6" s="18" t="s">
        <v>5</v>
      </c>
      <c r="B6" s="98">
        <v>78</v>
      </c>
      <c r="C6" s="99">
        <v>124</v>
      </c>
      <c r="D6" s="100">
        <v>202</v>
      </c>
      <c r="E6" s="101">
        <v>0</v>
      </c>
      <c r="F6" s="99">
        <v>6496</v>
      </c>
      <c r="G6" s="99">
        <v>8607</v>
      </c>
      <c r="H6" s="99">
        <v>5451</v>
      </c>
      <c r="I6" s="99">
        <v>3425</v>
      </c>
      <c r="J6" s="99">
        <v>2287</v>
      </c>
      <c r="K6" s="100">
        <v>26266</v>
      </c>
      <c r="L6" s="102">
        <v>26468</v>
      </c>
      <c r="M6" s="103">
        <v>0</v>
      </c>
      <c r="N6" s="99">
        <v>0</v>
      </c>
      <c r="O6" s="100">
        <v>0</v>
      </c>
      <c r="P6" s="101">
        <v>0</v>
      </c>
      <c r="Q6" s="99">
        <v>72</v>
      </c>
      <c r="R6" s="99">
        <v>146</v>
      </c>
      <c r="S6" s="99">
        <v>124</v>
      </c>
      <c r="T6" s="99">
        <v>83</v>
      </c>
      <c r="U6" s="99">
        <v>81</v>
      </c>
      <c r="V6" s="100">
        <v>506</v>
      </c>
      <c r="W6" s="102">
        <v>506</v>
      </c>
      <c r="X6" s="103">
        <v>78</v>
      </c>
      <c r="Y6" s="99">
        <v>124</v>
      </c>
      <c r="Z6" s="100">
        <v>202</v>
      </c>
      <c r="AA6" s="101">
        <v>0</v>
      </c>
      <c r="AB6" s="99">
        <v>6568</v>
      </c>
      <c r="AC6" s="99">
        <v>8753</v>
      </c>
      <c r="AD6" s="99">
        <v>5575</v>
      </c>
      <c r="AE6" s="99">
        <v>3508</v>
      </c>
      <c r="AF6" s="99">
        <v>2368</v>
      </c>
      <c r="AG6" s="100">
        <v>26772</v>
      </c>
      <c r="AH6" s="102">
        <v>26974</v>
      </c>
    </row>
    <row r="7" spans="1:34" ht="21" customHeight="1" x14ac:dyDescent="0.2">
      <c r="A7" s="18" t="s">
        <v>6</v>
      </c>
      <c r="B7" s="98">
        <v>26</v>
      </c>
      <c r="C7" s="99">
        <v>42</v>
      </c>
      <c r="D7" s="100">
        <v>68</v>
      </c>
      <c r="E7" s="101">
        <v>0</v>
      </c>
      <c r="F7" s="99">
        <v>3019</v>
      </c>
      <c r="G7" s="99">
        <v>2418</v>
      </c>
      <c r="H7" s="99">
        <v>1871</v>
      </c>
      <c r="I7" s="99">
        <v>1403</v>
      </c>
      <c r="J7" s="99">
        <v>828</v>
      </c>
      <c r="K7" s="100">
        <v>9539</v>
      </c>
      <c r="L7" s="102">
        <v>9607</v>
      </c>
      <c r="M7" s="103">
        <v>0</v>
      </c>
      <c r="N7" s="99">
        <v>0</v>
      </c>
      <c r="O7" s="100">
        <v>0</v>
      </c>
      <c r="P7" s="101">
        <v>0</v>
      </c>
      <c r="Q7" s="99">
        <v>32</v>
      </c>
      <c r="R7" s="99">
        <v>47</v>
      </c>
      <c r="S7" s="99">
        <v>36</v>
      </c>
      <c r="T7" s="99">
        <v>24</v>
      </c>
      <c r="U7" s="99">
        <v>31</v>
      </c>
      <c r="V7" s="100">
        <v>170</v>
      </c>
      <c r="W7" s="102">
        <v>170</v>
      </c>
      <c r="X7" s="103">
        <v>26</v>
      </c>
      <c r="Y7" s="99">
        <v>42</v>
      </c>
      <c r="Z7" s="100">
        <v>68</v>
      </c>
      <c r="AA7" s="101">
        <v>0</v>
      </c>
      <c r="AB7" s="99">
        <v>3051</v>
      </c>
      <c r="AC7" s="99">
        <v>2465</v>
      </c>
      <c r="AD7" s="99">
        <v>1907</v>
      </c>
      <c r="AE7" s="99">
        <v>1427</v>
      </c>
      <c r="AF7" s="99">
        <v>859</v>
      </c>
      <c r="AG7" s="100">
        <v>9709</v>
      </c>
      <c r="AH7" s="102">
        <v>9777</v>
      </c>
    </row>
    <row r="8" spans="1:34" ht="21" customHeight="1" x14ac:dyDescent="0.2">
      <c r="A8" s="18" t="s">
        <v>14</v>
      </c>
      <c r="B8" s="98">
        <v>17</v>
      </c>
      <c r="C8" s="99">
        <v>36</v>
      </c>
      <c r="D8" s="100">
        <v>53</v>
      </c>
      <c r="E8" s="101">
        <v>0</v>
      </c>
      <c r="F8" s="99">
        <v>1503</v>
      </c>
      <c r="G8" s="99">
        <v>1502</v>
      </c>
      <c r="H8" s="99">
        <v>1059</v>
      </c>
      <c r="I8" s="99">
        <v>613</v>
      </c>
      <c r="J8" s="99">
        <v>318</v>
      </c>
      <c r="K8" s="100">
        <v>4995</v>
      </c>
      <c r="L8" s="102">
        <v>5048</v>
      </c>
      <c r="M8" s="103">
        <v>0</v>
      </c>
      <c r="N8" s="99">
        <v>0</v>
      </c>
      <c r="O8" s="100">
        <v>0</v>
      </c>
      <c r="P8" s="101">
        <v>0</v>
      </c>
      <c r="Q8" s="99">
        <v>12</v>
      </c>
      <c r="R8" s="99">
        <v>31</v>
      </c>
      <c r="S8" s="99">
        <v>13</v>
      </c>
      <c r="T8" s="99">
        <v>12</v>
      </c>
      <c r="U8" s="99">
        <v>11</v>
      </c>
      <c r="V8" s="100">
        <v>79</v>
      </c>
      <c r="W8" s="102">
        <v>79</v>
      </c>
      <c r="X8" s="103">
        <v>17</v>
      </c>
      <c r="Y8" s="99">
        <v>36</v>
      </c>
      <c r="Z8" s="100">
        <v>53</v>
      </c>
      <c r="AA8" s="101">
        <v>0</v>
      </c>
      <c r="AB8" s="99">
        <v>1515</v>
      </c>
      <c r="AC8" s="99">
        <v>1533</v>
      </c>
      <c r="AD8" s="99">
        <v>1072</v>
      </c>
      <c r="AE8" s="99">
        <v>625</v>
      </c>
      <c r="AF8" s="99">
        <v>329</v>
      </c>
      <c r="AG8" s="100">
        <v>5074</v>
      </c>
      <c r="AH8" s="102">
        <v>5127</v>
      </c>
    </row>
    <row r="9" spans="1:34" ht="21" customHeight="1" x14ac:dyDescent="0.2">
      <c r="A9" s="18" t="s">
        <v>7</v>
      </c>
      <c r="B9" s="98">
        <v>6</v>
      </c>
      <c r="C9" s="99">
        <v>13</v>
      </c>
      <c r="D9" s="100">
        <v>19</v>
      </c>
      <c r="E9" s="101">
        <v>0</v>
      </c>
      <c r="F9" s="99">
        <v>1273</v>
      </c>
      <c r="G9" s="99">
        <v>901</v>
      </c>
      <c r="H9" s="99">
        <v>633</v>
      </c>
      <c r="I9" s="99">
        <v>323</v>
      </c>
      <c r="J9" s="99">
        <v>175</v>
      </c>
      <c r="K9" s="100">
        <v>3305</v>
      </c>
      <c r="L9" s="102">
        <v>3324</v>
      </c>
      <c r="M9" s="103">
        <v>1</v>
      </c>
      <c r="N9" s="99">
        <v>0</v>
      </c>
      <c r="O9" s="100">
        <v>1</v>
      </c>
      <c r="P9" s="101">
        <v>0</v>
      </c>
      <c r="Q9" s="99">
        <v>10</v>
      </c>
      <c r="R9" s="99">
        <v>16</v>
      </c>
      <c r="S9" s="99">
        <v>8</v>
      </c>
      <c r="T9" s="99">
        <v>4</v>
      </c>
      <c r="U9" s="99">
        <v>10</v>
      </c>
      <c r="V9" s="100">
        <v>48</v>
      </c>
      <c r="W9" s="102">
        <v>49</v>
      </c>
      <c r="X9" s="103">
        <v>7</v>
      </c>
      <c r="Y9" s="99">
        <v>13</v>
      </c>
      <c r="Z9" s="100">
        <v>20</v>
      </c>
      <c r="AA9" s="101">
        <v>0</v>
      </c>
      <c r="AB9" s="99">
        <v>1283</v>
      </c>
      <c r="AC9" s="99">
        <v>917</v>
      </c>
      <c r="AD9" s="99">
        <v>641</v>
      </c>
      <c r="AE9" s="99">
        <v>327</v>
      </c>
      <c r="AF9" s="99">
        <v>185</v>
      </c>
      <c r="AG9" s="100">
        <v>3353</v>
      </c>
      <c r="AH9" s="102">
        <v>3373</v>
      </c>
    </row>
    <row r="10" spans="1:34" ht="21" customHeight="1" x14ac:dyDescent="0.2">
      <c r="A10" s="18" t="s">
        <v>8</v>
      </c>
      <c r="B10" s="98">
        <v>7</v>
      </c>
      <c r="C10" s="99">
        <v>9</v>
      </c>
      <c r="D10" s="100">
        <v>16</v>
      </c>
      <c r="E10" s="101">
        <v>0</v>
      </c>
      <c r="F10" s="99">
        <v>726</v>
      </c>
      <c r="G10" s="99">
        <v>665</v>
      </c>
      <c r="H10" s="99">
        <v>405</v>
      </c>
      <c r="I10" s="99">
        <v>212</v>
      </c>
      <c r="J10" s="99">
        <v>125</v>
      </c>
      <c r="K10" s="100">
        <v>2133</v>
      </c>
      <c r="L10" s="102">
        <v>2149</v>
      </c>
      <c r="M10" s="103">
        <v>0</v>
      </c>
      <c r="N10" s="99">
        <v>1</v>
      </c>
      <c r="O10" s="100">
        <v>1</v>
      </c>
      <c r="P10" s="101">
        <v>0</v>
      </c>
      <c r="Q10" s="99">
        <v>15</v>
      </c>
      <c r="R10" s="99">
        <v>22</v>
      </c>
      <c r="S10" s="99">
        <v>9</v>
      </c>
      <c r="T10" s="99">
        <v>2</v>
      </c>
      <c r="U10" s="99">
        <v>3</v>
      </c>
      <c r="V10" s="100">
        <v>51</v>
      </c>
      <c r="W10" s="102">
        <v>52</v>
      </c>
      <c r="X10" s="103">
        <v>7</v>
      </c>
      <c r="Y10" s="99">
        <v>10</v>
      </c>
      <c r="Z10" s="100">
        <v>17</v>
      </c>
      <c r="AA10" s="101">
        <v>0</v>
      </c>
      <c r="AB10" s="99">
        <v>741</v>
      </c>
      <c r="AC10" s="99">
        <v>687</v>
      </c>
      <c r="AD10" s="99">
        <v>414</v>
      </c>
      <c r="AE10" s="99">
        <v>214</v>
      </c>
      <c r="AF10" s="99">
        <v>128</v>
      </c>
      <c r="AG10" s="100">
        <v>2184</v>
      </c>
      <c r="AH10" s="102">
        <v>2201</v>
      </c>
    </row>
    <row r="11" spans="1:34" ht="21" customHeight="1" x14ac:dyDescent="0.2">
      <c r="A11" s="18" t="s">
        <v>9</v>
      </c>
      <c r="B11" s="98">
        <v>5</v>
      </c>
      <c r="C11" s="99">
        <v>10</v>
      </c>
      <c r="D11" s="100">
        <v>15</v>
      </c>
      <c r="E11" s="101">
        <v>0</v>
      </c>
      <c r="F11" s="99">
        <v>490</v>
      </c>
      <c r="G11" s="99">
        <v>382</v>
      </c>
      <c r="H11" s="99">
        <v>296</v>
      </c>
      <c r="I11" s="99">
        <v>170</v>
      </c>
      <c r="J11" s="99">
        <v>87</v>
      </c>
      <c r="K11" s="100">
        <v>1425</v>
      </c>
      <c r="L11" s="102">
        <v>1440</v>
      </c>
      <c r="M11" s="103">
        <v>0</v>
      </c>
      <c r="N11" s="99">
        <v>0</v>
      </c>
      <c r="O11" s="100">
        <v>0</v>
      </c>
      <c r="P11" s="101">
        <v>0</v>
      </c>
      <c r="Q11" s="99">
        <v>11</v>
      </c>
      <c r="R11" s="99">
        <v>10</v>
      </c>
      <c r="S11" s="99">
        <v>4</v>
      </c>
      <c r="T11" s="99">
        <v>8</v>
      </c>
      <c r="U11" s="99">
        <v>1</v>
      </c>
      <c r="V11" s="100">
        <v>34</v>
      </c>
      <c r="W11" s="102">
        <v>34</v>
      </c>
      <c r="X11" s="103">
        <v>5</v>
      </c>
      <c r="Y11" s="99">
        <v>10</v>
      </c>
      <c r="Z11" s="100">
        <v>15</v>
      </c>
      <c r="AA11" s="101">
        <v>0</v>
      </c>
      <c r="AB11" s="99">
        <v>501</v>
      </c>
      <c r="AC11" s="99">
        <v>392</v>
      </c>
      <c r="AD11" s="99">
        <v>300</v>
      </c>
      <c r="AE11" s="99">
        <v>178</v>
      </c>
      <c r="AF11" s="99">
        <v>88</v>
      </c>
      <c r="AG11" s="100">
        <v>1459</v>
      </c>
      <c r="AH11" s="102">
        <v>1474</v>
      </c>
    </row>
    <row r="12" spans="1:34" ht="21" customHeight="1" x14ac:dyDescent="0.2">
      <c r="A12" s="18" t="s">
        <v>10</v>
      </c>
      <c r="B12" s="98">
        <v>10</v>
      </c>
      <c r="C12" s="99">
        <v>23</v>
      </c>
      <c r="D12" s="100">
        <v>33</v>
      </c>
      <c r="E12" s="101">
        <v>0</v>
      </c>
      <c r="F12" s="99">
        <v>891</v>
      </c>
      <c r="G12" s="99">
        <v>539</v>
      </c>
      <c r="H12" s="99">
        <v>363</v>
      </c>
      <c r="I12" s="99">
        <v>280</v>
      </c>
      <c r="J12" s="99">
        <v>228</v>
      </c>
      <c r="K12" s="100">
        <v>2301</v>
      </c>
      <c r="L12" s="102">
        <v>2334</v>
      </c>
      <c r="M12" s="103">
        <v>0</v>
      </c>
      <c r="N12" s="99">
        <v>1</v>
      </c>
      <c r="O12" s="100">
        <v>1</v>
      </c>
      <c r="P12" s="101">
        <v>0</v>
      </c>
      <c r="Q12" s="99">
        <v>10</v>
      </c>
      <c r="R12" s="99">
        <v>6</v>
      </c>
      <c r="S12" s="99">
        <v>16</v>
      </c>
      <c r="T12" s="99">
        <v>7</v>
      </c>
      <c r="U12" s="99">
        <v>4</v>
      </c>
      <c r="V12" s="100">
        <v>43</v>
      </c>
      <c r="W12" s="102">
        <v>44</v>
      </c>
      <c r="X12" s="103">
        <v>10</v>
      </c>
      <c r="Y12" s="99">
        <v>24</v>
      </c>
      <c r="Z12" s="100">
        <v>34</v>
      </c>
      <c r="AA12" s="101">
        <v>0</v>
      </c>
      <c r="AB12" s="99">
        <v>901</v>
      </c>
      <c r="AC12" s="99">
        <v>545</v>
      </c>
      <c r="AD12" s="99">
        <v>379</v>
      </c>
      <c r="AE12" s="99">
        <v>287</v>
      </c>
      <c r="AF12" s="99">
        <v>232</v>
      </c>
      <c r="AG12" s="100">
        <v>2344</v>
      </c>
      <c r="AH12" s="102">
        <v>2378</v>
      </c>
    </row>
    <row r="13" spans="1:34" ht="21" customHeight="1" x14ac:dyDescent="0.2">
      <c r="A13" s="18" t="s">
        <v>11</v>
      </c>
      <c r="B13" s="98">
        <v>6</v>
      </c>
      <c r="C13" s="99">
        <v>11</v>
      </c>
      <c r="D13" s="100">
        <v>17</v>
      </c>
      <c r="E13" s="101">
        <v>0</v>
      </c>
      <c r="F13" s="99">
        <v>697</v>
      </c>
      <c r="G13" s="99">
        <v>418</v>
      </c>
      <c r="H13" s="99">
        <v>263</v>
      </c>
      <c r="I13" s="99">
        <v>166</v>
      </c>
      <c r="J13" s="99">
        <v>77</v>
      </c>
      <c r="K13" s="100">
        <v>1621</v>
      </c>
      <c r="L13" s="102">
        <v>1638</v>
      </c>
      <c r="M13" s="103">
        <v>0</v>
      </c>
      <c r="N13" s="99">
        <v>0</v>
      </c>
      <c r="O13" s="100">
        <v>0</v>
      </c>
      <c r="P13" s="101">
        <v>0</v>
      </c>
      <c r="Q13" s="99">
        <v>9</v>
      </c>
      <c r="R13" s="99">
        <v>8</v>
      </c>
      <c r="S13" s="99">
        <v>3</v>
      </c>
      <c r="T13" s="99">
        <v>3</v>
      </c>
      <c r="U13" s="99">
        <v>3</v>
      </c>
      <c r="V13" s="100">
        <v>26</v>
      </c>
      <c r="W13" s="102">
        <v>26</v>
      </c>
      <c r="X13" s="103">
        <v>6</v>
      </c>
      <c r="Y13" s="99">
        <v>11</v>
      </c>
      <c r="Z13" s="100">
        <v>17</v>
      </c>
      <c r="AA13" s="101">
        <v>0</v>
      </c>
      <c r="AB13" s="99">
        <v>706</v>
      </c>
      <c r="AC13" s="99">
        <v>426</v>
      </c>
      <c r="AD13" s="99">
        <v>266</v>
      </c>
      <c r="AE13" s="99">
        <v>169</v>
      </c>
      <c r="AF13" s="99">
        <v>80</v>
      </c>
      <c r="AG13" s="100">
        <v>1647</v>
      </c>
      <c r="AH13" s="102">
        <v>1664</v>
      </c>
    </row>
    <row r="14" spans="1:34" ht="21" customHeight="1" x14ac:dyDescent="0.2">
      <c r="A14" s="18" t="s">
        <v>12</v>
      </c>
      <c r="B14" s="98">
        <v>0</v>
      </c>
      <c r="C14" s="99">
        <v>0</v>
      </c>
      <c r="D14" s="100">
        <v>0</v>
      </c>
      <c r="E14" s="101">
        <v>0</v>
      </c>
      <c r="F14" s="99">
        <v>499</v>
      </c>
      <c r="G14" s="99">
        <v>344</v>
      </c>
      <c r="H14" s="99">
        <v>263</v>
      </c>
      <c r="I14" s="99">
        <v>178</v>
      </c>
      <c r="J14" s="99">
        <v>121</v>
      </c>
      <c r="K14" s="100">
        <v>1405</v>
      </c>
      <c r="L14" s="102">
        <v>1405</v>
      </c>
      <c r="M14" s="103">
        <v>0</v>
      </c>
      <c r="N14" s="99">
        <v>0</v>
      </c>
      <c r="O14" s="100">
        <v>0</v>
      </c>
      <c r="P14" s="101">
        <v>0</v>
      </c>
      <c r="Q14" s="99">
        <v>6</v>
      </c>
      <c r="R14" s="99">
        <v>7</v>
      </c>
      <c r="S14" s="99">
        <v>3</v>
      </c>
      <c r="T14" s="99">
        <v>1</v>
      </c>
      <c r="U14" s="99">
        <v>4</v>
      </c>
      <c r="V14" s="100">
        <v>21</v>
      </c>
      <c r="W14" s="102">
        <v>21</v>
      </c>
      <c r="X14" s="103">
        <v>0</v>
      </c>
      <c r="Y14" s="99">
        <v>0</v>
      </c>
      <c r="Z14" s="100">
        <v>0</v>
      </c>
      <c r="AA14" s="101">
        <v>0</v>
      </c>
      <c r="AB14" s="99">
        <v>505</v>
      </c>
      <c r="AC14" s="99">
        <v>351</v>
      </c>
      <c r="AD14" s="99">
        <v>266</v>
      </c>
      <c r="AE14" s="99">
        <v>179</v>
      </c>
      <c r="AF14" s="99">
        <v>125</v>
      </c>
      <c r="AG14" s="100">
        <v>1426</v>
      </c>
      <c r="AH14" s="102">
        <v>1426</v>
      </c>
    </row>
    <row r="15" spans="1:34" ht="21" customHeight="1" x14ac:dyDescent="0.2">
      <c r="A15" s="18" t="s">
        <v>13</v>
      </c>
      <c r="B15" s="98">
        <v>1</v>
      </c>
      <c r="C15" s="99">
        <v>3</v>
      </c>
      <c r="D15" s="100">
        <v>4</v>
      </c>
      <c r="E15" s="101">
        <v>0</v>
      </c>
      <c r="F15" s="99">
        <v>155</v>
      </c>
      <c r="G15" s="99">
        <v>152</v>
      </c>
      <c r="H15" s="99">
        <v>91</v>
      </c>
      <c r="I15" s="99">
        <v>54</v>
      </c>
      <c r="J15" s="99">
        <v>29</v>
      </c>
      <c r="K15" s="100">
        <v>481</v>
      </c>
      <c r="L15" s="102">
        <v>485</v>
      </c>
      <c r="M15" s="103">
        <v>0</v>
      </c>
      <c r="N15" s="99">
        <v>0</v>
      </c>
      <c r="O15" s="100">
        <v>0</v>
      </c>
      <c r="P15" s="101">
        <v>0</v>
      </c>
      <c r="Q15" s="99">
        <v>3</v>
      </c>
      <c r="R15" s="99">
        <v>3</v>
      </c>
      <c r="S15" s="99">
        <v>2</v>
      </c>
      <c r="T15" s="99">
        <v>2</v>
      </c>
      <c r="U15" s="99">
        <v>0</v>
      </c>
      <c r="V15" s="100">
        <v>10</v>
      </c>
      <c r="W15" s="102">
        <v>10</v>
      </c>
      <c r="X15" s="103">
        <v>1</v>
      </c>
      <c r="Y15" s="99">
        <v>3</v>
      </c>
      <c r="Z15" s="100">
        <v>4</v>
      </c>
      <c r="AA15" s="101">
        <v>0</v>
      </c>
      <c r="AB15" s="99">
        <v>158</v>
      </c>
      <c r="AC15" s="99">
        <v>155</v>
      </c>
      <c r="AD15" s="99">
        <v>93</v>
      </c>
      <c r="AE15" s="99">
        <v>56</v>
      </c>
      <c r="AF15" s="99">
        <v>29</v>
      </c>
      <c r="AG15" s="100">
        <v>491</v>
      </c>
      <c r="AH15" s="102">
        <v>495</v>
      </c>
    </row>
    <row r="16" spans="1:34" ht="21" customHeight="1" x14ac:dyDescent="0.2">
      <c r="A16" s="18" t="s">
        <v>15</v>
      </c>
      <c r="B16" s="98">
        <v>5</v>
      </c>
      <c r="C16" s="99">
        <v>14</v>
      </c>
      <c r="D16" s="100">
        <v>19</v>
      </c>
      <c r="E16" s="101">
        <v>0</v>
      </c>
      <c r="F16" s="99">
        <v>216</v>
      </c>
      <c r="G16" s="99">
        <v>229</v>
      </c>
      <c r="H16" s="99">
        <v>136</v>
      </c>
      <c r="I16" s="99">
        <v>96</v>
      </c>
      <c r="J16" s="99">
        <v>38</v>
      </c>
      <c r="K16" s="100">
        <v>715</v>
      </c>
      <c r="L16" s="102">
        <v>734</v>
      </c>
      <c r="M16" s="103">
        <v>0</v>
      </c>
      <c r="N16" s="99">
        <v>1</v>
      </c>
      <c r="O16" s="100">
        <v>1</v>
      </c>
      <c r="P16" s="101">
        <v>0</v>
      </c>
      <c r="Q16" s="99">
        <v>3</v>
      </c>
      <c r="R16" s="99">
        <v>4</v>
      </c>
      <c r="S16" s="99">
        <v>1</v>
      </c>
      <c r="T16" s="99">
        <v>1</v>
      </c>
      <c r="U16" s="99">
        <v>1</v>
      </c>
      <c r="V16" s="100">
        <v>10</v>
      </c>
      <c r="W16" s="102">
        <v>11</v>
      </c>
      <c r="X16" s="103">
        <v>5</v>
      </c>
      <c r="Y16" s="99">
        <v>15</v>
      </c>
      <c r="Z16" s="100">
        <v>20</v>
      </c>
      <c r="AA16" s="101">
        <v>0</v>
      </c>
      <c r="AB16" s="99">
        <v>219</v>
      </c>
      <c r="AC16" s="99">
        <v>233</v>
      </c>
      <c r="AD16" s="99">
        <v>137</v>
      </c>
      <c r="AE16" s="99">
        <v>97</v>
      </c>
      <c r="AF16" s="99">
        <v>39</v>
      </c>
      <c r="AG16" s="100">
        <v>725</v>
      </c>
      <c r="AH16" s="102">
        <v>745</v>
      </c>
    </row>
    <row r="17" spans="1:34" ht="21" customHeight="1" x14ac:dyDescent="0.2">
      <c r="A17" s="18" t="s">
        <v>16</v>
      </c>
      <c r="B17" s="98">
        <v>1</v>
      </c>
      <c r="C17" s="99">
        <v>1</v>
      </c>
      <c r="D17" s="100">
        <v>2</v>
      </c>
      <c r="E17" s="101">
        <v>0</v>
      </c>
      <c r="F17" s="99">
        <v>213</v>
      </c>
      <c r="G17" s="99">
        <v>299</v>
      </c>
      <c r="H17" s="99">
        <v>196</v>
      </c>
      <c r="I17" s="99">
        <v>112</v>
      </c>
      <c r="J17" s="99">
        <v>82</v>
      </c>
      <c r="K17" s="100">
        <v>902</v>
      </c>
      <c r="L17" s="102">
        <v>904</v>
      </c>
      <c r="M17" s="103">
        <v>0</v>
      </c>
      <c r="N17" s="99">
        <v>0</v>
      </c>
      <c r="O17" s="100">
        <v>0</v>
      </c>
      <c r="P17" s="101">
        <v>0</v>
      </c>
      <c r="Q17" s="99">
        <v>2</v>
      </c>
      <c r="R17" s="99">
        <v>2</v>
      </c>
      <c r="S17" s="99">
        <v>5</v>
      </c>
      <c r="T17" s="99">
        <v>1</v>
      </c>
      <c r="U17" s="99">
        <v>4</v>
      </c>
      <c r="V17" s="100">
        <v>14</v>
      </c>
      <c r="W17" s="102">
        <v>14</v>
      </c>
      <c r="X17" s="103">
        <v>1</v>
      </c>
      <c r="Y17" s="99">
        <v>1</v>
      </c>
      <c r="Z17" s="100">
        <v>2</v>
      </c>
      <c r="AA17" s="101">
        <v>0</v>
      </c>
      <c r="AB17" s="99">
        <v>215</v>
      </c>
      <c r="AC17" s="99">
        <v>301</v>
      </c>
      <c r="AD17" s="99">
        <v>201</v>
      </c>
      <c r="AE17" s="99">
        <v>113</v>
      </c>
      <c r="AF17" s="99">
        <v>86</v>
      </c>
      <c r="AG17" s="100">
        <v>916</v>
      </c>
      <c r="AH17" s="102">
        <v>918</v>
      </c>
    </row>
    <row r="18" spans="1:34" ht="21" customHeight="1" x14ac:dyDescent="0.2">
      <c r="A18" s="18" t="s">
        <v>17</v>
      </c>
      <c r="B18" s="98">
        <v>1</v>
      </c>
      <c r="C18" s="99">
        <v>3</v>
      </c>
      <c r="D18" s="100">
        <v>4</v>
      </c>
      <c r="E18" s="101">
        <v>0</v>
      </c>
      <c r="F18" s="99">
        <v>331</v>
      </c>
      <c r="G18" s="99">
        <v>382</v>
      </c>
      <c r="H18" s="99">
        <v>263</v>
      </c>
      <c r="I18" s="99">
        <v>181</v>
      </c>
      <c r="J18" s="99">
        <v>126</v>
      </c>
      <c r="K18" s="100">
        <v>1283</v>
      </c>
      <c r="L18" s="102">
        <v>1287</v>
      </c>
      <c r="M18" s="103">
        <v>0</v>
      </c>
      <c r="N18" s="99">
        <v>0</v>
      </c>
      <c r="O18" s="100">
        <v>0</v>
      </c>
      <c r="P18" s="101">
        <v>0</v>
      </c>
      <c r="Q18" s="99">
        <v>2</v>
      </c>
      <c r="R18" s="99">
        <v>14</v>
      </c>
      <c r="S18" s="99">
        <v>12</v>
      </c>
      <c r="T18" s="99">
        <v>11</v>
      </c>
      <c r="U18" s="99">
        <v>5</v>
      </c>
      <c r="V18" s="100">
        <v>44</v>
      </c>
      <c r="W18" s="102">
        <v>44</v>
      </c>
      <c r="X18" s="103">
        <v>1</v>
      </c>
      <c r="Y18" s="99">
        <v>3</v>
      </c>
      <c r="Z18" s="100">
        <v>4</v>
      </c>
      <c r="AA18" s="101">
        <v>0</v>
      </c>
      <c r="AB18" s="99">
        <v>333</v>
      </c>
      <c r="AC18" s="99">
        <v>396</v>
      </c>
      <c r="AD18" s="99">
        <v>275</v>
      </c>
      <c r="AE18" s="99">
        <v>192</v>
      </c>
      <c r="AF18" s="99">
        <v>131</v>
      </c>
      <c r="AG18" s="100">
        <v>1327</v>
      </c>
      <c r="AH18" s="102">
        <v>1331</v>
      </c>
    </row>
    <row r="19" spans="1:34" ht="21" customHeight="1" x14ac:dyDescent="0.2">
      <c r="A19" s="18" t="s">
        <v>18</v>
      </c>
      <c r="B19" s="98">
        <v>9</v>
      </c>
      <c r="C19" s="99">
        <v>10</v>
      </c>
      <c r="D19" s="100">
        <v>19</v>
      </c>
      <c r="E19" s="101">
        <v>0</v>
      </c>
      <c r="F19" s="99">
        <v>418</v>
      </c>
      <c r="G19" s="99">
        <v>413</v>
      </c>
      <c r="H19" s="99">
        <v>245</v>
      </c>
      <c r="I19" s="99">
        <v>138</v>
      </c>
      <c r="J19" s="99">
        <v>78</v>
      </c>
      <c r="K19" s="100">
        <v>1292</v>
      </c>
      <c r="L19" s="102">
        <v>1311</v>
      </c>
      <c r="M19" s="103">
        <v>0</v>
      </c>
      <c r="N19" s="99">
        <v>0</v>
      </c>
      <c r="O19" s="100">
        <v>0</v>
      </c>
      <c r="P19" s="101">
        <v>0</v>
      </c>
      <c r="Q19" s="99">
        <v>9</v>
      </c>
      <c r="R19" s="99">
        <v>10</v>
      </c>
      <c r="S19" s="99">
        <v>4</v>
      </c>
      <c r="T19" s="99">
        <v>4</v>
      </c>
      <c r="U19" s="99">
        <v>3</v>
      </c>
      <c r="V19" s="100">
        <v>30</v>
      </c>
      <c r="W19" s="102">
        <v>30</v>
      </c>
      <c r="X19" s="103">
        <v>9</v>
      </c>
      <c r="Y19" s="99">
        <v>10</v>
      </c>
      <c r="Z19" s="100">
        <v>19</v>
      </c>
      <c r="AA19" s="101">
        <v>0</v>
      </c>
      <c r="AB19" s="99">
        <v>427</v>
      </c>
      <c r="AC19" s="99">
        <v>423</v>
      </c>
      <c r="AD19" s="99">
        <v>249</v>
      </c>
      <c r="AE19" s="99">
        <v>142</v>
      </c>
      <c r="AF19" s="99">
        <v>81</v>
      </c>
      <c r="AG19" s="100">
        <v>1322</v>
      </c>
      <c r="AH19" s="102">
        <v>1341</v>
      </c>
    </row>
    <row r="20" spans="1:34" ht="21" customHeight="1" x14ac:dyDescent="0.2">
      <c r="A20" s="18" t="s">
        <v>19</v>
      </c>
      <c r="B20" s="98">
        <v>0</v>
      </c>
      <c r="C20" s="99">
        <v>6</v>
      </c>
      <c r="D20" s="100">
        <v>6</v>
      </c>
      <c r="E20" s="101">
        <v>0</v>
      </c>
      <c r="F20" s="99">
        <v>199</v>
      </c>
      <c r="G20" s="99">
        <v>212</v>
      </c>
      <c r="H20" s="99">
        <v>135</v>
      </c>
      <c r="I20" s="99">
        <v>63</v>
      </c>
      <c r="J20" s="99">
        <v>56</v>
      </c>
      <c r="K20" s="100">
        <v>665</v>
      </c>
      <c r="L20" s="102">
        <v>671</v>
      </c>
      <c r="M20" s="103">
        <v>0</v>
      </c>
      <c r="N20" s="99">
        <v>0</v>
      </c>
      <c r="O20" s="100">
        <v>0</v>
      </c>
      <c r="P20" s="101">
        <v>0</v>
      </c>
      <c r="Q20" s="99">
        <v>1</v>
      </c>
      <c r="R20" s="99">
        <v>2</v>
      </c>
      <c r="S20" s="99">
        <v>1</v>
      </c>
      <c r="T20" s="99">
        <v>2</v>
      </c>
      <c r="U20" s="99">
        <v>1</v>
      </c>
      <c r="V20" s="100">
        <v>7</v>
      </c>
      <c r="W20" s="102">
        <v>7</v>
      </c>
      <c r="X20" s="103">
        <v>0</v>
      </c>
      <c r="Y20" s="99">
        <v>6</v>
      </c>
      <c r="Z20" s="100">
        <v>6</v>
      </c>
      <c r="AA20" s="101">
        <v>0</v>
      </c>
      <c r="AB20" s="99">
        <v>200</v>
      </c>
      <c r="AC20" s="99">
        <v>214</v>
      </c>
      <c r="AD20" s="99">
        <v>136</v>
      </c>
      <c r="AE20" s="99">
        <v>65</v>
      </c>
      <c r="AF20" s="99">
        <v>57</v>
      </c>
      <c r="AG20" s="100">
        <v>672</v>
      </c>
      <c r="AH20" s="102">
        <v>678</v>
      </c>
    </row>
    <row r="21" spans="1:34" ht="21" customHeight="1" x14ac:dyDescent="0.2">
      <c r="A21" s="18" t="s">
        <v>20</v>
      </c>
      <c r="B21" s="98">
        <v>0</v>
      </c>
      <c r="C21" s="99">
        <v>1</v>
      </c>
      <c r="D21" s="100">
        <v>1</v>
      </c>
      <c r="E21" s="101">
        <v>0</v>
      </c>
      <c r="F21" s="99">
        <v>208</v>
      </c>
      <c r="G21" s="99">
        <v>109</v>
      </c>
      <c r="H21" s="99">
        <v>86</v>
      </c>
      <c r="I21" s="99">
        <v>60</v>
      </c>
      <c r="J21" s="99">
        <v>14</v>
      </c>
      <c r="K21" s="100">
        <v>477</v>
      </c>
      <c r="L21" s="102">
        <v>478</v>
      </c>
      <c r="M21" s="103">
        <v>0</v>
      </c>
      <c r="N21" s="99">
        <v>0</v>
      </c>
      <c r="O21" s="100">
        <v>0</v>
      </c>
      <c r="P21" s="101">
        <v>0</v>
      </c>
      <c r="Q21" s="99">
        <v>5</v>
      </c>
      <c r="R21" s="99">
        <v>3</v>
      </c>
      <c r="S21" s="99">
        <v>0</v>
      </c>
      <c r="T21" s="99">
        <v>0</v>
      </c>
      <c r="U21" s="99">
        <v>0</v>
      </c>
      <c r="V21" s="100">
        <v>8</v>
      </c>
      <c r="W21" s="102">
        <v>8</v>
      </c>
      <c r="X21" s="103">
        <v>0</v>
      </c>
      <c r="Y21" s="99">
        <v>1</v>
      </c>
      <c r="Z21" s="100">
        <v>1</v>
      </c>
      <c r="AA21" s="101">
        <v>0</v>
      </c>
      <c r="AB21" s="99">
        <v>213</v>
      </c>
      <c r="AC21" s="99">
        <v>112</v>
      </c>
      <c r="AD21" s="99">
        <v>86</v>
      </c>
      <c r="AE21" s="99">
        <v>60</v>
      </c>
      <c r="AF21" s="99">
        <v>14</v>
      </c>
      <c r="AG21" s="100">
        <v>485</v>
      </c>
      <c r="AH21" s="102">
        <v>486</v>
      </c>
    </row>
    <row r="22" spans="1:34" ht="21" customHeight="1" x14ac:dyDescent="0.2">
      <c r="A22" s="18" t="s">
        <v>21</v>
      </c>
      <c r="B22" s="98">
        <v>1</v>
      </c>
      <c r="C22" s="99">
        <v>1</v>
      </c>
      <c r="D22" s="100">
        <v>2</v>
      </c>
      <c r="E22" s="101">
        <v>0</v>
      </c>
      <c r="F22" s="99">
        <v>218</v>
      </c>
      <c r="G22" s="99">
        <v>236</v>
      </c>
      <c r="H22" s="99">
        <v>125</v>
      </c>
      <c r="I22" s="99">
        <v>55</v>
      </c>
      <c r="J22" s="99">
        <v>30</v>
      </c>
      <c r="K22" s="100">
        <v>664</v>
      </c>
      <c r="L22" s="102">
        <v>666</v>
      </c>
      <c r="M22" s="103">
        <v>0</v>
      </c>
      <c r="N22" s="99">
        <v>0</v>
      </c>
      <c r="O22" s="100">
        <v>0</v>
      </c>
      <c r="P22" s="101">
        <v>0</v>
      </c>
      <c r="Q22" s="99">
        <v>2</v>
      </c>
      <c r="R22" s="99">
        <v>7</v>
      </c>
      <c r="S22" s="99">
        <v>2</v>
      </c>
      <c r="T22" s="99">
        <v>2</v>
      </c>
      <c r="U22" s="99">
        <v>2</v>
      </c>
      <c r="V22" s="100">
        <v>15</v>
      </c>
      <c r="W22" s="102">
        <v>15</v>
      </c>
      <c r="X22" s="103">
        <v>1</v>
      </c>
      <c r="Y22" s="99">
        <v>1</v>
      </c>
      <c r="Z22" s="100">
        <v>2</v>
      </c>
      <c r="AA22" s="101">
        <v>0</v>
      </c>
      <c r="AB22" s="99">
        <v>220</v>
      </c>
      <c r="AC22" s="99">
        <v>243</v>
      </c>
      <c r="AD22" s="99">
        <v>127</v>
      </c>
      <c r="AE22" s="99">
        <v>57</v>
      </c>
      <c r="AF22" s="99">
        <v>32</v>
      </c>
      <c r="AG22" s="100">
        <v>679</v>
      </c>
      <c r="AH22" s="102">
        <v>681</v>
      </c>
    </row>
    <row r="23" spans="1:34" ht="21" customHeight="1" x14ac:dyDescent="0.2">
      <c r="A23" s="18" t="s">
        <v>22</v>
      </c>
      <c r="B23" s="98">
        <v>2</v>
      </c>
      <c r="C23" s="99">
        <v>5</v>
      </c>
      <c r="D23" s="100">
        <v>7</v>
      </c>
      <c r="E23" s="101">
        <v>0</v>
      </c>
      <c r="F23" s="99">
        <v>175</v>
      </c>
      <c r="G23" s="99">
        <v>133</v>
      </c>
      <c r="H23" s="99">
        <v>71</v>
      </c>
      <c r="I23" s="99">
        <v>58</v>
      </c>
      <c r="J23" s="99">
        <v>27</v>
      </c>
      <c r="K23" s="100">
        <v>464</v>
      </c>
      <c r="L23" s="102">
        <v>471</v>
      </c>
      <c r="M23" s="103">
        <v>0</v>
      </c>
      <c r="N23" s="99">
        <v>0</v>
      </c>
      <c r="O23" s="100">
        <v>0</v>
      </c>
      <c r="P23" s="101">
        <v>0</v>
      </c>
      <c r="Q23" s="99">
        <v>5</v>
      </c>
      <c r="R23" s="99">
        <v>0</v>
      </c>
      <c r="S23" s="99">
        <v>2</v>
      </c>
      <c r="T23" s="99">
        <v>1</v>
      </c>
      <c r="U23" s="99">
        <v>1</v>
      </c>
      <c r="V23" s="100">
        <v>9</v>
      </c>
      <c r="W23" s="102">
        <v>9</v>
      </c>
      <c r="X23" s="103">
        <v>2</v>
      </c>
      <c r="Y23" s="99">
        <v>5</v>
      </c>
      <c r="Z23" s="100">
        <v>7</v>
      </c>
      <c r="AA23" s="101">
        <v>0</v>
      </c>
      <c r="AB23" s="99">
        <v>180</v>
      </c>
      <c r="AC23" s="99">
        <v>133</v>
      </c>
      <c r="AD23" s="99">
        <v>73</v>
      </c>
      <c r="AE23" s="99">
        <v>59</v>
      </c>
      <c r="AF23" s="99">
        <v>28</v>
      </c>
      <c r="AG23" s="100">
        <v>473</v>
      </c>
      <c r="AH23" s="102">
        <v>480</v>
      </c>
    </row>
    <row r="24" spans="1:34" ht="21" customHeight="1" x14ac:dyDescent="0.2">
      <c r="A24" s="18" t="s">
        <v>23</v>
      </c>
      <c r="B24" s="98">
        <v>0</v>
      </c>
      <c r="C24" s="99">
        <v>1</v>
      </c>
      <c r="D24" s="100">
        <v>1</v>
      </c>
      <c r="E24" s="101">
        <v>0</v>
      </c>
      <c r="F24" s="99">
        <v>85</v>
      </c>
      <c r="G24" s="99">
        <v>59</v>
      </c>
      <c r="H24" s="99">
        <v>41</v>
      </c>
      <c r="I24" s="99">
        <v>28</v>
      </c>
      <c r="J24" s="99">
        <v>14</v>
      </c>
      <c r="K24" s="100">
        <v>227</v>
      </c>
      <c r="L24" s="102">
        <v>228</v>
      </c>
      <c r="M24" s="103">
        <v>0</v>
      </c>
      <c r="N24" s="99">
        <v>0</v>
      </c>
      <c r="O24" s="100">
        <v>0</v>
      </c>
      <c r="P24" s="101">
        <v>0</v>
      </c>
      <c r="Q24" s="99">
        <v>0</v>
      </c>
      <c r="R24" s="99">
        <v>1</v>
      </c>
      <c r="S24" s="99">
        <v>0</v>
      </c>
      <c r="T24" s="99">
        <v>0</v>
      </c>
      <c r="U24" s="99">
        <v>0</v>
      </c>
      <c r="V24" s="100">
        <v>1</v>
      </c>
      <c r="W24" s="102">
        <v>1</v>
      </c>
      <c r="X24" s="103">
        <v>0</v>
      </c>
      <c r="Y24" s="99">
        <v>1</v>
      </c>
      <c r="Z24" s="100">
        <v>1</v>
      </c>
      <c r="AA24" s="101">
        <v>0</v>
      </c>
      <c r="AB24" s="99">
        <v>85</v>
      </c>
      <c r="AC24" s="99">
        <v>60</v>
      </c>
      <c r="AD24" s="99">
        <v>41</v>
      </c>
      <c r="AE24" s="99">
        <v>28</v>
      </c>
      <c r="AF24" s="99">
        <v>14</v>
      </c>
      <c r="AG24" s="100">
        <v>228</v>
      </c>
      <c r="AH24" s="102">
        <v>229</v>
      </c>
    </row>
    <row r="25" spans="1:34" ht="21" customHeight="1" x14ac:dyDescent="0.2">
      <c r="A25" s="18" t="s">
        <v>24</v>
      </c>
      <c r="B25" s="98">
        <v>7</v>
      </c>
      <c r="C25" s="99">
        <v>6</v>
      </c>
      <c r="D25" s="100">
        <v>13</v>
      </c>
      <c r="E25" s="101">
        <v>0</v>
      </c>
      <c r="F25" s="99">
        <v>78</v>
      </c>
      <c r="G25" s="99">
        <v>37</v>
      </c>
      <c r="H25" s="99">
        <v>43</v>
      </c>
      <c r="I25" s="99">
        <v>17</v>
      </c>
      <c r="J25" s="99">
        <v>11</v>
      </c>
      <c r="K25" s="100">
        <v>186</v>
      </c>
      <c r="L25" s="102">
        <v>199</v>
      </c>
      <c r="M25" s="103">
        <v>0</v>
      </c>
      <c r="N25" s="99">
        <v>0</v>
      </c>
      <c r="O25" s="100">
        <v>0</v>
      </c>
      <c r="P25" s="101">
        <v>0</v>
      </c>
      <c r="Q25" s="99">
        <v>1</v>
      </c>
      <c r="R25" s="99">
        <v>0</v>
      </c>
      <c r="S25" s="99">
        <v>0</v>
      </c>
      <c r="T25" s="99">
        <v>0</v>
      </c>
      <c r="U25" s="99">
        <v>0</v>
      </c>
      <c r="V25" s="100">
        <v>1</v>
      </c>
      <c r="W25" s="102">
        <v>1</v>
      </c>
      <c r="X25" s="103">
        <v>7</v>
      </c>
      <c r="Y25" s="99">
        <v>6</v>
      </c>
      <c r="Z25" s="100">
        <v>13</v>
      </c>
      <c r="AA25" s="101">
        <v>0</v>
      </c>
      <c r="AB25" s="99">
        <v>79</v>
      </c>
      <c r="AC25" s="99">
        <v>37</v>
      </c>
      <c r="AD25" s="99">
        <v>43</v>
      </c>
      <c r="AE25" s="99">
        <v>17</v>
      </c>
      <c r="AF25" s="99">
        <v>11</v>
      </c>
      <c r="AG25" s="100">
        <v>187</v>
      </c>
      <c r="AH25" s="102">
        <v>200</v>
      </c>
    </row>
    <row r="26" spans="1:34" ht="21" customHeight="1" x14ac:dyDescent="0.2">
      <c r="A26" s="18" t="s">
        <v>25</v>
      </c>
      <c r="B26" s="98">
        <v>0</v>
      </c>
      <c r="C26" s="99">
        <v>0</v>
      </c>
      <c r="D26" s="100">
        <v>0</v>
      </c>
      <c r="E26" s="101">
        <v>0</v>
      </c>
      <c r="F26" s="99">
        <v>89</v>
      </c>
      <c r="G26" s="99">
        <v>40</v>
      </c>
      <c r="H26" s="99">
        <v>22</v>
      </c>
      <c r="I26" s="99">
        <v>16</v>
      </c>
      <c r="J26" s="99">
        <v>4</v>
      </c>
      <c r="K26" s="100">
        <v>171</v>
      </c>
      <c r="L26" s="102">
        <v>171</v>
      </c>
      <c r="M26" s="103">
        <v>0</v>
      </c>
      <c r="N26" s="99">
        <v>0</v>
      </c>
      <c r="O26" s="100">
        <v>0</v>
      </c>
      <c r="P26" s="101">
        <v>0</v>
      </c>
      <c r="Q26" s="99">
        <v>1</v>
      </c>
      <c r="R26" s="99">
        <v>1</v>
      </c>
      <c r="S26" s="99">
        <v>1</v>
      </c>
      <c r="T26" s="99">
        <v>0</v>
      </c>
      <c r="U26" s="99">
        <v>0</v>
      </c>
      <c r="V26" s="100">
        <v>3</v>
      </c>
      <c r="W26" s="102">
        <v>3</v>
      </c>
      <c r="X26" s="103">
        <v>0</v>
      </c>
      <c r="Y26" s="99">
        <v>0</v>
      </c>
      <c r="Z26" s="100">
        <v>0</v>
      </c>
      <c r="AA26" s="101">
        <v>0</v>
      </c>
      <c r="AB26" s="99">
        <v>90</v>
      </c>
      <c r="AC26" s="99">
        <v>41</v>
      </c>
      <c r="AD26" s="99">
        <v>23</v>
      </c>
      <c r="AE26" s="99">
        <v>16</v>
      </c>
      <c r="AF26" s="99">
        <v>4</v>
      </c>
      <c r="AG26" s="100">
        <v>174</v>
      </c>
      <c r="AH26" s="102">
        <v>174</v>
      </c>
    </row>
    <row r="27" spans="1:34" ht="21" customHeight="1" x14ac:dyDescent="0.2">
      <c r="A27" s="18" t="s">
        <v>26</v>
      </c>
      <c r="B27" s="98">
        <v>2</v>
      </c>
      <c r="C27" s="99">
        <v>0</v>
      </c>
      <c r="D27" s="100">
        <v>2</v>
      </c>
      <c r="E27" s="101">
        <v>0</v>
      </c>
      <c r="F27" s="99">
        <v>48</v>
      </c>
      <c r="G27" s="99">
        <v>47</v>
      </c>
      <c r="H27" s="99">
        <v>36</v>
      </c>
      <c r="I27" s="99">
        <v>27</v>
      </c>
      <c r="J27" s="99">
        <v>20</v>
      </c>
      <c r="K27" s="100">
        <v>178</v>
      </c>
      <c r="L27" s="102">
        <v>180</v>
      </c>
      <c r="M27" s="103">
        <v>0</v>
      </c>
      <c r="N27" s="99">
        <v>0</v>
      </c>
      <c r="O27" s="100">
        <v>0</v>
      </c>
      <c r="P27" s="101">
        <v>0</v>
      </c>
      <c r="Q27" s="99">
        <v>0</v>
      </c>
      <c r="R27" s="99">
        <v>0</v>
      </c>
      <c r="S27" s="99">
        <v>0</v>
      </c>
      <c r="T27" s="99">
        <v>0</v>
      </c>
      <c r="U27" s="99">
        <v>0</v>
      </c>
      <c r="V27" s="100">
        <v>0</v>
      </c>
      <c r="W27" s="102">
        <v>0</v>
      </c>
      <c r="X27" s="103">
        <v>2</v>
      </c>
      <c r="Y27" s="99">
        <v>0</v>
      </c>
      <c r="Z27" s="100">
        <v>2</v>
      </c>
      <c r="AA27" s="101">
        <v>0</v>
      </c>
      <c r="AB27" s="99">
        <v>48</v>
      </c>
      <c r="AC27" s="99">
        <v>47</v>
      </c>
      <c r="AD27" s="99">
        <v>36</v>
      </c>
      <c r="AE27" s="99">
        <v>27</v>
      </c>
      <c r="AF27" s="99">
        <v>20</v>
      </c>
      <c r="AG27" s="100">
        <v>178</v>
      </c>
      <c r="AH27" s="102">
        <v>180</v>
      </c>
    </row>
    <row r="28" spans="1:34" ht="21" customHeight="1" x14ac:dyDescent="0.2">
      <c r="A28" s="18" t="s">
        <v>27</v>
      </c>
      <c r="B28" s="98">
        <v>0</v>
      </c>
      <c r="C28" s="99">
        <v>0</v>
      </c>
      <c r="D28" s="100">
        <v>0</v>
      </c>
      <c r="E28" s="101">
        <v>0</v>
      </c>
      <c r="F28" s="99">
        <v>52</v>
      </c>
      <c r="G28" s="99">
        <v>30</v>
      </c>
      <c r="H28" s="99">
        <v>37</v>
      </c>
      <c r="I28" s="99">
        <v>11</v>
      </c>
      <c r="J28" s="99">
        <v>10</v>
      </c>
      <c r="K28" s="100">
        <v>140</v>
      </c>
      <c r="L28" s="102">
        <v>140</v>
      </c>
      <c r="M28" s="103">
        <v>0</v>
      </c>
      <c r="N28" s="99">
        <v>0</v>
      </c>
      <c r="O28" s="100">
        <v>0</v>
      </c>
      <c r="P28" s="101">
        <v>0</v>
      </c>
      <c r="Q28" s="99">
        <v>1</v>
      </c>
      <c r="R28" s="99">
        <v>0</v>
      </c>
      <c r="S28" s="99">
        <v>1</v>
      </c>
      <c r="T28" s="99">
        <v>0</v>
      </c>
      <c r="U28" s="99">
        <v>0</v>
      </c>
      <c r="V28" s="100">
        <v>2</v>
      </c>
      <c r="W28" s="102">
        <v>2</v>
      </c>
      <c r="X28" s="103">
        <v>0</v>
      </c>
      <c r="Y28" s="99">
        <v>0</v>
      </c>
      <c r="Z28" s="100">
        <v>0</v>
      </c>
      <c r="AA28" s="101">
        <v>0</v>
      </c>
      <c r="AB28" s="99">
        <v>53</v>
      </c>
      <c r="AC28" s="99">
        <v>30</v>
      </c>
      <c r="AD28" s="99">
        <v>38</v>
      </c>
      <c r="AE28" s="99">
        <v>11</v>
      </c>
      <c r="AF28" s="99">
        <v>10</v>
      </c>
      <c r="AG28" s="100">
        <v>142</v>
      </c>
      <c r="AH28" s="102">
        <v>142</v>
      </c>
    </row>
    <row r="29" spans="1:34" ht="21" customHeight="1" x14ac:dyDescent="0.2">
      <c r="A29" s="18" t="s">
        <v>28</v>
      </c>
      <c r="B29" s="98">
        <v>0</v>
      </c>
      <c r="C29" s="99">
        <v>0</v>
      </c>
      <c r="D29" s="100">
        <v>0</v>
      </c>
      <c r="E29" s="101">
        <v>0</v>
      </c>
      <c r="F29" s="99">
        <v>18</v>
      </c>
      <c r="G29" s="99">
        <v>17</v>
      </c>
      <c r="H29" s="99">
        <v>13</v>
      </c>
      <c r="I29" s="99">
        <v>6</v>
      </c>
      <c r="J29" s="99">
        <v>4</v>
      </c>
      <c r="K29" s="100">
        <v>58</v>
      </c>
      <c r="L29" s="102">
        <v>58</v>
      </c>
      <c r="M29" s="103">
        <v>0</v>
      </c>
      <c r="N29" s="99">
        <v>0</v>
      </c>
      <c r="O29" s="100">
        <v>0</v>
      </c>
      <c r="P29" s="101">
        <v>0</v>
      </c>
      <c r="Q29" s="99">
        <v>0</v>
      </c>
      <c r="R29" s="99">
        <v>0</v>
      </c>
      <c r="S29" s="99">
        <v>0</v>
      </c>
      <c r="T29" s="99">
        <v>0</v>
      </c>
      <c r="U29" s="99">
        <v>0</v>
      </c>
      <c r="V29" s="100">
        <v>0</v>
      </c>
      <c r="W29" s="102">
        <v>0</v>
      </c>
      <c r="X29" s="103">
        <v>0</v>
      </c>
      <c r="Y29" s="99">
        <v>0</v>
      </c>
      <c r="Z29" s="100">
        <v>0</v>
      </c>
      <c r="AA29" s="101">
        <v>0</v>
      </c>
      <c r="AB29" s="99">
        <v>18</v>
      </c>
      <c r="AC29" s="99">
        <v>17</v>
      </c>
      <c r="AD29" s="99">
        <v>13</v>
      </c>
      <c r="AE29" s="99">
        <v>6</v>
      </c>
      <c r="AF29" s="99">
        <v>4</v>
      </c>
      <c r="AG29" s="100">
        <v>58</v>
      </c>
      <c r="AH29" s="102">
        <v>58</v>
      </c>
    </row>
    <row r="30" spans="1:34" ht="21" customHeight="1" x14ac:dyDescent="0.2">
      <c r="A30" s="18" t="s">
        <v>29</v>
      </c>
      <c r="B30" s="98">
        <v>1</v>
      </c>
      <c r="C30" s="99">
        <v>1</v>
      </c>
      <c r="D30" s="100">
        <v>2</v>
      </c>
      <c r="E30" s="101">
        <v>0</v>
      </c>
      <c r="F30" s="99">
        <v>20</v>
      </c>
      <c r="G30" s="99">
        <v>26</v>
      </c>
      <c r="H30" s="99">
        <v>13</v>
      </c>
      <c r="I30" s="99">
        <v>11</v>
      </c>
      <c r="J30" s="99">
        <v>8</v>
      </c>
      <c r="K30" s="100">
        <v>78</v>
      </c>
      <c r="L30" s="102">
        <v>80</v>
      </c>
      <c r="M30" s="103">
        <v>0</v>
      </c>
      <c r="N30" s="99">
        <v>0</v>
      </c>
      <c r="O30" s="100">
        <v>0</v>
      </c>
      <c r="P30" s="101">
        <v>0</v>
      </c>
      <c r="Q30" s="99">
        <v>0</v>
      </c>
      <c r="R30" s="99">
        <v>0</v>
      </c>
      <c r="S30" s="99">
        <v>1</v>
      </c>
      <c r="T30" s="99">
        <v>0</v>
      </c>
      <c r="U30" s="99">
        <v>0</v>
      </c>
      <c r="V30" s="100">
        <v>1</v>
      </c>
      <c r="W30" s="102">
        <v>1</v>
      </c>
      <c r="X30" s="103">
        <v>1</v>
      </c>
      <c r="Y30" s="99">
        <v>1</v>
      </c>
      <c r="Z30" s="100">
        <v>2</v>
      </c>
      <c r="AA30" s="101">
        <v>0</v>
      </c>
      <c r="AB30" s="99">
        <v>20</v>
      </c>
      <c r="AC30" s="99">
        <v>26</v>
      </c>
      <c r="AD30" s="99">
        <v>14</v>
      </c>
      <c r="AE30" s="99">
        <v>11</v>
      </c>
      <c r="AF30" s="99">
        <v>8</v>
      </c>
      <c r="AG30" s="100">
        <v>79</v>
      </c>
      <c r="AH30" s="102">
        <v>81</v>
      </c>
    </row>
    <row r="31" spans="1:34" ht="21" customHeight="1" x14ac:dyDescent="0.2">
      <c r="A31" s="18" t="s">
        <v>30</v>
      </c>
      <c r="B31" s="98">
        <v>1</v>
      </c>
      <c r="C31" s="99">
        <v>0</v>
      </c>
      <c r="D31" s="100">
        <v>1</v>
      </c>
      <c r="E31" s="101">
        <v>0</v>
      </c>
      <c r="F31" s="99">
        <v>33</v>
      </c>
      <c r="G31" s="99">
        <v>19</v>
      </c>
      <c r="H31" s="99">
        <v>22</v>
      </c>
      <c r="I31" s="99">
        <v>6</v>
      </c>
      <c r="J31" s="99">
        <v>2</v>
      </c>
      <c r="K31" s="100">
        <v>82</v>
      </c>
      <c r="L31" s="102">
        <v>83</v>
      </c>
      <c r="M31" s="103">
        <v>0</v>
      </c>
      <c r="N31" s="99">
        <v>0</v>
      </c>
      <c r="O31" s="100">
        <v>0</v>
      </c>
      <c r="P31" s="101">
        <v>0</v>
      </c>
      <c r="Q31" s="99">
        <v>1</v>
      </c>
      <c r="R31" s="99">
        <v>0</v>
      </c>
      <c r="S31" s="99">
        <v>0</v>
      </c>
      <c r="T31" s="99">
        <v>0</v>
      </c>
      <c r="U31" s="99">
        <v>0</v>
      </c>
      <c r="V31" s="100">
        <v>1</v>
      </c>
      <c r="W31" s="102">
        <v>1</v>
      </c>
      <c r="X31" s="103">
        <v>1</v>
      </c>
      <c r="Y31" s="99">
        <v>0</v>
      </c>
      <c r="Z31" s="100">
        <v>1</v>
      </c>
      <c r="AA31" s="101">
        <v>0</v>
      </c>
      <c r="AB31" s="99">
        <v>34</v>
      </c>
      <c r="AC31" s="99">
        <v>19</v>
      </c>
      <c r="AD31" s="99">
        <v>22</v>
      </c>
      <c r="AE31" s="99">
        <v>6</v>
      </c>
      <c r="AF31" s="99">
        <v>2</v>
      </c>
      <c r="AG31" s="100">
        <v>83</v>
      </c>
      <c r="AH31" s="102">
        <v>84</v>
      </c>
    </row>
    <row r="32" spans="1:34" ht="21" customHeight="1" x14ac:dyDescent="0.2">
      <c r="A32" s="18" t="s">
        <v>31</v>
      </c>
      <c r="B32" s="98">
        <v>0</v>
      </c>
      <c r="C32" s="99">
        <v>1</v>
      </c>
      <c r="D32" s="100">
        <v>1</v>
      </c>
      <c r="E32" s="101">
        <v>0</v>
      </c>
      <c r="F32" s="99">
        <v>41</v>
      </c>
      <c r="G32" s="99">
        <v>40</v>
      </c>
      <c r="H32" s="99">
        <v>26</v>
      </c>
      <c r="I32" s="99">
        <v>12</v>
      </c>
      <c r="J32" s="99">
        <v>8</v>
      </c>
      <c r="K32" s="100">
        <v>127</v>
      </c>
      <c r="L32" s="102">
        <v>128</v>
      </c>
      <c r="M32" s="103">
        <v>0</v>
      </c>
      <c r="N32" s="99">
        <v>0</v>
      </c>
      <c r="O32" s="100">
        <v>0</v>
      </c>
      <c r="P32" s="101">
        <v>0</v>
      </c>
      <c r="Q32" s="99">
        <v>0</v>
      </c>
      <c r="R32" s="99">
        <v>0</v>
      </c>
      <c r="S32" s="99">
        <v>0</v>
      </c>
      <c r="T32" s="99">
        <v>1</v>
      </c>
      <c r="U32" s="99">
        <v>0</v>
      </c>
      <c r="V32" s="100">
        <v>1</v>
      </c>
      <c r="W32" s="102">
        <v>1</v>
      </c>
      <c r="X32" s="103">
        <v>0</v>
      </c>
      <c r="Y32" s="99">
        <v>1</v>
      </c>
      <c r="Z32" s="100">
        <v>1</v>
      </c>
      <c r="AA32" s="101">
        <v>0</v>
      </c>
      <c r="AB32" s="99">
        <v>41</v>
      </c>
      <c r="AC32" s="99">
        <v>40</v>
      </c>
      <c r="AD32" s="99">
        <v>26</v>
      </c>
      <c r="AE32" s="99">
        <v>13</v>
      </c>
      <c r="AF32" s="99">
        <v>8</v>
      </c>
      <c r="AG32" s="100">
        <v>128</v>
      </c>
      <c r="AH32" s="102">
        <v>129</v>
      </c>
    </row>
    <row r="33" spans="1:34" ht="21" customHeight="1" x14ac:dyDescent="0.2">
      <c r="A33" s="18" t="s">
        <v>32</v>
      </c>
      <c r="B33" s="98">
        <v>0</v>
      </c>
      <c r="C33" s="99">
        <v>0</v>
      </c>
      <c r="D33" s="100">
        <v>0</v>
      </c>
      <c r="E33" s="101">
        <v>0</v>
      </c>
      <c r="F33" s="99">
        <v>53</v>
      </c>
      <c r="G33" s="99">
        <v>35</v>
      </c>
      <c r="H33" s="99">
        <v>35</v>
      </c>
      <c r="I33" s="99">
        <v>26</v>
      </c>
      <c r="J33" s="99">
        <v>11</v>
      </c>
      <c r="K33" s="100">
        <v>160</v>
      </c>
      <c r="L33" s="102">
        <v>160</v>
      </c>
      <c r="M33" s="103">
        <v>0</v>
      </c>
      <c r="N33" s="99">
        <v>0</v>
      </c>
      <c r="O33" s="100">
        <v>0</v>
      </c>
      <c r="P33" s="101">
        <v>0</v>
      </c>
      <c r="Q33" s="99">
        <v>2</v>
      </c>
      <c r="R33" s="99">
        <v>1</v>
      </c>
      <c r="S33" s="99">
        <v>0</v>
      </c>
      <c r="T33" s="99">
        <v>1</v>
      </c>
      <c r="U33" s="99">
        <v>0</v>
      </c>
      <c r="V33" s="100">
        <v>4</v>
      </c>
      <c r="W33" s="102">
        <v>4</v>
      </c>
      <c r="X33" s="103">
        <v>0</v>
      </c>
      <c r="Y33" s="99">
        <v>0</v>
      </c>
      <c r="Z33" s="100">
        <v>0</v>
      </c>
      <c r="AA33" s="101">
        <v>0</v>
      </c>
      <c r="AB33" s="99">
        <v>55</v>
      </c>
      <c r="AC33" s="99">
        <v>36</v>
      </c>
      <c r="AD33" s="99">
        <v>35</v>
      </c>
      <c r="AE33" s="99">
        <v>27</v>
      </c>
      <c r="AF33" s="99">
        <v>11</v>
      </c>
      <c r="AG33" s="100">
        <v>164</v>
      </c>
      <c r="AH33" s="102">
        <v>164</v>
      </c>
    </row>
    <row r="34" spans="1:34" ht="21" customHeight="1" x14ac:dyDescent="0.2">
      <c r="A34" s="18" t="s">
        <v>33</v>
      </c>
      <c r="B34" s="98">
        <v>0</v>
      </c>
      <c r="C34" s="99">
        <v>3</v>
      </c>
      <c r="D34" s="100">
        <v>3</v>
      </c>
      <c r="E34" s="101">
        <v>0</v>
      </c>
      <c r="F34" s="99">
        <v>43</v>
      </c>
      <c r="G34" s="99">
        <v>26</v>
      </c>
      <c r="H34" s="99">
        <v>23</v>
      </c>
      <c r="I34" s="99">
        <v>7</v>
      </c>
      <c r="J34" s="99">
        <v>3</v>
      </c>
      <c r="K34" s="100">
        <v>102</v>
      </c>
      <c r="L34" s="102">
        <v>105</v>
      </c>
      <c r="M34" s="103">
        <v>0</v>
      </c>
      <c r="N34" s="99">
        <v>0</v>
      </c>
      <c r="O34" s="100">
        <v>0</v>
      </c>
      <c r="P34" s="101">
        <v>0</v>
      </c>
      <c r="Q34" s="99">
        <v>0</v>
      </c>
      <c r="R34" s="99">
        <v>0</v>
      </c>
      <c r="S34" s="99">
        <v>0</v>
      </c>
      <c r="T34" s="99">
        <v>0</v>
      </c>
      <c r="U34" s="99">
        <v>0</v>
      </c>
      <c r="V34" s="100">
        <v>0</v>
      </c>
      <c r="W34" s="102">
        <v>0</v>
      </c>
      <c r="X34" s="103">
        <v>0</v>
      </c>
      <c r="Y34" s="99">
        <v>3</v>
      </c>
      <c r="Z34" s="100">
        <v>3</v>
      </c>
      <c r="AA34" s="101">
        <v>0</v>
      </c>
      <c r="AB34" s="99">
        <v>43</v>
      </c>
      <c r="AC34" s="99">
        <v>26</v>
      </c>
      <c r="AD34" s="99">
        <v>23</v>
      </c>
      <c r="AE34" s="99">
        <v>7</v>
      </c>
      <c r="AF34" s="99">
        <v>3</v>
      </c>
      <c r="AG34" s="100">
        <v>102</v>
      </c>
      <c r="AH34" s="102">
        <v>105</v>
      </c>
    </row>
    <row r="35" spans="1:34" ht="21" customHeight="1" x14ac:dyDescent="0.2">
      <c r="A35" s="18" t="s">
        <v>34</v>
      </c>
      <c r="B35" s="98">
        <v>3</v>
      </c>
      <c r="C35" s="99">
        <v>1</v>
      </c>
      <c r="D35" s="100">
        <v>4</v>
      </c>
      <c r="E35" s="101">
        <v>0</v>
      </c>
      <c r="F35" s="99">
        <v>33</v>
      </c>
      <c r="G35" s="99">
        <v>22</v>
      </c>
      <c r="H35" s="99">
        <v>14</v>
      </c>
      <c r="I35" s="99">
        <v>8</v>
      </c>
      <c r="J35" s="99">
        <v>5</v>
      </c>
      <c r="K35" s="100">
        <v>82</v>
      </c>
      <c r="L35" s="102">
        <v>86</v>
      </c>
      <c r="M35" s="103">
        <v>0</v>
      </c>
      <c r="N35" s="99">
        <v>0</v>
      </c>
      <c r="O35" s="100">
        <v>0</v>
      </c>
      <c r="P35" s="101">
        <v>0</v>
      </c>
      <c r="Q35" s="99">
        <v>0</v>
      </c>
      <c r="R35" s="99">
        <v>1</v>
      </c>
      <c r="S35" s="99">
        <v>1</v>
      </c>
      <c r="T35" s="99">
        <v>1</v>
      </c>
      <c r="U35" s="99">
        <v>0</v>
      </c>
      <c r="V35" s="100">
        <v>3</v>
      </c>
      <c r="W35" s="102">
        <v>3</v>
      </c>
      <c r="X35" s="103">
        <v>3</v>
      </c>
      <c r="Y35" s="99">
        <v>1</v>
      </c>
      <c r="Z35" s="100">
        <v>4</v>
      </c>
      <c r="AA35" s="101">
        <v>0</v>
      </c>
      <c r="AB35" s="99">
        <v>33</v>
      </c>
      <c r="AC35" s="99">
        <v>23</v>
      </c>
      <c r="AD35" s="99">
        <v>15</v>
      </c>
      <c r="AE35" s="99">
        <v>9</v>
      </c>
      <c r="AF35" s="99">
        <v>5</v>
      </c>
      <c r="AG35" s="100">
        <v>85</v>
      </c>
      <c r="AH35" s="102">
        <v>89</v>
      </c>
    </row>
    <row r="36" spans="1:34" ht="21" customHeight="1" x14ac:dyDescent="0.2">
      <c r="A36" s="18" t="s">
        <v>35</v>
      </c>
      <c r="B36" s="98">
        <v>0</v>
      </c>
      <c r="C36" s="99">
        <v>4</v>
      </c>
      <c r="D36" s="100">
        <v>4</v>
      </c>
      <c r="E36" s="101">
        <v>0</v>
      </c>
      <c r="F36" s="99">
        <v>42</v>
      </c>
      <c r="G36" s="99">
        <v>40</v>
      </c>
      <c r="H36" s="99">
        <v>37</v>
      </c>
      <c r="I36" s="99">
        <v>24</v>
      </c>
      <c r="J36" s="99">
        <v>9</v>
      </c>
      <c r="K36" s="100">
        <v>152</v>
      </c>
      <c r="L36" s="102">
        <v>156</v>
      </c>
      <c r="M36" s="103">
        <v>0</v>
      </c>
      <c r="N36" s="99">
        <v>0</v>
      </c>
      <c r="O36" s="100">
        <v>0</v>
      </c>
      <c r="P36" s="101">
        <v>0</v>
      </c>
      <c r="Q36" s="99">
        <v>0</v>
      </c>
      <c r="R36" s="99">
        <v>1</v>
      </c>
      <c r="S36" s="99">
        <v>0</v>
      </c>
      <c r="T36" s="99">
        <v>0</v>
      </c>
      <c r="U36" s="99">
        <v>0</v>
      </c>
      <c r="V36" s="100">
        <v>1</v>
      </c>
      <c r="W36" s="102">
        <v>1</v>
      </c>
      <c r="X36" s="103">
        <v>0</v>
      </c>
      <c r="Y36" s="99">
        <v>4</v>
      </c>
      <c r="Z36" s="100">
        <v>4</v>
      </c>
      <c r="AA36" s="101">
        <v>0</v>
      </c>
      <c r="AB36" s="99">
        <v>42</v>
      </c>
      <c r="AC36" s="99">
        <v>41</v>
      </c>
      <c r="AD36" s="99">
        <v>37</v>
      </c>
      <c r="AE36" s="99">
        <v>24</v>
      </c>
      <c r="AF36" s="99">
        <v>9</v>
      </c>
      <c r="AG36" s="100">
        <v>153</v>
      </c>
      <c r="AH36" s="102">
        <v>157</v>
      </c>
    </row>
    <row r="37" spans="1:34" ht="21" customHeight="1" x14ac:dyDescent="0.2">
      <c r="A37" s="18" t="s">
        <v>36</v>
      </c>
      <c r="B37" s="98">
        <v>1</v>
      </c>
      <c r="C37" s="99">
        <v>1</v>
      </c>
      <c r="D37" s="100">
        <v>2</v>
      </c>
      <c r="E37" s="101">
        <v>0</v>
      </c>
      <c r="F37" s="99">
        <v>78</v>
      </c>
      <c r="G37" s="99">
        <v>64</v>
      </c>
      <c r="H37" s="99">
        <v>43</v>
      </c>
      <c r="I37" s="99">
        <v>25</v>
      </c>
      <c r="J37" s="99">
        <v>15</v>
      </c>
      <c r="K37" s="100">
        <v>225</v>
      </c>
      <c r="L37" s="102">
        <v>227</v>
      </c>
      <c r="M37" s="103">
        <v>0</v>
      </c>
      <c r="N37" s="99">
        <v>0</v>
      </c>
      <c r="O37" s="100">
        <v>0</v>
      </c>
      <c r="P37" s="101">
        <v>0</v>
      </c>
      <c r="Q37" s="99">
        <v>0</v>
      </c>
      <c r="R37" s="99">
        <v>1</v>
      </c>
      <c r="S37" s="99">
        <v>2</v>
      </c>
      <c r="T37" s="99">
        <v>1</v>
      </c>
      <c r="U37" s="99">
        <v>1</v>
      </c>
      <c r="V37" s="100">
        <v>5</v>
      </c>
      <c r="W37" s="102">
        <v>5</v>
      </c>
      <c r="X37" s="103">
        <v>1</v>
      </c>
      <c r="Y37" s="99">
        <v>1</v>
      </c>
      <c r="Z37" s="100">
        <v>2</v>
      </c>
      <c r="AA37" s="101">
        <v>0</v>
      </c>
      <c r="AB37" s="99">
        <v>78</v>
      </c>
      <c r="AC37" s="99">
        <v>65</v>
      </c>
      <c r="AD37" s="99">
        <v>45</v>
      </c>
      <c r="AE37" s="99">
        <v>26</v>
      </c>
      <c r="AF37" s="99">
        <v>16</v>
      </c>
      <c r="AG37" s="100">
        <v>230</v>
      </c>
      <c r="AH37" s="102">
        <v>232</v>
      </c>
    </row>
    <row r="38" spans="1:34" ht="21" customHeight="1" thickBot="1" x14ac:dyDescent="0.25">
      <c r="A38" s="19" t="s">
        <v>37</v>
      </c>
      <c r="B38" s="104">
        <v>0</v>
      </c>
      <c r="C38" s="105">
        <v>0</v>
      </c>
      <c r="D38" s="106">
        <v>0</v>
      </c>
      <c r="E38" s="107">
        <v>0</v>
      </c>
      <c r="F38" s="105">
        <v>15</v>
      </c>
      <c r="G38" s="105">
        <v>12</v>
      </c>
      <c r="H38" s="105">
        <v>9</v>
      </c>
      <c r="I38" s="105">
        <v>0</v>
      </c>
      <c r="J38" s="105">
        <v>4</v>
      </c>
      <c r="K38" s="106">
        <v>40</v>
      </c>
      <c r="L38" s="108">
        <v>40</v>
      </c>
      <c r="M38" s="109">
        <v>0</v>
      </c>
      <c r="N38" s="105">
        <v>0</v>
      </c>
      <c r="O38" s="106">
        <v>0</v>
      </c>
      <c r="P38" s="107">
        <v>0</v>
      </c>
      <c r="Q38" s="105">
        <v>0</v>
      </c>
      <c r="R38" s="105">
        <v>0</v>
      </c>
      <c r="S38" s="105">
        <v>0</v>
      </c>
      <c r="T38" s="105">
        <v>1</v>
      </c>
      <c r="U38" s="105">
        <v>0</v>
      </c>
      <c r="V38" s="106">
        <v>1</v>
      </c>
      <c r="W38" s="108">
        <v>1</v>
      </c>
      <c r="X38" s="109">
        <v>0</v>
      </c>
      <c r="Y38" s="105">
        <v>0</v>
      </c>
      <c r="Z38" s="106">
        <v>0</v>
      </c>
      <c r="AA38" s="107">
        <v>0</v>
      </c>
      <c r="AB38" s="105">
        <v>15</v>
      </c>
      <c r="AC38" s="105">
        <v>12</v>
      </c>
      <c r="AD38" s="105">
        <v>9</v>
      </c>
      <c r="AE38" s="105">
        <v>1</v>
      </c>
      <c r="AF38" s="105">
        <v>4</v>
      </c>
      <c r="AG38" s="106">
        <v>41</v>
      </c>
      <c r="AH38" s="108">
        <v>41</v>
      </c>
    </row>
    <row r="39" spans="1:34" x14ac:dyDescent="0.2">
      <c r="Z39" s="3"/>
      <c r="AA39" s="3"/>
      <c r="AB39" s="3"/>
      <c r="AC39" s="3"/>
      <c r="AD39" s="3"/>
      <c r="AE39" s="3"/>
      <c r="AF39" s="3"/>
      <c r="AG39" s="3"/>
      <c r="AH39" s="3"/>
    </row>
  </sheetData>
  <mergeCells count="5">
    <mergeCell ref="G1:H1"/>
    <mergeCell ref="J1:K1"/>
    <mergeCell ref="B3:L3"/>
    <mergeCell ref="M3:W3"/>
    <mergeCell ref="X3:AH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1"/>
    <col min="4" max="4" width="10.33203125" style="291" customWidth="1"/>
    <col min="5" max="5" width="7.6640625" style="291" customWidth="1"/>
    <col min="6" max="6" width="8.44140625" style="291" customWidth="1"/>
    <col min="7" max="7" width="8.77734375" style="291" customWidth="1"/>
    <col min="8" max="15" width="9" style="291"/>
    <col min="16" max="16" width="7.21875" style="291" customWidth="1"/>
    <col min="17" max="26" width="9" style="291"/>
    <col min="27" max="27" width="7.6640625" style="291" customWidth="1"/>
    <col min="28" max="37" width="9" style="291"/>
    <col min="38" max="38" width="7.6640625" style="291" customWidth="1"/>
    <col min="39" max="48" width="9" style="291"/>
    <col min="49" max="49" width="7.6640625" style="291" customWidth="1"/>
    <col min="50" max="59" width="9" style="291"/>
    <col min="60" max="60" width="7.21875" style="291" customWidth="1"/>
    <col min="61" max="70" width="9" style="291"/>
    <col min="71" max="71" width="7.21875" style="291" customWidth="1"/>
    <col min="72" max="81" width="9" style="291"/>
    <col min="82" max="82" width="7.33203125" style="291" customWidth="1"/>
    <col min="83" max="92" width="9" style="291"/>
    <col min="93" max="93" width="7.44140625" style="291" customWidth="1"/>
    <col min="94" max="16384" width="9" style="291"/>
  </cols>
  <sheetData>
    <row r="1" spans="1:100" ht="22.5" customHeight="1" x14ac:dyDescent="0.2">
      <c r="A1" s="322" t="s">
        <v>124</v>
      </c>
      <c r="H1" s="470">
        <f>第１表!F2</f>
        <v>4</v>
      </c>
      <c r="I1" s="470"/>
      <c r="J1" s="283">
        <f>第１表!G2</f>
        <v>2</v>
      </c>
      <c r="K1" s="471">
        <f>IF(J1&lt;3,J1+12-2,J1-2)</f>
        <v>12</v>
      </c>
      <c r="L1" s="471"/>
    </row>
    <row r="2" spans="1:100" s="323" customFormat="1" ht="21" customHeight="1" thickBot="1" x14ac:dyDescent="0.25">
      <c r="A2" s="322" t="s">
        <v>133</v>
      </c>
    </row>
    <row r="3" spans="1:100" ht="23.25" customHeight="1" thickBot="1" x14ac:dyDescent="0.25">
      <c r="A3" s="484"/>
      <c r="B3" s="475" t="s">
        <v>114</v>
      </c>
      <c r="C3" s="476"/>
      <c r="D3" s="476"/>
      <c r="E3" s="476"/>
      <c r="F3" s="476"/>
      <c r="G3" s="476"/>
      <c r="H3" s="476"/>
      <c r="I3" s="476"/>
      <c r="J3" s="476"/>
      <c r="K3" s="476"/>
      <c r="L3" s="477"/>
      <c r="M3" s="475" t="s">
        <v>115</v>
      </c>
      <c r="N3" s="476"/>
      <c r="O3" s="476"/>
      <c r="P3" s="476"/>
      <c r="Q3" s="476"/>
      <c r="R3" s="476"/>
      <c r="S3" s="476"/>
      <c r="T3" s="476"/>
      <c r="U3" s="476"/>
      <c r="V3" s="476"/>
      <c r="W3" s="477"/>
      <c r="X3" s="475" t="s">
        <v>142</v>
      </c>
      <c r="Y3" s="476"/>
      <c r="Z3" s="476"/>
      <c r="AA3" s="476"/>
      <c r="AB3" s="476"/>
      <c r="AC3" s="476"/>
      <c r="AD3" s="476"/>
      <c r="AE3" s="476"/>
      <c r="AF3" s="476"/>
      <c r="AG3" s="476"/>
      <c r="AH3" s="477"/>
      <c r="AI3" s="475" t="s">
        <v>90</v>
      </c>
      <c r="AJ3" s="476"/>
      <c r="AK3" s="476"/>
      <c r="AL3" s="476"/>
      <c r="AM3" s="476"/>
      <c r="AN3" s="476"/>
      <c r="AO3" s="476"/>
      <c r="AP3" s="476"/>
      <c r="AQ3" s="476"/>
      <c r="AR3" s="476"/>
      <c r="AS3" s="477"/>
      <c r="AT3" s="488" t="s">
        <v>89</v>
      </c>
      <c r="AU3" s="489"/>
      <c r="AV3" s="489"/>
      <c r="AW3" s="489"/>
      <c r="AX3" s="489"/>
      <c r="AY3" s="489"/>
      <c r="AZ3" s="489"/>
      <c r="BA3" s="489"/>
      <c r="BB3" s="489"/>
      <c r="BC3" s="489"/>
      <c r="BD3" s="490"/>
      <c r="BE3" s="488" t="s">
        <v>91</v>
      </c>
      <c r="BF3" s="489"/>
      <c r="BG3" s="489"/>
      <c r="BH3" s="489"/>
      <c r="BI3" s="489"/>
      <c r="BJ3" s="489"/>
      <c r="BK3" s="489"/>
      <c r="BL3" s="489"/>
      <c r="BM3" s="489"/>
      <c r="BN3" s="489"/>
      <c r="BO3" s="490"/>
      <c r="BP3" s="488" t="s">
        <v>92</v>
      </c>
      <c r="BQ3" s="489"/>
      <c r="BR3" s="489"/>
      <c r="BS3" s="489"/>
      <c r="BT3" s="489"/>
      <c r="BU3" s="489"/>
      <c r="BV3" s="489"/>
      <c r="BW3" s="489"/>
      <c r="BX3" s="489"/>
      <c r="BY3" s="489"/>
      <c r="BZ3" s="490"/>
      <c r="CA3" s="488" t="s">
        <v>93</v>
      </c>
      <c r="CB3" s="489"/>
      <c r="CC3" s="489"/>
      <c r="CD3" s="489"/>
      <c r="CE3" s="489"/>
      <c r="CF3" s="489"/>
      <c r="CG3" s="489"/>
      <c r="CH3" s="489"/>
      <c r="CI3" s="489"/>
      <c r="CJ3" s="489"/>
      <c r="CK3" s="490"/>
      <c r="CL3" s="489" t="s">
        <v>141</v>
      </c>
      <c r="CM3" s="489"/>
      <c r="CN3" s="489"/>
      <c r="CO3" s="489"/>
      <c r="CP3" s="489"/>
      <c r="CQ3" s="489"/>
      <c r="CR3" s="489"/>
      <c r="CS3" s="489"/>
      <c r="CT3" s="489"/>
      <c r="CU3" s="489"/>
      <c r="CV3" s="490"/>
    </row>
    <row r="4" spans="1:100" ht="22.5" customHeight="1" x14ac:dyDescent="0.2">
      <c r="A4" s="485"/>
      <c r="B4" s="483" t="s">
        <v>61</v>
      </c>
      <c r="C4" s="479"/>
      <c r="D4" s="480"/>
      <c r="E4" s="478" t="s">
        <v>62</v>
      </c>
      <c r="F4" s="479"/>
      <c r="G4" s="479"/>
      <c r="H4" s="479"/>
      <c r="I4" s="479"/>
      <c r="J4" s="479"/>
      <c r="K4" s="487"/>
      <c r="L4" s="481" t="s">
        <v>52</v>
      </c>
      <c r="M4" s="483" t="s">
        <v>61</v>
      </c>
      <c r="N4" s="479"/>
      <c r="O4" s="480"/>
      <c r="P4" s="478" t="s">
        <v>62</v>
      </c>
      <c r="Q4" s="479"/>
      <c r="R4" s="479"/>
      <c r="S4" s="479"/>
      <c r="T4" s="479"/>
      <c r="U4" s="479"/>
      <c r="V4" s="480"/>
      <c r="W4" s="481" t="s">
        <v>52</v>
      </c>
      <c r="X4" s="483" t="s">
        <v>61</v>
      </c>
      <c r="Y4" s="479"/>
      <c r="Z4" s="480"/>
      <c r="AA4" s="478" t="s">
        <v>62</v>
      </c>
      <c r="AB4" s="479"/>
      <c r="AC4" s="479"/>
      <c r="AD4" s="479"/>
      <c r="AE4" s="479"/>
      <c r="AF4" s="479"/>
      <c r="AG4" s="480"/>
      <c r="AH4" s="481" t="s">
        <v>52</v>
      </c>
      <c r="AI4" s="483" t="s">
        <v>61</v>
      </c>
      <c r="AJ4" s="479"/>
      <c r="AK4" s="480"/>
      <c r="AL4" s="478" t="s">
        <v>62</v>
      </c>
      <c r="AM4" s="479"/>
      <c r="AN4" s="479"/>
      <c r="AO4" s="479"/>
      <c r="AP4" s="479"/>
      <c r="AQ4" s="479"/>
      <c r="AR4" s="480"/>
      <c r="AS4" s="481" t="s">
        <v>52</v>
      </c>
      <c r="AT4" s="506" t="s">
        <v>61</v>
      </c>
      <c r="AU4" s="504"/>
      <c r="AV4" s="505"/>
      <c r="AW4" s="503" t="s">
        <v>62</v>
      </c>
      <c r="AX4" s="504"/>
      <c r="AY4" s="504"/>
      <c r="AZ4" s="504"/>
      <c r="BA4" s="504"/>
      <c r="BB4" s="504"/>
      <c r="BC4" s="505"/>
      <c r="BD4" s="501" t="s">
        <v>52</v>
      </c>
      <c r="BE4" s="506" t="s">
        <v>61</v>
      </c>
      <c r="BF4" s="504"/>
      <c r="BG4" s="505"/>
      <c r="BH4" s="503" t="s">
        <v>62</v>
      </c>
      <c r="BI4" s="504"/>
      <c r="BJ4" s="504"/>
      <c r="BK4" s="504"/>
      <c r="BL4" s="504"/>
      <c r="BM4" s="504"/>
      <c r="BN4" s="505"/>
      <c r="BO4" s="501" t="s">
        <v>52</v>
      </c>
      <c r="BP4" s="506" t="s">
        <v>61</v>
      </c>
      <c r="BQ4" s="504"/>
      <c r="BR4" s="505"/>
      <c r="BS4" s="503" t="s">
        <v>62</v>
      </c>
      <c r="BT4" s="504"/>
      <c r="BU4" s="504"/>
      <c r="BV4" s="504"/>
      <c r="BW4" s="504"/>
      <c r="BX4" s="504"/>
      <c r="BY4" s="505"/>
      <c r="BZ4" s="501" t="s">
        <v>52</v>
      </c>
      <c r="CA4" s="506" t="s">
        <v>61</v>
      </c>
      <c r="CB4" s="504"/>
      <c r="CC4" s="505"/>
      <c r="CD4" s="503" t="s">
        <v>62</v>
      </c>
      <c r="CE4" s="504"/>
      <c r="CF4" s="504"/>
      <c r="CG4" s="504"/>
      <c r="CH4" s="504"/>
      <c r="CI4" s="504"/>
      <c r="CJ4" s="505"/>
      <c r="CK4" s="501" t="s">
        <v>52</v>
      </c>
      <c r="CL4" s="506" t="s">
        <v>61</v>
      </c>
      <c r="CM4" s="504"/>
      <c r="CN4" s="505"/>
      <c r="CO4" s="503" t="s">
        <v>62</v>
      </c>
      <c r="CP4" s="504"/>
      <c r="CQ4" s="504"/>
      <c r="CR4" s="504"/>
      <c r="CS4" s="504"/>
      <c r="CT4" s="504"/>
      <c r="CU4" s="505"/>
      <c r="CV4" s="501" t="s">
        <v>52</v>
      </c>
    </row>
    <row r="5" spans="1:100" ht="34.5" customHeight="1" thickBot="1" x14ac:dyDescent="0.25">
      <c r="A5" s="486"/>
      <c r="B5" s="299" t="s">
        <v>43</v>
      </c>
      <c r="C5" s="295" t="s">
        <v>44</v>
      </c>
      <c r="D5" s="439" t="s">
        <v>45</v>
      </c>
      <c r="E5" s="302" t="s">
        <v>83</v>
      </c>
      <c r="F5" s="295" t="s">
        <v>47</v>
      </c>
      <c r="G5" s="295" t="s">
        <v>48</v>
      </c>
      <c r="H5" s="295" t="s">
        <v>49</v>
      </c>
      <c r="I5" s="295" t="s">
        <v>50</v>
      </c>
      <c r="J5" s="295" t="s">
        <v>51</v>
      </c>
      <c r="K5" s="303" t="s">
        <v>45</v>
      </c>
      <c r="L5" s="482"/>
      <c r="M5" s="299" t="s">
        <v>43</v>
      </c>
      <c r="N5" s="295" t="s">
        <v>44</v>
      </c>
      <c r="O5" s="301" t="s">
        <v>45</v>
      </c>
      <c r="P5" s="302" t="s">
        <v>83</v>
      </c>
      <c r="Q5" s="295" t="s">
        <v>47</v>
      </c>
      <c r="R5" s="295" t="s">
        <v>48</v>
      </c>
      <c r="S5" s="295" t="s">
        <v>49</v>
      </c>
      <c r="T5" s="295" t="s">
        <v>50</v>
      </c>
      <c r="U5" s="295" t="s">
        <v>51</v>
      </c>
      <c r="V5" s="301" t="s">
        <v>45</v>
      </c>
      <c r="W5" s="482"/>
      <c r="X5" s="299" t="s">
        <v>43</v>
      </c>
      <c r="Y5" s="295" t="s">
        <v>44</v>
      </c>
      <c r="Z5" s="301" t="s">
        <v>45</v>
      </c>
      <c r="AA5" s="302" t="s">
        <v>83</v>
      </c>
      <c r="AB5" s="295" t="s">
        <v>47</v>
      </c>
      <c r="AC5" s="295" t="s">
        <v>48</v>
      </c>
      <c r="AD5" s="295" t="s">
        <v>49</v>
      </c>
      <c r="AE5" s="295" t="s">
        <v>50</v>
      </c>
      <c r="AF5" s="295" t="s">
        <v>51</v>
      </c>
      <c r="AG5" s="301" t="s">
        <v>45</v>
      </c>
      <c r="AH5" s="482"/>
      <c r="AI5" s="379" t="s">
        <v>43</v>
      </c>
      <c r="AJ5" s="295" t="s">
        <v>44</v>
      </c>
      <c r="AK5" s="301" t="s">
        <v>45</v>
      </c>
      <c r="AL5" s="302" t="s">
        <v>83</v>
      </c>
      <c r="AM5" s="295" t="s">
        <v>47</v>
      </c>
      <c r="AN5" s="295" t="s">
        <v>48</v>
      </c>
      <c r="AO5" s="295" t="s">
        <v>49</v>
      </c>
      <c r="AP5" s="295" t="s">
        <v>50</v>
      </c>
      <c r="AQ5" s="295" t="s">
        <v>51</v>
      </c>
      <c r="AR5" s="301" t="s">
        <v>45</v>
      </c>
      <c r="AS5" s="482"/>
      <c r="AT5" s="379" t="s">
        <v>43</v>
      </c>
      <c r="AU5" s="295" t="s">
        <v>44</v>
      </c>
      <c r="AV5" s="301" t="s">
        <v>45</v>
      </c>
      <c r="AW5" s="302" t="s">
        <v>83</v>
      </c>
      <c r="AX5" s="295" t="s">
        <v>47</v>
      </c>
      <c r="AY5" s="295" t="s">
        <v>48</v>
      </c>
      <c r="AZ5" s="295" t="s">
        <v>49</v>
      </c>
      <c r="BA5" s="295" t="s">
        <v>50</v>
      </c>
      <c r="BB5" s="295" t="s">
        <v>51</v>
      </c>
      <c r="BC5" s="301" t="s">
        <v>45</v>
      </c>
      <c r="BD5" s="502"/>
      <c r="BE5" s="379" t="s">
        <v>43</v>
      </c>
      <c r="BF5" s="295" t="s">
        <v>44</v>
      </c>
      <c r="BG5" s="301" t="s">
        <v>45</v>
      </c>
      <c r="BH5" s="302" t="s">
        <v>83</v>
      </c>
      <c r="BI5" s="295" t="s">
        <v>47</v>
      </c>
      <c r="BJ5" s="295" t="s">
        <v>48</v>
      </c>
      <c r="BK5" s="295" t="s">
        <v>49</v>
      </c>
      <c r="BL5" s="295" t="s">
        <v>50</v>
      </c>
      <c r="BM5" s="295" t="s">
        <v>51</v>
      </c>
      <c r="BN5" s="301" t="s">
        <v>45</v>
      </c>
      <c r="BO5" s="502"/>
      <c r="BP5" s="379" t="s">
        <v>43</v>
      </c>
      <c r="BQ5" s="295" t="s">
        <v>44</v>
      </c>
      <c r="BR5" s="301" t="s">
        <v>45</v>
      </c>
      <c r="BS5" s="302" t="s">
        <v>83</v>
      </c>
      <c r="BT5" s="295" t="s">
        <v>47</v>
      </c>
      <c r="BU5" s="295" t="s">
        <v>48</v>
      </c>
      <c r="BV5" s="295" t="s">
        <v>49</v>
      </c>
      <c r="BW5" s="295" t="s">
        <v>50</v>
      </c>
      <c r="BX5" s="295" t="s">
        <v>51</v>
      </c>
      <c r="BY5" s="301" t="s">
        <v>45</v>
      </c>
      <c r="BZ5" s="502"/>
      <c r="CA5" s="379" t="s">
        <v>43</v>
      </c>
      <c r="CB5" s="295" t="s">
        <v>44</v>
      </c>
      <c r="CC5" s="301" t="s">
        <v>45</v>
      </c>
      <c r="CD5" s="302" t="s">
        <v>83</v>
      </c>
      <c r="CE5" s="295" t="s">
        <v>47</v>
      </c>
      <c r="CF5" s="295" t="s">
        <v>48</v>
      </c>
      <c r="CG5" s="295" t="s">
        <v>49</v>
      </c>
      <c r="CH5" s="295" t="s">
        <v>50</v>
      </c>
      <c r="CI5" s="295" t="s">
        <v>51</v>
      </c>
      <c r="CJ5" s="301" t="s">
        <v>45</v>
      </c>
      <c r="CK5" s="502"/>
      <c r="CL5" s="379" t="s">
        <v>43</v>
      </c>
      <c r="CM5" s="295" t="s">
        <v>44</v>
      </c>
      <c r="CN5" s="301" t="s">
        <v>45</v>
      </c>
      <c r="CO5" s="302" t="s">
        <v>83</v>
      </c>
      <c r="CP5" s="295" t="s">
        <v>47</v>
      </c>
      <c r="CQ5" s="295" t="s">
        <v>48</v>
      </c>
      <c r="CR5" s="295" t="s">
        <v>49</v>
      </c>
      <c r="CS5" s="295" t="s">
        <v>50</v>
      </c>
      <c r="CT5" s="295" t="s">
        <v>51</v>
      </c>
      <c r="CU5" s="301" t="s">
        <v>45</v>
      </c>
      <c r="CV5" s="502"/>
    </row>
    <row r="6" spans="1:100" ht="21" customHeight="1" x14ac:dyDescent="0.2">
      <c r="A6" s="296" t="s">
        <v>4</v>
      </c>
      <c r="B6" s="304">
        <v>0</v>
      </c>
      <c r="C6" s="307">
        <v>0</v>
      </c>
      <c r="D6" s="440">
        <v>0</v>
      </c>
      <c r="E6" s="306">
        <v>0</v>
      </c>
      <c r="F6" s="307">
        <v>342</v>
      </c>
      <c r="G6" s="307">
        <v>393</v>
      </c>
      <c r="H6" s="307">
        <v>312</v>
      </c>
      <c r="I6" s="307">
        <v>390</v>
      </c>
      <c r="J6" s="307">
        <v>321</v>
      </c>
      <c r="K6" s="308">
        <v>1758</v>
      </c>
      <c r="L6" s="309">
        <v>1758</v>
      </c>
      <c r="M6" s="304">
        <v>0</v>
      </c>
      <c r="N6" s="307">
        <v>0</v>
      </c>
      <c r="O6" s="305">
        <v>0</v>
      </c>
      <c r="P6" s="306">
        <v>0</v>
      </c>
      <c r="Q6" s="307">
        <v>220</v>
      </c>
      <c r="R6" s="307">
        <v>598</v>
      </c>
      <c r="S6" s="307">
        <v>489</v>
      </c>
      <c r="T6" s="307">
        <v>478</v>
      </c>
      <c r="U6" s="307">
        <v>414</v>
      </c>
      <c r="V6" s="305">
        <v>2199</v>
      </c>
      <c r="W6" s="309">
        <v>2199</v>
      </c>
      <c r="X6" s="304">
        <v>0</v>
      </c>
      <c r="Y6" s="307">
        <v>1</v>
      </c>
      <c r="Z6" s="305">
        <v>1</v>
      </c>
      <c r="AA6" s="306">
        <v>0</v>
      </c>
      <c r="AB6" s="307">
        <v>13126</v>
      </c>
      <c r="AC6" s="307">
        <v>11980</v>
      </c>
      <c r="AD6" s="307">
        <v>5750</v>
      </c>
      <c r="AE6" s="307">
        <v>2931</v>
      </c>
      <c r="AF6" s="307">
        <v>1347</v>
      </c>
      <c r="AG6" s="305">
        <v>35134</v>
      </c>
      <c r="AH6" s="309">
        <v>35135</v>
      </c>
      <c r="AI6" s="304">
        <v>5</v>
      </c>
      <c r="AJ6" s="307">
        <v>9</v>
      </c>
      <c r="AK6" s="305">
        <v>14</v>
      </c>
      <c r="AL6" s="306">
        <v>0</v>
      </c>
      <c r="AM6" s="307">
        <v>830</v>
      </c>
      <c r="AN6" s="307">
        <v>933</v>
      </c>
      <c r="AO6" s="307">
        <v>1071</v>
      </c>
      <c r="AP6" s="307">
        <v>573</v>
      </c>
      <c r="AQ6" s="307">
        <v>500</v>
      </c>
      <c r="AR6" s="305">
        <v>3907</v>
      </c>
      <c r="AS6" s="309">
        <v>3921</v>
      </c>
      <c r="AT6" s="304">
        <v>190</v>
      </c>
      <c r="AU6" s="307">
        <v>281</v>
      </c>
      <c r="AV6" s="305">
        <v>471</v>
      </c>
      <c r="AW6" s="306">
        <v>0</v>
      </c>
      <c r="AX6" s="307">
        <v>1510</v>
      </c>
      <c r="AY6" s="307">
        <v>1609</v>
      </c>
      <c r="AZ6" s="307">
        <v>1299</v>
      </c>
      <c r="BA6" s="307">
        <v>952</v>
      </c>
      <c r="BB6" s="307">
        <v>485</v>
      </c>
      <c r="BC6" s="305">
        <v>5855</v>
      </c>
      <c r="BD6" s="309">
        <v>6326</v>
      </c>
      <c r="BE6" s="304">
        <v>0</v>
      </c>
      <c r="BF6" s="307">
        <v>45</v>
      </c>
      <c r="BG6" s="305">
        <v>45</v>
      </c>
      <c r="BH6" s="306">
        <v>0</v>
      </c>
      <c r="BI6" s="307">
        <v>2714</v>
      </c>
      <c r="BJ6" s="307">
        <v>3323</v>
      </c>
      <c r="BK6" s="307">
        <v>3420</v>
      </c>
      <c r="BL6" s="307">
        <v>2226</v>
      </c>
      <c r="BM6" s="307">
        <v>1489</v>
      </c>
      <c r="BN6" s="308">
        <v>13172</v>
      </c>
      <c r="BO6" s="309">
        <v>13217</v>
      </c>
      <c r="BP6" s="304">
        <v>0</v>
      </c>
      <c r="BQ6" s="307">
        <v>0</v>
      </c>
      <c r="BR6" s="305">
        <v>0</v>
      </c>
      <c r="BS6" s="306">
        <v>0</v>
      </c>
      <c r="BT6" s="307">
        <v>35</v>
      </c>
      <c r="BU6" s="307">
        <v>57</v>
      </c>
      <c r="BV6" s="307">
        <v>57</v>
      </c>
      <c r="BW6" s="307">
        <v>67</v>
      </c>
      <c r="BX6" s="307">
        <v>47</v>
      </c>
      <c r="BY6" s="305">
        <v>263</v>
      </c>
      <c r="BZ6" s="309">
        <v>263</v>
      </c>
      <c r="CA6" s="304">
        <v>0</v>
      </c>
      <c r="CB6" s="307">
        <v>0</v>
      </c>
      <c r="CC6" s="305">
        <v>0</v>
      </c>
      <c r="CD6" s="306">
        <v>0</v>
      </c>
      <c r="CE6" s="307">
        <v>12</v>
      </c>
      <c r="CF6" s="307">
        <v>26</v>
      </c>
      <c r="CG6" s="307">
        <v>244</v>
      </c>
      <c r="CH6" s="307">
        <v>297</v>
      </c>
      <c r="CI6" s="307">
        <v>210</v>
      </c>
      <c r="CJ6" s="305">
        <v>789</v>
      </c>
      <c r="CK6" s="309">
        <v>789</v>
      </c>
      <c r="CL6" s="304">
        <v>0</v>
      </c>
      <c r="CM6" s="307">
        <v>0</v>
      </c>
      <c r="CN6" s="305">
        <v>0</v>
      </c>
      <c r="CO6" s="306">
        <v>0</v>
      </c>
      <c r="CP6" s="307">
        <v>179</v>
      </c>
      <c r="CQ6" s="307">
        <v>223</v>
      </c>
      <c r="CR6" s="307">
        <v>276</v>
      </c>
      <c r="CS6" s="307">
        <v>275</v>
      </c>
      <c r="CT6" s="307">
        <v>364</v>
      </c>
      <c r="CU6" s="305">
        <v>1317</v>
      </c>
      <c r="CV6" s="309">
        <v>1317</v>
      </c>
    </row>
    <row r="7" spans="1:100" ht="21" customHeight="1" x14ac:dyDescent="0.2">
      <c r="A7" s="297" t="s">
        <v>5</v>
      </c>
      <c r="B7" s="310">
        <v>0</v>
      </c>
      <c r="C7" s="313">
        <v>0</v>
      </c>
      <c r="D7" s="441">
        <v>0</v>
      </c>
      <c r="E7" s="312">
        <v>0</v>
      </c>
      <c r="F7" s="313">
        <v>146</v>
      </c>
      <c r="G7" s="313">
        <v>191</v>
      </c>
      <c r="H7" s="313">
        <v>161</v>
      </c>
      <c r="I7" s="313">
        <v>195</v>
      </c>
      <c r="J7" s="313">
        <v>153</v>
      </c>
      <c r="K7" s="314">
        <v>846</v>
      </c>
      <c r="L7" s="315">
        <v>846</v>
      </c>
      <c r="M7" s="310">
        <v>0</v>
      </c>
      <c r="N7" s="313">
        <v>0</v>
      </c>
      <c r="O7" s="311">
        <v>0</v>
      </c>
      <c r="P7" s="312">
        <v>0</v>
      </c>
      <c r="Q7" s="313">
        <v>120</v>
      </c>
      <c r="R7" s="313">
        <v>468</v>
      </c>
      <c r="S7" s="313">
        <v>369</v>
      </c>
      <c r="T7" s="313">
        <v>347</v>
      </c>
      <c r="U7" s="313">
        <v>309</v>
      </c>
      <c r="V7" s="311">
        <v>1613</v>
      </c>
      <c r="W7" s="315">
        <v>1613</v>
      </c>
      <c r="X7" s="310">
        <v>0</v>
      </c>
      <c r="Y7" s="313">
        <v>1</v>
      </c>
      <c r="Z7" s="311">
        <v>1</v>
      </c>
      <c r="AA7" s="312">
        <v>0</v>
      </c>
      <c r="AB7" s="313">
        <v>4311</v>
      </c>
      <c r="AC7" s="313">
        <v>5585</v>
      </c>
      <c r="AD7" s="313">
        <v>2534</v>
      </c>
      <c r="AE7" s="313">
        <v>1300</v>
      </c>
      <c r="AF7" s="313">
        <v>600</v>
      </c>
      <c r="AG7" s="311">
        <v>14330</v>
      </c>
      <c r="AH7" s="315">
        <v>14331</v>
      </c>
      <c r="AI7" s="310">
        <v>3</v>
      </c>
      <c r="AJ7" s="313">
        <v>2</v>
      </c>
      <c r="AK7" s="311">
        <v>5</v>
      </c>
      <c r="AL7" s="312">
        <v>0</v>
      </c>
      <c r="AM7" s="313">
        <v>368</v>
      </c>
      <c r="AN7" s="313">
        <v>466</v>
      </c>
      <c r="AO7" s="313">
        <v>547</v>
      </c>
      <c r="AP7" s="313">
        <v>315</v>
      </c>
      <c r="AQ7" s="313">
        <v>293</v>
      </c>
      <c r="AR7" s="311">
        <v>1989</v>
      </c>
      <c r="AS7" s="315">
        <v>1994</v>
      </c>
      <c r="AT7" s="310">
        <v>75</v>
      </c>
      <c r="AU7" s="313">
        <v>106</v>
      </c>
      <c r="AV7" s="311">
        <v>181</v>
      </c>
      <c r="AW7" s="312">
        <v>0</v>
      </c>
      <c r="AX7" s="313">
        <v>551</v>
      </c>
      <c r="AY7" s="313">
        <v>667</v>
      </c>
      <c r="AZ7" s="313">
        <v>559</v>
      </c>
      <c r="BA7" s="313">
        <v>429</v>
      </c>
      <c r="BB7" s="313">
        <v>238</v>
      </c>
      <c r="BC7" s="311">
        <v>2444</v>
      </c>
      <c r="BD7" s="315">
        <v>2625</v>
      </c>
      <c r="BE7" s="310">
        <v>0</v>
      </c>
      <c r="BF7" s="313">
        <v>15</v>
      </c>
      <c r="BG7" s="311">
        <v>15</v>
      </c>
      <c r="BH7" s="312">
        <v>0</v>
      </c>
      <c r="BI7" s="313">
        <v>1134</v>
      </c>
      <c r="BJ7" s="313">
        <v>1489</v>
      </c>
      <c r="BK7" s="313">
        <v>1447</v>
      </c>
      <c r="BL7" s="313">
        <v>931</v>
      </c>
      <c r="BM7" s="313">
        <v>666</v>
      </c>
      <c r="BN7" s="314">
        <v>5667</v>
      </c>
      <c r="BO7" s="315">
        <v>5682</v>
      </c>
      <c r="BP7" s="310">
        <v>0</v>
      </c>
      <c r="BQ7" s="313">
        <v>0</v>
      </c>
      <c r="BR7" s="311">
        <v>0</v>
      </c>
      <c r="BS7" s="312">
        <v>0</v>
      </c>
      <c r="BT7" s="313">
        <v>1</v>
      </c>
      <c r="BU7" s="313">
        <v>1</v>
      </c>
      <c r="BV7" s="313">
        <v>3</v>
      </c>
      <c r="BW7" s="313">
        <v>2</v>
      </c>
      <c r="BX7" s="313">
        <v>5</v>
      </c>
      <c r="BY7" s="311">
        <v>12</v>
      </c>
      <c r="BZ7" s="315">
        <v>12</v>
      </c>
      <c r="CA7" s="310">
        <v>0</v>
      </c>
      <c r="CB7" s="313">
        <v>0</v>
      </c>
      <c r="CC7" s="311">
        <v>0</v>
      </c>
      <c r="CD7" s="312">
        <v>0</v>
      </c>
      <c r="CE7" s="313">
        <v>4</v>
      </c>
      <c r="CF7" s="313">
        <v>6</v>
      </c>
      <c r="CG7" s="313">
        <v>26</v>
      </c>
      <c r="CH7" s="313">
        <v>27</v>
      </c>
      <c r="CI7" s="313">
        <v>23</v>
      </c>
      <c r="CJ7" s="311">
        <v>86</v>
      </c>
      <c r="CK7" s="315">
        <v>86</v>
      </c>
      <c r="CL7" s="310">
        <v>0</v>
      </c>
      <c r="CM7" s="313">
        <v>0</v>
      </c>
      <c r="CN7" s="311">
        <v>0</v>
      </c>
      <c r="CO7" s="312">
        <v>0</v>
      </c>
      <c r="CP7" s="313">
        <v>31</v>
      </c>
      <c r="CQ7" s="313">
        <v>51</v>
      </c>
      <c r="CR7" s="313">
        <v>80</v>
      </c>
      <c r="CS7" s="313">
        <v>81</v>
      </c>
      <c r="CT7" s="313">
        <v>158</v>
      </c>
      <c r="CU7" s="311">
        <v>401</v>
      </c>
      <c r="CV7" s="315">
        <v>401</v>
      </c>
    </row>
    <row r="8" spans="1:100" ht="21" customHeight="1" x14ac:dyDescent="0.2">
      <c r="A8" s="297" t="s">
        <v>6</v>
      </c>
      <c r="B8" s="310">
        <v>0</v>
      </c>
      <c r="C8" s="313">
        <v>0</v>
      </c>
      <c r="D8" s="441">
        <v>0</v>
      </c>
      <c r="E8" s="312">
        <v>0</v>
      </c>
      <c r="F8" s="313">
        <v>85</v>
      </c>
      <c r="G8" s="313">
        <v>89</v>
      </c>
      <c r="H8" s="313">
        <v>64</v>
      </c>
      <c r="I8" s="313">
        <v>97</v>
      </c>
      <c r="J8" s="313">
        <v>92</v>
      </c>
      <c r="K8" s="314">
        <v>427</v>
      </c>
      <c r="L8" s="315">
        <v>427</v>
      </c>
      <c r="M8" s="310">
        <v>0</v>
      </c>
      <c r="N8" s="313">
        <v>0</v>
      </c>
      <c r="O8" s="311">
        <v>0</v>
      </c>
      <c r="P8" s="312">
        <v>0</v>
      </c>
      <c r="Q8" s="313">
        <v>70</v>
      </c>
      <c r="R8" s="313">
        <v>97</v>
      </c>
      <c r="S8" s="313">
        <v>87</v>
      </c>
      <c r="T8" s="313">
        <v>105</v>
      </c>
      <c r="U8" s="313">
        <v>88</v>
      </c>
      <c r="V8" s="311">
        <v>447</v>
      </c>
      <c r="W8" s="315">
        <v>447</v>
      </c>
      <c r="X8" s="310">
        <v>0</v>
      </c>
      <c r="Y8" s="313">
        <v>0</v>
      </c>
      <c r="Z8" s="311">
        <v>0</v>
      </c>
      <c r="AA8" s="312">
        <v>0</v>
      </c>
      <c r="AB8" s="313">
        <v>2035</v>
      </c>
      <c r="AC8" s="313">
        <v>1338</v>
      </c>
      <c r="AD8" s="313">
        <v>736</v>
      </c>
      <c r="AE8" s="313">
        <v>430</v>
      </c>
      <c r="AF8" s="313">
        <v>214</v>
      </c>
      <c r="AG8" s="311">
        <v>4753</v>
      </c>
      <c r="AH8" s="315">
        <v>4753</v>
      </c>
      <c r="AI8" s="310">
        <v>2</v>
      </c>
      <c r="AJ8" s="313">
        <v>1</v>
      </c>
      <c r="AK8" s="311">
        <v>3</v>
      </c>
      <c r="AL8" s="312">
        <v>0</v>
      </c>
      <c r="AM8" s="313">
        <v>201</v>
      </c>
      <c r="AN8" s="313">
        <v>182</v>
      </c>
      <c r="AO8" s="313">
        <v>223</v>
      </c>
      <c r="AP8" s="313">
        <v>142</v>
      </c>
      <c r="AQ8" s="313">
        <v>98</v>
      </c>
      <c r="AR8" s="311">
        <v>846</v>
      </c>
      <c r="AS8" s="315">
        <v>849</v>
      </c>
      <c r="AT8" s="310">
        <v>26</v>
      </c>
      <c r="AU8" s="313">
        <v>38</v>
      </c>
      <c r="AV8" s="311">
        <v>64</v>
      </c>
      <c r="AW8" s="312">
        <v>0</v>
      </c>
      <c r="AX8" s="313">
        <v>243</v>
      </c>
      <c r="AY8" s="313">
        <v>225</v>
      </c>
      <c r="AZ8" s="313">
        <v>179</v>
      </c>
      <c r="BA8" s="313">
        <v>150</v>
      </c>
      <c r="BB8" s="313">
        <v>63</v>
      </c>
      <c r="BC8" s="311">
        <v>860</v>
      </c>
      <c r="BD8" s="315">
        <v>924</v>
      </c>
      <c r="BE8" s="310">
        <v>0</v>
      </c>
      <c r="BF8" s="313">
        <v>6</v>
      </c>
      <c r="BG8" s="311">
        <v>6</v>
      </c>
      <c r="BH8" s="312">
        <v>0</v>
      </c>
      <c r="BI8" s="313">
        <v>501</v>
      </c>
      <c r="BJ8" s="313">
        <v>564</v>
      </c>
      <c r="BK8" s="313">
        <v>561</v>
      </c>
      <c r="BL8" s="313">
        <v>391</v>
      </c>
      <c r="BM8" s="313">
        <v>232</v>
      </c>
      <c r="BN8" s="314">
        <v>2249</v>
      </c>
      <c r="BO8" s="315">
        <v>2255</v>
      </c>
      <c r="BP8" s="310">
        <v>0</v>
      </c>
      <c r="BQ8" s="313">
        <v>0</v>
      </c>
      <c r="BR8" s="311">
        <v>0</v>
      </c>
      <c r="BS8" s="312">
        <v>0</v>
      </c>
      <c r="BT8" s="313">
        <v>0</v>
      </c>
      <c r="BU8" s="313">
        <v>0</v>
      </c>
      <c r="BV8" s="313">
        <v>0</v>
      </c>
      <c r="BW8" s="313">
        <v>0</v>
      </c>
      <c r="BX8" s="313">
        <v>0</v>
      </c>
      <c r="BY8" s="311">
        <v>0</v>
      </c>
      <c r="BZ8" s="315">
        <v>0</v>
      </c>
      <c r="CA8" s="310">
        <v>0</v>
      </c>
      <c r="CB8" s="313">
        <v>0</v>
      </c>
      <c r="CC8" s="311">
        <v>0</v>
      </c>
      <c r="CD8" s="312">
        <v>0</v>
      </c>
      <c r="CE8" s="313">
        <v>4</v>
      </c>
      <c r="CF8" s="313">
        <v>5</v>
      </c>
      <c r="CG8" s="313">
        <v>70</v>
      </c>
      <c r="CH8" s="313">
        <v>99</v>
      </c>
      <c r="CI8" s="313">
        <v>65</v>
      </c>
      <c r="CJ8" s="311">
        <v>243</v>
      </c>
      <c r="CK8" s="315">
        <v>243</v>
      </c>
      <c r="CL8" s="310">
        <v>0</v>
      </c>
      <c r="CM8" s="313">
        <v>0</v>
      </c>
      <c r="CN8" s="311">
        <v>0</v>
      </c>
      <c r="CO8" s="312">
        <v>0</v>
      </c>
      <c r="CP8" s="313">
        <v>52</v>
      </c>
      <c r="CQ8" s="313">
        <v>75</v>
      </c>
      <c r="CR8" s="313">
        <v>67</v>
      </c>
      <c r="CS8" s="313">
        <v>72</v>
      </c>
      <c r="CT8" s="313">
        <v>71</v>
      </c>
      <c r="CU8" s="311">
        <v>337</v>
      </c>
      <c r="CV8" s="315">
        <v>337</v>
      </c>
    </row>
    <row r="9" spans="1:100" ht="21" customHeight="1" x14ac:dyDescent="0.2">
      <c r="A9" s="297" t="s">
        <v>14</v>
      </c>
      <c r="B9" s="310">
        <v>0</v>
      </c>
      <c r="C9" s="313">
        <v>0</v>
      </c>
      <c r="D9" s="441">
        <v>0</v>
      </c>
      <c r="E9" s="312">
        <v>0</v>
      </c>
      <c r="F9" s="313">
        <v>14</v>
      </c>
      <c r="G9" s="313">
        <v>15</v>
      </c>
      <c r="H9" s="313">
        <v>16</v>
      </c>
      <c r="I9" s="313">
        <v>20</v>
      </c>
      <c r="J9" s="313">
        <v>15</v>
      </c>
      <c r="K9" s="314">
        <v>80</v>
      </c>
      <c r="L9" s="315">
        <v>80</v>
      </c>
      <c r="M9" s="310">
        <v>0</v>
      </c>
      <c r="N9" s="313">
        <v>0</v>
      </c>
      <c r="O9" s="311">
        <v>0</v>
      </c>
      <c r="P9" s="312">
        <v>0</v>
      </c>
      <c r="Q9" s="313">
        <v>2</v>
      </c>
      <c r="R9" s="313">
        <v>5</v>
      </c>
      <c r="S9" s="313">
        <v>2</v>
      </c>
      <c r="T9" s="313">
        <v>3</v>
      </c>
      <c r="U9" s="313">
        <v>1</v>
      </c>
      <c r="V9" s="311">
        <v>13</v>
      </c>
      <c r="W9" s="315">
        <v>13</v>
      </c>
      <c r="X9" s="310">
        <v>0</v>
      </c>
      <c r="Y9" s="313">
        <v>0</v>
      </c>
      <c r="Z9" s="311">
        <v>0</v>
      </c>
      <c r="AA9" s="312">
        <v>0</v>
      </c>
      <c r="AB9" s="313">
        <v>1082</v>
      </c>
      <c r="AC9" s="313">
        <v>1053</v>
      </c>
      <c r="AD9" s="313">
        <v>557</v>
      </c>
      <c r="AE9" s="313">
        <v>254</v>
      </c>
      <c r="AF9" s="313">
        <v>115</v>
      </c>
      <c r="AG9" s="311">
        <v>3061</v>
      </c>
      <c r="AH9" s="315">
        <v>3061</v>
      </c>
      <c r="AI9" s="310">
        <v>0</v>
      </c>
      <c r="AJ9" s="313">
        <v>0</v>
      </c>
      <c r="AK9" s="311">
        <v>0</v>
      </c>
      <c r="AL9" s="312">
        <v>0</v>
      </c>
      <c r="AM9" s="313">
        <v>16</v>
      </c>
      <c r="AN9" s="313">
        <v>18</v>
      </c>
      <c r="AO9" s="313">
        <v>37</v>
      </c>
      <c r="AP9" s="313">
        <v>18</v>
      </c>
      <c r="AQ9" s="313">
        <v>20</v>
      </c>
      <c r="AR9" s="311">
        <v>109</v>
      </c>
      <c r="AS9" s="315">
        <v>109</v>
      </c>
      <c r="AT9" s="310">
        <v>17</v>
      </c>
      <c r="AU9" s="313">
        <v>30</v>
      </c>
      <c r="AV9" s="311">
        <v>47</v>
      </c>
      <c r="AW9" s="312">
        <v>0</v>
      </c>
      <c r="AX9" s="313">
        <v>134</v>
      </c>
      <c r="AY9" s="313">
        <v>145</v>
      </c>
      <c r="AZ9" s="313">
        <v>107</v>
      </c>
      <c r="BA9" s="313">
        <v>81</v>
      </c>
      <c r="BB9" s="313">
        <v>25</v>
      </c>
      <c r="BC9" s="311">
        <v>492</v>
      </c>
      <c r="BD9" s="315">
        <v>539</v>
      </c>
      <c r="BE9" s="310">
        <v>0</v>
      </c>
      <c r="BF9" s="313">
        <v>6</v>
      </c>
      <c r="BG9" s="311">
        <v>6</v>
      </c>
      <c r="BH9" s="312">
        <v>0</v>
      </c>
      <c r="BI9" s="313">
        <v>268</v>
      </c>
      <c r="BJ9" s="313">
        <v>291</v>
      </c>
      <c r="BK9" s="313">
        <v>335</v>
      </c>
      <c r="BL9" s="313">
        <v>210</v>
      </c>
      <c r="BM9" s="313">
        <v>134</v>
      </c>
      <c r="BN9" s="314">
        <v>1238</v>
      </c>
      <c r="BO9" s="315">
        <v>1244</v>
      </c>
      <c r="BP9" s="310">
        <v>0</v>
      </c>
      <c r="BQ9" s="313">
        <v>0</v>
      </c>
      <c r="BR9" s="311">
        <v>0</v>
      </c>
      <c r="BS9" s="312">
        <v>0</v>
      </c>
      <c r="BT9" s="313">
        <v>0</v>
      </c>
      <c r="BU9" s="313">
        <v>0</v>
      </c>
      <c r="BV9" s="313">
        <v>0</v>
      </c>
      <c r="BW9" s="313">
        <v>0</v>
      </c>
      <c r="BX9" s="313">
        <v>0</v>
      </c>
      <c r="BY9" s="311">
        <v>0</v>
      </c>
      <c r="BZ9" s="315">
        <v>0</v>
      </c>
      <c r="CA9" s="310">
        <v>0</v>
      </c>
      <c r="CB9" s="313">
        <v>0</v>
      </c>
      <c r="CC9" s="311">
        <v>0</v>
      </c>
      <c r="CD9" s="312">
        <v>0</v>
      </c>
      <c r="CE9" s="313">
        <v>0</v>
      </c>
      <c r="CF9" s="313">
        <v>2</v>
      </c>
      <c r="CG9" s="313">
        <v>18</v>
      </c>
      <c r="CH9" s="313">
        <v>28</v>
      </c>
      <c r="CI9" s="313">
        <v>7</v>
      </c>
      <c r="CJ9" s="311">
        <v>55</v>
      </c>
      <c r="CK9" s="315">
        <v>55</v>
      </c>
      <c r="CL9" s="310">
        <v>0</v>
      </c>
      <c r="CM9" s="313">
        <v>0</v>
      </c>
      <c r="CN9" s="311">
        <v>0</v>
      </c>
      <c r="CO9" s="312">
        <v>0</v>
      </c>
      <c r="CP9" s="313">
        <v>8</v>
      </c>
      <c r="CQ9" s="313">
        <v>10</v>
      </c>
      <c r="CR9" s="313">
        <v>12</v>
      </c>
      <c r="CS9" s="313">
        <v>15</v>
      </c>
      <c r="CT9" s="313">
        <v>16</v>
      </c>
      <c r="CU9" s="311">
        <v>61</v>
      </c>
      <c r="CV9" s="315">
        <v>61</v>
      </c>
    </row>
    <row r="10" spans="1:100" ht="21" customHeight="1" x14ac:dyDescent="0.2">
      <c r="A10" s="297" t="s">
        <v>7</v>
      </c>
      <c r="B10" s="310">
        <v>0</v>
      </c>
      <c r="C10" s="313">
        <v>0</v>
      </c>
      <c r="D10" s="441">
        <v>0</v>
      </c>
      <c r="E10" s="312">
        <v>0</v>
      </c>
      <c r="F10" s="313">
        <v>6</v>
      </c>
      <c r="G10" s="313">
        <v>11</v>
      </c>
      <c r="H10" s="313">
        <v>5</v>
      </c>
      <c r="I10" s="313">
        <v>6</v>
      </c>
      <c r="J10" s="313">
        <v>7</v>
      </c>
      <c r="K10" s="314">
        <v>35</v>
      </c>
      <c r="L10" s="315">
        <v>35</v>
      </c>
      <c r="M10" s="310">
        <v>0</v>
      </c>
      <c r="N10" s="313">
        <v>0</v>
      </c>
      <c r="O10" s="311">
        <v>0</v>
      </c>
      <c r="P10" s="312">
        <v>0</v>
      </c>
      <c r="Q10" s="313">
        <v>0</v>
      </c>
      <c r="R10" s="313">
        <v>0</v>
      </c>
      <c r="S10" s="313">
        <v>0</v>
      </c>
      <c r="T10" s="313">
        <v>0</v>
      </c>
      <c r="U10" s="313">
        <v>0</v>
      </c>
      <c r="V10" s="311">
        <v>0</v>
      </c>
      <c r="W10" s="315">
        <v>0</v>
      </c>
      <c r="X10" s="310">
        <v>0</v>
      </c>
      <c r="Y10" s="313">
        <v>0</v>
      </c>
      <c r="Z10" s="311">
        <v>0</v>
      </c>
      <c r="AA10" s="312">
        <v>0</v>
      </c>
      <c r="AB10" s="313">
        <v>1008</v>
      </c>
      <c r="AC10" s="313">
        <v>634</v>
      </c>
      <c r="AD10" s="313">
        <v>318</v>
      </c>
      <c r="AE10" s="313">
        <v>138</v>
      </c>
      <c r="AF10" s="313">
        <v>58</v>
      </c>
      <c r="AG10" s="311">
        <v>2156</v>
      </c>
      <c r="AH10" s="315">
        <v>2156</v>
      </c>
      <c r="AI10" s="310">
        <v>0</v>
      </c>
      <c r="AJ10" s="313">
        <v>0</v>
      </c>
      <c r="AK10" s="311">
        <v>0</v>
      </c>
      <c r="AL10" s="312">
        <v>0</v>
      </c>
      <c r="AM10" s="313">
        <v>88</v>
      </c>
      <c r="AN10" s="313">
        <v>101</v>
      </c>
      <c r="AO10" s="313">
        <v>98</v>
      </c>
      <c r="AP10" s="313">
        <v>34</v>
      </c>
      <c r="AQ10" s="313">
        <v>16</v>
      </c>
      <c r="AR10" s="311">
        <v>337</v>
      </c>
      <c r="AS10" s="315">
        <v>337</v>
      </c>
      <c r="AT10" s="310">
        <v>7</v>
      </c>
      <c r="AU10" s="313">
        <v>12</v>
      </c>
      <c r="AV10" s="311">
        <v>19</v>
      </c>
      <c r="AW10" s="312">
        <v>0</v>
      </c>
      <c r="AX10" s="313">
        <v>64</v>
      </c>
      <c r="AY10" s="313">
        <v>49</v>
      </c>
      <c r="AZ10" s="313">
        <v>31</v>
      </c>
      <c r="BA10" s="313">
        <v>16</v>
      </c>
      <c r="BB10" s="313">
        <v>8</v>
      </c>
      <c r="BC10" s="311">
        <v>168</v>
      </c>
      <c r="BD10" s="315">
        <v>187</v>
      </c>
      <c r="BE10" s="310">
        <v>0</v>
      </c>
      <c r="BF10" s="313">
        <v>1</v>
      </c>
      <c r="BG10" s="311">
        <v>1</v>
      </c>
      <c r="BH10" s="312">
        <v>0</v>
      </c>
      <c r="BI10" s="313">
        <v>120</v>
      </c>
      <c r="BJ10" s="313">
        <v>134</v>
      </c>
      <c r="BK10" s="313">
        <v>192</v>
      </c>
      <c r="BL10" s="313">
        <v>126</v>
      </c>
      <c r="BM10" s="313">
        <v>82</v>
      </c>
      <c r="BN10" s="314">
        <v>654</v>
      </c>
      <c r="BO10" s="315">
        <v>655</v>
      </c>
      <c r="BP10" s="310">
        <v>0</v>
      </c>
      <c r="BQ10" s="313">
        <v>0</v>
      </c>
      <c r="BR10" s="311">
        <v>0</v>
      </c>
      <c r="BS10" s="312">
        <v>0</v>
      </c>
      <c r="BT10" s="313">
        <v>0</v>
      </c>
      <c r="BU10" s="313">
        <v>0</v>
      </c>
      <c r="BV10" s="313">
        <v>0</v>
      </c>
      <c r="BW10" s="313">
        <v>0</v>
      </c>
      <c r="BX10" s="313">
        <v>0</v>
      </c>
      <c r="BY10" s="311">
        <v>0</v>
      </c>
      <c r="BZ10" s="315">
        <v>0</v>
      </c>
      <c r="CA10" s="310">
        <v>0</v>
      </c>
      <c r="CB10" s="313">
        <v>0</v>
      </c>
      <c r="CC10" s="311">
        <v>0</v>
      </c>
      <c r="CD10" s="312">
        <v>0</v>
      </c>
      <c r="CE10" s="313">
        <v>0</v>
      </c>
      <c r="CF10" s="313">
        <v>0</v>
      </c>
      <c r="CG10" s="313">
        <v>0</v>
      </c>
      <c r="CH10" s="313">
        <v>0</v>
      </c>
      <c r="CI10" s="313">
        <v>0</v>
      </c>
      <c r="CJ10" s="311">
        <v>0</v>
      </c>
      <c r="CK10" s="315">
        <v>0</v>
      </c>
      <c r="CL10" s="310">
        <v>0</v>
      </c>
      <c r="CM10" s="313">
        <v>0</v>
      </c>
      <c r="CN10" s="311">
        <v>0</v>
      </c>
      <c r="CO10" s="312">
        <v>0</v>
      </c>
      <c r="CP10" s="313">
        <v>8</v>
      </c>
      <c r="CQ10" s="313">
        <v>10</v>
      </c>
      <c r="CR10" s="313">
        <v>9</v>
      </c>
      <c r="CS10" s="313">
        <v>11</v>
      </c>
      <c r="CT10" s="313">
        <v>17</v>
      </c>
      <c r="CU10" s="311">
        <v>55</v>
      </c>
      <c r="CV10" s="315">
        <v>55</v>
      </c>
    </row>
    <row r="11" spans="1:100" ht="21" customHeight="1" x14ac:dyDescent="0.2">
      <c r="A11" s="297" t="s">
        <v>8</v>
      </c>
      <c r="B11" s="310">
        <v>0</v>
      </c>
      <c r="C11" s="313">
        <v>0</v>
      </c>
      <c r="D11" s="441">
        <v>0</v>
      </c>
      <c r="E11" s="312">
        <v>0</v>
      </c>
      <c r="F11" s="313">
        <v>6</v>
      </c>
      <c r="G11" s="313">
        <v>8</v>
      </c>
      <c r="H11" s="313">
        <v>6</v>
      </c>
      <c r="I11" s="313">
        <v>6</v>
      </c>
      <c r="J11" s="313">
        <v>2</v>
      </c>
      <c r="K11" s="314">
        <v>28</v>
      </c>
      <c r="L11" s="315">
        <v>28</v>
      </c>
      <c r="M11" s="310">
        <v>0</v>
      </c>
      <c r="N11" s="313">
        <v>0</v>
      </c>
      <c r="O11" s="311">
        <v>0</v>
      </c>
      <c r="P11" s="312">
        <v>0</v>
      </c>
      <c r="Q11" s="313">
        <v>1</v>
      </c>
      <c r="R11" s="313">
        <v>2</v>
      </c>
      <c r="S11" s="313">
        <v>2</v>
      </c>
      <c r="T11" s="313">
        <v>2</v>
      </c>
      <c r="U11" s="313">
        <v>3</v>
      </c>
      <c r="V11" s="311">
        <v>10</v>
      </c>
      <c r="W11" s="315">
        <v>10</v>
      </c>
      <c r="X11" s="310">
        <v>0</v>
      </c>
      <c r="Y11" s="313">
        <v>0</v>
      </c>
      <c r="Z11" s="311">
        <v>0</v>
      </c>
      <c r="AA11" s="312">
        <v>0</v>
      </c>
      <c r="AB11" s="313">
        <v>561</v>
      </c>
      <c r="AC11" s="313">
        <v>501</v>
      </c>
      <c r="AD11" s="313">
        <v>229</v>
      </c>
      <c r="AE11" s="313">
        <v>96</v>
      </c>
      <c r="AF11" s="313">
        <v>61</v>
      </c>
      <c r="AG11" s="311">
        <v>1448</v>
      </c>
      <c r="AH11" s="315">
        <v>1448</v>
      </c>
      <c r="AI11" s="310">
        <v>0</v>
      </c>
      <c r="AJ11" s="313">
        <v>0</v>
      </c>
      <c r="AK11" s="311">
        <v>0</v>
      </c>
      <c r="AL11" s="312">
        <v>0</v>
      </c>
      <c r="AM11" s="313">
        <v>10</v>
      </c>
      <c r="AN11" s="313">
        <v>13</v>
      </c>
      <c r="AO11" s="313">
        <v>12</v>
      </c>
      <c r="AP11" s="313">
        <v>4</v>
      </c>
      <c r="AQ11" s="313">
        <v>4</v>
      </c>
      <c r="AR11" s="311">
        <v>43</v>
      </c>
      <c r="AS11" s="315">
        <v>43</v>
      </c>
      <c r="AT11" s="310">
        <v>8</v>
      </c>
      <c r="AU11" s="313">
        <v>10</v>
      </c>
      <c r="AV11" s="311">
        <v>18</v>
      </c>
      <c r="AW11" s="312">
        <v>0</v>
      </c>
      <c r="AX11" s="313">
        <v>81</v>
      </c>
      <c r="AY11" s="313">
        <v>61</v>
      </c>
      <c r="AZ11" s="313">
        <v>48</v>
      </c>
      <c r="BA11" s="313">
        <v>16</v>
      </c>
      <c r="BB11" s="313">
        <v>8</v>
      </c>
      <c r="BC11" s="311">
        <v>214</v>
      </c>
      <c r="BD11" s="315">
        <v>232</v>
      </c>
      <c r="BE11" s="310">
        <v>0</v>
      </c>
      <c r="BF11" s="313">
        <v>0</v>
      </c>
      <c r="BG11" s="311">
        <v>0</v>
      </c>
      <c r="BH11" s="312">
        <v>0</v>
      </c>
      <c r="BI11" s="313">
        <v>71</v>
      </c>
      <c r="BJ11" s="313">
        <v>81</v>
      </c>
      <c r="BK11" s="313">
        <v>84</v>
      </c>
      <c r="BL11" s="313">
        <v>54</v>
      </c>
      <c r="BM11" s="313">
        <v>30</v>
      </c>
      <c r="BN11" s="314">
        <v>320</v>
      </c>
      <c r="BO11" s="315">
        <v>320</v>
      </c>
      <c r="BP11" s="310">
        <v>0</v>
      </c>
      <c r="BQ11" s="313">
        <v>0</v>
      </c>
      <c r="BR11" s="311">
        <v>0</v>
      </c>
      <c r="BS11" s="312">
        <v>0</v>
      </c>
      <c r="BT11" s="313">
        <v>1</v>
      </c>
      <c r="BU11" s="313">
        <v>10</v>
      </c>
      <c r="BV11" s="313">
        <v>11</v>
      </c>
      <c r="BW11" s="313">
        <v>14</v>
      </c>
      <c r="BX11" s="313">
        <v>3</v>
      </c>
      <c r="BY11" s="311">
        <v>39</v>
      </c>
      <c r="BZ11" s="315">
        <v>39</v>
      </c>
      <c r="CA11" s="310">
        <v>0</v>
      </c>
      <c r="CB11" s="313">
        <v>0</v>
      </c>
      <c r="CC11" s="311">
        <v>0</v>
      </c>
      <c r="CD11" s="312">
        <v>0</v>
      </c>
      <c r="CE11" s="313">
        <v>0</v>
      </c>
      <c r="CF11" s="313">
        <v>3</v>
      </c>
      <c r="CG11" s="313">
        <v>18</v>
      </c>
      <c r="CH11" s="313">
        <v>15</v>
      </c>
      <c r="CI11" s="313">
        <v>12</v>
      </c>
      <c r="CJ11" s="311">
        <v>48</v>
      </c>
      <c r="CK11" s="315">
        <v>48</v>
      </c>
      <c r="CL11" s="310">
        <v>0</v>
      </c>
      <c r="CM11" s="313">
        <v>0</v>
      </c>
      <c r="CN11" s="311">
        <v>0</v>
      </c>
      <c r="CO11" s="312">
        <v>0</v>
      </c>
      <c r="CP11" s="313">
        <v>16</v>
      </c>
      <c r="CQ11" s="313">
        <v>13</v>
      </c>
      <c r="CR11" s="313">
        <v>8</v>
      </c>
      <c r="CS11" s="313">
        <v>9</v>
      </c>
      <c r="CT11" s="313">
        <v>6</v>
      </c>
      <c r="CU11" s="311">
        <v>52</v>
      </c>
      <c r="CV11" s="315">
        <v>52</v>
      </c>
    </row>
    <row r="12" spans="1:100" ht="21" customHeight="1" x14ac:dyDescent="0.2">
      <c r="A12" s="297" t="s">
        <v>9</v>
      </c>
      <c r="B12" s="310">
        <v>0</v>
      </c>
      <c r="C12" s="313">
        <v>0</v>
      </c>
      <c r="D12" s="441">
        <v>0</v>
      </c>
      <c r="E12" s="312">
        <v>0</v>
      </c>
      <c r="F12" s="313">
        <v>5</v>
      </c>
      <c r="G12" s="313">
        <v>6</v>
      </c>
      <c r="H12" s="313">
        <v>2</v>
      </c>
      <c r="I12" s="313">
        <v>10</v>
      </c>
      <c r="J12" s="313">
        <v>9</v>
      </c>
      <c r="K12" s="314">
        <v>32</v>
      </c>
      <c r="L12" s="315">
        <v>32</v>
      </c>
      <c r="M12" s="310">
        <v>0</v>
      </c>
      <c r="N12" s="313">
        <v>0</v>
      </c>
      <c r="O12" s="311">
        <v>0</v>
      </c>
      <c r="P12" s="312">
        <v>0</v>
      </c>
      <c r="Q12" s="313">
        <v>0</v>
      </c>
      <c r="R12" s="313">
        <v>0</v>
      </c>
      <c r="S12" s="313">
        <v>0</v>
      </c>
      <c r="T12" s="313">
        <v>0</v>
      </c>
      <c r="U12" s="313">
        <v>0</v>
      </c>
      <c r="V12" s="311">
        <v>0</v>
      </c>
      <c r="W12" s="315">
        <v>0</v>
      </c>
      <c r="X12" s="310">
        <v>0</v>
      </c>
      <c r="Y12" s="313">
        <v>0</v>
      </c>
      <c r="Z12" s="311">
        <v>0</v>
      </c>
      <c r="AA12" s="312">
        <v>0</v>
      </c>
      <c r="AB12" s="313">
        <v>415</v>
      </c>
      <c r="AC12" s="313">
        <v>289</v>
      </c>
      <c r="AD12" s="313">
        <v>160</v>
      </c>
      <c r="AE12" s="313">
        <v>88</v>
      </c>
      <c r="AF12" s="313">
        <v>30</v>
      </c>
      <c r="AG12" s="311">
        <v>982</v>
      </c>
      <c r="AH12" s="315">
        <v>982</v>
      </c>
      <c r="AI12" s="310">
        <v>0</v>
      </c>
      <c r="AJ12" s="313">
        <v>0</v>
      </c>
      <c r="AK12" s="311">
        <v>0</v>
      </c>
      <c r="AL12" s="312">
        <v>0</v>
      </c>
      <c r="AM12" s="313">
        <v>10</v>
      </c>
      <c r="AN12" s="313">
        <v>7</v>
      </c>
      <c r="AO12" s="313">
        <v>8</v>
      </c>
      <c r="AP12" s="313">
        <v>4</v>
      </c>
      <c r="AQ12" s="313">
        <v>4</v>
      </c>
      <c r="AR12" s="311">
        <v>33</v>
      </c>
      <c r="AS12" s="315">
        <v>33</v>
      </c>
      <c r="AT12" s="310">
        <v>5</v>
      </c>
      <c r="AU12" s="313">
        <v>9</v>
      </c>
      <c r="AV12" s="311">
        <v>14</v>
      </c>
      <c r="AW12" s="312">
        <v>0</v>
      </c>
      <c r="AX12" s="313">
        <v>33</v>
      </c>
      <c r="AY12" s="313">
        <v>32</v>
      </c>
      <c r="AZ12" s="313">
        <v>24</v>
      </c>
      <c r="BA12" s="313">
        <v>19</v>
      </c>
      <c r="BB12" s="313">
        <v>3</v>
      </c>
      <c r="BC12" s="311">
        <v>111</v>
      </c>
      <c r="BD12" s="315">
        <v>125</v>
      </c>
      <c r="BE12" s="310">
        <v>0</v>
      </c>
      <c r="BF12" s="313">
        <v>1</v>
      </c>
      <c r="BG12" s="311">
        <v>1</v>
      </c>
      <c r="BH12" s="312">
        <v>0</v>
      </c>
      <c r="BI12" s="313">
        <v>30</v>
      </c>
      <c r="BJ12" s="313">
        <v>51</v>
      </c>
      <c r="BK12" s="313">
        <v>94</v>
      </c>
      <c r="BL12" s="313">
        <v>42</v>
      </c>
      <c r="BM12" s="313">
        <v>25</v>
      </c>
      <c r="BN12" s="314">
        <v>242</v>
      </c>
      <c r="BO12" s="315">
        <v>243</v>
      </c>
      <c r="BP12" s="310">
        <v>0</v>
      </c>
      <c r="BQ12" s="313">
        <v>0</v>
      </c>
      <c r="BR12" s="311">
        <v>0</v>
      </c>
      <c r="BS12" s="312">
        <v>0</v>
      </c>
      <c r="BT12" s="313">
        <v>3</v>
      </c>
      <c r="BU12" s="313">
        <v>6</v>
      </c>
      <c r="BV12" s="313">
        <v>5</v>
      </c>
      <c r="BW12" s="313">
        <v>4</v>
      </c>
      <c r="BX12" s="313">
        <v>6</v>
      </c>
      <c r="BY12" s="311">
        <v>24</v>
      </c>
      <c r="BZ12" s="315">
        <v>24</v>
      </c>
      <c r="CA12" s="310">
        <v>0</v>
      </c>
      <c r="CB12" s="313">
        <v>0</v>
      </c>
      <c r="CC12" s="311">
        <v>0</v>
      </c>
      <c r="CD12" s="312">
        <v>0</v>
      </c>
      <c r="CE12" s="313">
        <v>0</v>
      </c>
      <c r="CF12" s="313">
        <v>0</v>
      </c>
      <c r="CG12" s="313">
        <v>0</v>
      </c>
      <c r="CH12" s="313">
        <v>1</v>
      </c>
      <c r="CI12" s="313">
        <v>0</v>
      </c>
      <c r="CJ12" s="311">
        <v>1</v>
      </c>
      <c r="CK12" s="315">
        <v>1</v>
      </c>
      <c r="CL12" s="310">
        <v>0</v>
      </c>
      <c r="CM12" s="313">
        <v>0</v>
      </c>
      <c r="CN12" s="311">
        <v>0</v>
      </c>
      <c r="CO12" s="312">
        <v>0</v>
      </c>
      <c r="CP12" s="313">
        <v>7</v>
      </c>
      <c r="CQ12" s="313">
        <v>3</v>
      </c>
      <c r="CR12" s="313">
        <v>11</v>
      </c>
      <c r="CS12" s="313">
        <v>12</v>
      </c>
      <c r="CT12" s="313">
        <v>12</v>
      </c>
      <c r="CU12" s="311">
        <v>45</v>
      </c>
      <c r="CV12" s="315">
        <v>45</v>
      </c>
    </row>
    <row r="13" spans="1:100" ht="21" customHeight="1" x14ac:dyDescent="0.2">
      <c r="A13" s="297" t="s">
        <v>10</v>
      </c>
      <c r="B13" s="310">
        <v>0</v>
      </c>
      <c r="C13" s="313">
        <v>0</v>
      </c>
      <c r="D13" s="441">
        <v>0</v>
      </c>
      <c r="E13" s="312">
        <v>0</v>
      </c>
      <c r="F13" s="313">
        <v>22</v>
      </c>
      <c r="G13" s="313">
        <v>12</v>
      </c>
      <c r="H13" s="313">
        <v>13</v>
      </c>
      <c r="I13" s="313">
        <v>13</v>
      </c>
      <c r="J13" s="313">
        <v>9</v>
      </c>
      <c r="K13" s="314">
        <v>69</v>
      </c>
      <c r="L13" s="315">
        <v>69</v>
      </c>
      <c r="M13" s="310">
        <v>0</v>
      </c>
      <c r="N13" s="313">
        <v>0</v>
      </c>
      <c r="O13" s="311">
        <v>0</v>
      </c>
      <c r="P13" s="312">
        <v>0</v>
      </c>
      <c r="Q13" s="313">
        <v>12</v>
      </c>
      <c r="R13" s="313">
        <v>9</v>
      </c>
      <c r="S13" s="313">
        <v>11</v>
      </c>
      <c r="T13" s="313">
        <v>9</v>
      </c>
      <c r="U13" s="313">
        <v>9</v>
      </c>
      <c r="V13" s="311">
        <v>50</v>
      </c>
      <c r="W13" s="315">
        <v>50</v>
      </c>
      <c r="X13" s="310">
        <v>0</v>
      </c>
      <c r="Y13" s="313">
        <v>0</v>
      </c>
      <c r="Z13" s="311">
        <v>0</v>
      </c>
      <c r="AA13" s="312">
        <v>0</v>
      </c>
      <c r="AB13" s="313">
        <v>566</v>
      </c>
      <c r="AC13" s="313">
        <v>233</v>
      </c>
      <c r="AD13" s="313">
        <v>120</v>
      </c>
      <c r="AE13" s="313">
        <v>55</v>
      </c>
      <c r="AF13" s="313">
        <v>28</v>
      </c>
      <c r="AG13" s="311">
        <v>1002</v>
      </c>
      <c r="AH13" s="315">
        <v>1002</v>
      </c>
      <c r="AI13" s="310">
        <v>0</v>
      </c>
      <c r="AJ13" s="313">
        <v>1</v>
      </c>
      <c r="AK13" s="311">
        <v>1</v>
      </c>
      <c r="AL13" s="312">
        <v>0</v>
      </c>
      <c r="AM13" s="313">
        <v>19</v>
      </c>
      <c r="AN13" s="313">
        <v>18</v>
      </c>
      <c r="AO13" s="313">
        <v>20</v>
      </c>
      <c r="AP13" s="313">
        <v>7</v>
      </c>
      <c r="AQ13" s="313">
        <v>8</v>
      </c>
      <c r="AR13" s="311">
        <v>72</v>
      </c>
      <c r="AS13" s="315">
        <v>73</v>
      </c>
      <c r="AT13" s="310">
        <v>10</v>
      </c>
      <c r="AU13" s="313">
        <v>20</v>
      </c>
      <c r="AV13" s="311">
        <v>30</v>
      </c>
      <c r="AW13" s="312">
        <v>0</v>
      </c>
      <c r="AX13" s="313">
        <v>114</v>
      </c>
      <c r="AY13" s="313">
        <v>94</v>
      </c>
      <c r="AZ13" s="313">
        <v>78</v>
      </c>
      <c r="BA13" s="313">
        <v>55</v>
      </c>
      <c r="BB13" s="313">
        <v>35</v>
      </c>
      <c r="BC13" s="311">
        <v>376</v>
      </c>
      <c r="BD13" s="315">
        <v>406</v>
      </c>
      <c r="BE13" s="310">
        <v>0</v>
      </c>
      <c r="BF13" s="313">
        <v>3</v>
      </c>
      <c r="BG13" s="311">
        <v>3</v>
      </c>
      <c r="BH13" s="312">
        <v>0</v>
      </c>
      <c r="BI13" s="313">
        <v>129</v>
      </c>
      <c r="BJ13" s="313">
        <v>134</v>
      </c>
      <c r="BK13" s="313">
        <v>79</v>
      </c>
      <c r="BL13" s="313">
        <v>85</v>
      </c>
      <c r="BM13" s="313">
        <v>80</v>
      </c>
      <c r="BN13" s="314">
        <v>507</v>
      </c>
      <c r="BO13" s="315">
        <v>510</v>
      </c>
      <c r="BP13" s="310">
        <v>0</v>
      </c>
      <c r="BQ13" s="313">
        <v>0</v>
      </c>
      <c r="BR13" s="311">
        <v>0</v>
      </c>
      <c r="BS13" s="312">
        <v>0</v>
      </c>
      <c r="BT13" s="313">
        <v>28</v>
      </c>
      <c r="BU13" s="313">
        <v>33</v>
      </c>
      <c r="BV13" s="313">
        <v>32</v>
      </c>
      <c r="BW13" s="313">
        <v>25</v>
      </c>
      <c r="BX13" s="313">
        <v>25</v>
      </c>
      <c r="BY13" s="311">
        <v>143</v>
      </c>
      <c r="BZ13" s="315">
        <v>143</v>
      </c>
      <c r="CA13" s="310">
        <v>0</v>
      </c>
      <c r="CB13" s="313">
        <v>0</v>
      </c>
      <c r="CC13" s="311">
        <v>0</v>
      </c>
      <c r="CD13" s="312">
        <v>0</v>
      </c>
      <c r="CE13" s="313">
        <v>1</v>
      </c>
      <c r="CF13" s="313">
        <v>0</v>
      </c>
      <c r="CG13" s="313">
        <v>4</v>
      </c>
      <c r="CH13" s="313">
        <v>19</v>
      </c>
      <c r="CI13" s="313">
        <v>19</v>
      </c>
      <c r="CJ13" s="311">
        <v>43</v>
      </c>
      <c r="CK13" s="315">
        <v>43</v>
      </c>
      <c r="CL13" s="310">
        <v>0</v>
      </c>
      <c r="CM13" s="313">
        <v>0</v>
      </c>
      <c r="CN13" s="311">
        <v>0</v>
      </c>
      <c r="CO13" s="312">
        <v>0</v>
      </c>
      <c r="CP13" s="313">
        <v>13</v>
      </c>
      <c r="CQ13" s="313">
        <v>14</v>
      </c>
      <c r="CR13" s="313">
        <v>28</v>
      </c>
      <c r="CS13" s="313">
        <v>20</v>
      </c>
      <c r="CT13" s="313">
        <v>21</v>
      </c>
      <c r="CU13" s="311">
        <v>96</v>
      </c>
      <c r="CV13" s="315">
        <v>96</v>
      </c>
    </row>
    <row r="14" spans="1:100" ht="21" customHeight="1" x14ac:dyDescent="0.2">
      <c r="A14" s="297" t="s">
        <v>11</v>
      </c>
      <c r="B14" s="310">
        <v>0</v>
      </c>
      <c r="C14" s="313">
        <v>0</v>
      </c>
      <c r="D14" s="441">
        <v>0</v>
      </c>
      <c r="E14" s="312">
        <v>0</v>
      </c>
      <c r="F14" s="313">
        <v>8</v>
      </c>
      <c r="G14" s="313">
        <v>7</v>
      </c>
      <c r="H14" s="313">
        <v>7</v>
      </c>
      <c r="I14" s="313">
        <v>3</v>
      </c>
      <c r="J14" s="313">
        <v>9</v>
      </c>
      <c r="K14" s="314">
        <v>34</v>
      </c>
      <c r="L14" s="315">
        <v>34</v>
      </c>
      <c r="M14" s="310">
        <v>0</v>
      </c>
      <c r="N14" s="313">
        <v>0</v>
      </c>
      <c r="O14" s="311">
        <v>0</v>
      </c>
      <c r="P14" s="312">
        <v>0</v>
      </c>
      <c r="Q14" s="313">
        <v>11</v>
      </c>
      <c r="R14" s="313">
        <v>12</v>
      </c>
      <c r="S14" s="313">
        <v>10</v>
      </c>
      <c r="T14" s="313">
        <v>9</v>
      </c>
      <c r="U14" s="313">
        <v>4</v>
      </c>
      <c r="V14" s="311">
        <v>46</v>
      </c>
      <c r="W14" s="315">
        <v>46</v>
      </c>
      <c r="X14" s="310">
        <v>0</v>
      </c>
      <c r="Y14" s="313">
        <v>0</v>
      </c>
      <c r="Z14" s="311">
        <v>0</v>
      </c>
      <c r="AA14" s="312">
        <v>0</v>
      </c>
      <c r="AB14" s="313">
        <v>573</v>
      </c>
      <c r="AC14" s="313">
        <v>274</v>
      </c>
      <c r="AD14" s="313">
        <v>151</v>
      </c>
      <c r="AE14" s="313">
        <v>86</v>
      </c>
      <c r="AF14" s="313">
        <v>30</v>
      </c>
      <c r="AG14" s="311">
        <v>1114</v>
      </c>
      <c r="AH14" s="315">
        <v>1114</v>
      </c>
      <c r="AI14" s="310">
        <v>0</v>
      </c>
      <c r="AJ14" s="313">
        <v>2</v>
      </c>
      <c r="AK14" s="311">
        <v>2</v>
      </c>
      <c r="AL14" s="312">
        <v>0</v>
      </c>
      <c r="AM14" s="313">
        <v>20</v>
      </c>
      <c r="AN14" s="313">
        <v>11</v>
      </c>
      <c r="AO14" s="313">
        <v>13</v>
      </c>
      <c r="AP14" s="313">
        <v>1</v>
      </c>
      <c r="AQ14" s="313">
        <v>1</v>
      </c>
      <c r="AR14" s="311">
        <v>46</v>
      </c>
      <c r="AS14" s="315">
        <v>48</v>
      </c>
      <c r="AT14" s="310">
        <v>6</v>
      </c>
      <c r="AU14" s="313">
        <v>5</v>
      </c>
      <c r="AV14" s="311">
        <v>11</v>
      </c>
      <c r="AW14" s="312">
        <v>0</v>
      </c>
      <c r="AX14" s="313">
        <v>42</v>
      </c>
      <c r="AY14" s="313">
        <v>42</v>
      </c>
      <c r="AZ14" s="313">
        <v>28</v>
      </c>
      <c r="BA14" s="313">
        <v>17</v>
      </c>
      <c r="BB14" s="313">
        <v>6</v>
      </c>
      <c r="BC14" s="311">
        <v>135</v>
      </c>
      <c r="BD14" s="315">
        <v>146</v>
      </c>
      <c r="BE14" s="310">
        <v>0</v>
      </c>
      <c r="BF14" s="313">
        <v>4</v>
      </c>
      <c r="BG14" s="311">
        <v>4</v>
      </c>
      <c r="BH14" s="312">
        <v>0</v>
      </c>
      <c r="BI14" s="313">
        <v>60</v>
      </c>
      <c r="BJ14" s="313">
        <v>84</v>
      </c>
      <c r="BK14" s="313">
        <v>62</v>
      </c>
      <c r="BL14" s="313">
        <v>52</v>
      </c>
      <c r="BM14" s="313">
        <v>28</v>
      </c>
      <c r="BN14" s="314">
        <v>286</v>
      </c>
      <c r="BO14" s="315">
        <v>290</v>
      </c>
      <c r="BP14" s="310">
        <v>0</v>
      </c>
      <c r="BQ14" s="313">
        <v>0</v>
      </c>
      <c r="BR14" s="311">
        <v>0</v>
      </c>
      <c r="BS14" s="312">
        <v>0</v>
      </c>
      <c r="BT14" s="313">
        <v>0</v>
      </c>
      <c r="BU14" s="313">
        <v>0</v>
      </c>
      <c r="BV14" s="313">
        <v>0</v>
      </c>
      <c r="BW14" s="313">
        <v>0</v>
      </c>
      <c r="BX14" s="313">
        <v>0</v>
      </c>
      <c r="BY14" s="311">
        <v>0</v>
      </c>
      <c r="BZ14" s="315">
        <v>0</v>
      </c>
      <c r="CA14" s="310">
        <v>0</v>
      </c>
      <c r="CB14" s="313">
        <v>0</v>
      </c>
      <c r="CC14" s="311">
        <v>0</v>
      </c>
      <c r="CD14" s="312">
        <v>0</v>
      </c>
      <c r="CE14" s="313">
        <v>0</v>
      </c>
      <c r="CF14" s="313">
        <v>1</v>
      </c>
      <c r="CG14" s="313">
        <v>1</v>
      </c>
      <c r="CH14" s="313">
        <v>0</v>
      </c>
      <c r="CI14" s="313">
        <v>0</v>
      </c>
      <c r="CJ14" s="311">
        <v>2</v>
      </c>
      <c r="CK14" s="315">
        <v>2</v>
      </c>
      <c r="CL14" s="310">
        <v>0</v>
      </c>
      <c r="CM14" s="313">
        <v>0</v>
      </c>
      <c r="CN14" s="311">
        <v>0</v>
      </c>
      <c r="CO14" s="312">
        <v>0</v>
      </c>
      <c r="CP14" s="313">
        <v>4</v>
      </c>
      <c r="CQ14" s="313">
        <v>2</v>
      </c>
      <c r="CR14" s="313">
        <v>3</v>
      </c>
      <c r="CS14" s="313">
        <v>5</v>
      </c>
      <c r="CT14" s="313">
        <v>3</v>
      </c>
      <c r="CU14" s="311">
        <v>17</v>
      </c>
      <c r="CV14" s="315">
        <v>17</v>
      </c>
    </row>
    <row r="15" spans="1:100" ht="21" customHeight="1" x14ac:dyDescent="0.2">
      <c r="A15" s="297" t="s">
        <v>12</v>
      </c>
      <c r="B15" s="310">
        <v>0</v>
      </c>
      <c r="C15" s="313">
        <v>0</v>
      </c>
      <c r="D15" s="441">
        <v>0</v>
      </c>
      <c r="E15" s="312">
        <v>0</v>
      </c>
      <c r="F15" s="313">
        <v>12</v>
      </c>
      <c r="G15" s="313">
        <v>5</v>
      </c>
      <c r="H15" s="313">
        <v>3</v>
      </c>
      <c r="I15" s="313">
        <v>7</v>
      </c>
      <c r="J15" s="313">
        <v>1</v>
      </c>
      <c r="K15" s="314">
        <v>28</v>
      </c>
      <c r="L15" s="315">
        <v>28</v>
      </c>
      <c r="M15" s="310">
        <v>0</v>
      </c>
      <c r="N15" s="313">
        <v>0</v>
      </c>
      <c r="O15" s="311">
        <v>0</v>
      </c>
      <c r="P15" s="312">
        <v>0</v>
      </c>
      <c r="Q15" s="313">
        <v>0</v>
      </c>
      <c r="R15" s="313">
        <v>0</v>
      </c>
      <c r="S15" s="313">
        <v>0</v>
      </c>
      <c r="T15" s="313">
        <v>0</v>
      </c>
      <c r="U15" s="313">
        <v>0</v>
      </c>
      <c r="V15" s="311">
        <v>0</v>
      </c>
      <c r="W15" s="315">
        <v>0</v>
      </c>
      <c r="X15" s="310">
        <v>0</v>
      </c>
      <c r="Y15" s="313">
        <v>0</v>
      </c>
      <c r="Z15" s="311">
        <v>0</v>
      </c>
      <c r="AA15" s="312">
        <v>0</v>
      </c>
      <c r="AB15" s="313">
        <v>412</v>
      </c>
      <c r="AC15" s="313">
        <v>249</v>
      </c>
      <c r="AD15" s="313">
        <v>133</v>
      </c>
      <c r="AE15" s="313">
        <v>59</v>
      </c>
      <c r="AF15" s="313">
        <v>37</v>
      </c>
      <c r="AG15" s="311">
        <v>890</v>
      </c>
      <c r="AH15" s="315">
        <v>890</v>
      </c>
      <c r="AI15" s="310">
        <v>0</v>
      </c>
      <c r="AJ15" s="313">
        <v>0</v>
      </c>
      <c r="AK15" s="311">
        <v>0</v>
      </c>
      <c r="AL15" s="312">
        <v>0</v>
      </c>
      <c r="AM15" s="313">
        <v>6</v>
      </c>
      <c r="AN15" s="313">
        <v>6</v>
      </c>
      <c r="AO15" s="313">
        <v>0</v>
      </c>
      <c r="AP15" s="313">
        <v>0</v>
      </c>
      <c r="AQ15" s="313">
        <v>1</v>
      </c>
      <c r="AR15" s="311">
        <v>13</v>
      </c>
      <c r="AS15" s="315">
        <v>13</v>
      </c>
      <c r="AT15" s="310">
        <v>0</v>
      </c>
      <c r="AU15" s="313">
        <v>0</v>
      </c>
      <c r="AV15" s="311">
        <v>0</v>
      </c>
      <c r="AW15" s="312">
        <v>0</v>
      </c>
      <c r="AX15" s="313">
        <v>19</v>
      </c>
      <c r="AY15" s="313">
        <v>30</v>
      </c>
      <c r="AZ15" s="313">
        <v>51</v>
      </c>
      <c r="BA15" s="313">
        <v>37</v>
      </c>
      <c r="BB15" s="313">
        <v>25</v>
      </c>
      <c r="BC15" s="311">
        <v>162</v>
      </c>
      <c r="BD15" s="315">
        <v>162</v>
      </c>
      <c r="BE15" s="310">
        <v>0</v>
      </c>
      <c r="BF15" s="313">
        <v>0</v>
      </c>
      <c r="BG15" s="311">
        <v>0</v>
      </c>
      <c r="BH15" s="312">
        <v>0</v>
      </c>
      <c r="BI15" s="313">
        <v>45</v>
      </c>
      <c r="BJ15" s="313">
        <v>45</v>
      </c>
      <c r="BK15" s="313">
        <v>46</v>
      </c>
      <c r="BL15" s="313">
        <v>32</v>
      </c>
      <c r="BM15" s="313">
        <v>33</v>
      </c>
      <c r="BN15" s="314">
        <v>201</v>
      </c>
      <c r="BO15" s="315">
        <v>201</v>
      </c>
      <c r="BP15" s="310">
        <v>0</v>
      </c>
      <c r="BQ15" s="313">
        <v>0</v>
      </c>
      <c r="BR15" s="311">
        <v>0</v>
      </c>
      <c r="BS15" s="312">
        <v>0</v>
      </c>
      <c r="BT15" s="313">
        <v>2</v>
      </c>
      <c r="BU15" s="313">
        <v>7</v>
      </c>
      <c r="BV15" s="313">
        <v>2</v>
      </c>
      <c r="BW15" s="313">
        <v>13</v>
      </c>
      <c r="BX15" s="313">
        <v>4</v>
      </c>
      <c r="BY15" s="311">
        <v>28</v>
      </c>
      <c r="BZ15" s="315">
        <v>28</v>
      </c>
      <c r="CA15" s="310">
        <v>0</v>
      </c>
      <c r="CB15" s="313">
        <v>0</v>
      </c>
      <c r="CC15" s="311">
        <v>0</v>
      </c>
      <c r="CD15" s="312">
        <v>0</v>
      </c>
      <c r="CE15" s="313">
        <v>1</v>
      </c>
      <c r="CF15" s="313">
        <v>0</v>
      </c>
      <c r="CG15" s="313">
        <v>15</v>
      </c>
      <c r="CH15" s="313">
        <v>8</v>
      </c>
      <c r="CI15" s="313">
        <v>4</v>
      </c>
      <c r="CJ15" s="311">
        <v>28</v>
      </c>
      <c r="CK15" s="315">
        <v>28</v>
      </c>
      <c r="CL15" s="310">
        <v>0</v>
      </c>
      <c r="CM15" s="313">
        <v>0</v>
      </c>
      <c r="CN15" s="311">
        <v>0</v>
      </c>
      <c r="CO15" s="312">
        <v>0</v>
      </c>
      <c r="CP15" s="313">
        <v>12</v>
      </c>
      <c r="CQ15" s="313">
        <v>11</v>
      </c>
      <c r="CR15" s="313">
        <v>16</v>
      </c>
      <c r="CS15" s="313">
        <v>24</v>
      </c>
      <c r="CT15" s="313">
        <v>20</v>
      </c>
      <c r="CU15" s="311">
        <v>83</v>
      </c>
      <c r="CV15" s="315">
        <v>83</v>
      </c>
    </row>
    <row r="16" spans="1:100" ht="21" customHeight="1" x14ac:dyDescent="0.2">
      <c r="A16" s="297" t="s">
        <v>13</v>
      </c>
      <c r="B16" s="310">
        <v>0</v>
      </c>
      <c r="C16" s="313">
        <v>0</v>
      </c>
      <c r="D16" s="441">
        <v>0</v>
      </c>
      <c r="E16" s="312">
        <v>0</v>
      </c>
      <c r="F16" s="313">
        <v>0</v>
      </c>
      <c r="G16" s="313">
        <v>1</v>
      </c>
      <c r="H16" s="313">
        <v>1</v>
      </c>
      <c r="I16" s="313">
        <v>0</v>
      </c>
      <c r="J16" s="313">
        <v>0</v>
      </c>
      <c r="K16" s="314">
        <v>2</v>
      </c>
      <c r="L16" s="315">
        <v>2</v>
      </c>
      <c r="M16" s="310">
        <v>0</v>
      </c>
      <c r="N16" s="313">
        <v>0</v>
      </c>
      <c r="O16" s="311">
        <v>0</v>
      </c>
      <c r="P16" s="312">
        <v>0</v>
      </c>
      <c r="Q16" s="313">
        <v>0</v>
      </c>
      <c r="R16" s="313">
        <v>0</v>
      </c>
      <c r="S16" s="313">
        <v>0</v>
      </c>
      <c r="T16" s="313">
        <v>0</v>
      </c>
      <c r="U16" s="313">
        <v>0</v>
      </c>
      <c r="V16" s="311">
        <v>0</v>
      </c>
      <c r="W16" s="315">
        <v>0</v>
      </c>
      <c r="X16" s="310">
        <v>0</v>
      </c>
      <c r="Y16" s="313">
        <v>0</v>
      </c>
      <c r="Z16" s="311">
        <v>0</v>
      </c>
      <c r="AA16" s="312">
        <v>0</v>
      </c>
      <c r="AB16" s="313">
        <v>130</v>
      </c>
      <c r="AC16" s="313">
        <v>121</v>
      </c>
      <c r="AD16" s="313">
        <v>55</v>
      </c>
      <c r="AE16" s="313">
        <v>28</v>
      </c>
      <c r="AF16" s="313">
        <v>10</v>
      </c>
      <c r="AG16" s="311">
        <v>344</v>
      </c>
      <c r="AH16" s="315">
        <v>344</v>
      </c>
      <c r="AI16" s="310">
        <v>0</v>
      </c>
      <c r="AJ16" s="313">
        <v>0</v>
      </c>
      <c r="AK16" s="311">
        <v>0</v>
      </c>
      <c r="AL16" s="312">
        <v>0</v>
      </c>
      <c r="AM16" s="313">
        <v>2</v>
      </c>
      <c r="AN16" s="313">
        <v>4</v>
      </c>
      <c r="AO16" s="313">
        <v>9</v>
      </c>
      <c r="AP16" s="313">
        <v>5</v>
      </c>
      <c r="AQ16" s="313">
        <v>4</v>
      </c>
      <c r="AR16" s="311">
        <v>24</v>
      </c>
      <c r="AS16" s="315">
        <v>24</v>
      </c>
      <c r="AT16" s="310">
        <v>1</v>
      </c>
      <c r="AU16" s="313">
        <v>3</v>
      </c>
      <c r="AV16" s="311">
        <v>4</v>
      </c>
      <c r="AW16" s="312">
        <v>0</v>
      </c>
      <c r="AX16" s="313">
        <v>14</v>
      </c>
      <c r="AY16" s="313">
        <v>13</v>
      </c>
      <c r="AZ16" s="313">
        <v>2</v>
      </c>
      <c r="BA16" s="313">
        <v>1</v>
      </c>
      <c r="BB16" s="313">
        <v>1</v>
      </c>
      <c r="BC16" s="311">
        <v>31</v>
      </c>
      <c r="BD16" s="315">
        <v>35</v>
      </c>
      <c r="BE16" s="310">
        <v>0</v>
      </c>
      <c r="BF16" s="313">
        <v>0</v>
      </c>
      <c r="BG16" s="311">
        <v>0</v>
      </c>
      <c r="BH16" s="312">
        <v>0</v>
      </c>
      <c r="BI16" s="313">
        <v>12</v>
      </c>
      <c r="BJ16" s="313">
        <v>16</v>
      </c>
      <c r="BK16" s="313">
        <v>25</v>
      </c>
      <c r="BL16" s="313">
        <v>14</v>
      </c>
      <c r="BM16" s="313">
        <v>10</v>
      </c>
      <c r="BN16" s="314">
        <v>77</v>
      </c>
      <c r="BO16" s="315">
        <v>77</v>
      </c>
      <c r="BP16" s="310">
        <v>0</v>
      </c>
      <c r="BQ16" s="313">
        <v>0</v>
      </c>
      <c r="BR16" s="311">
        <v>0</v>
      </c>
      <c r="BS16" s="312">
        <v>0</v>
      </c>
      <c r="BT16" s="313">
        <v>0</v>
      </c>
      <c r="BU16" s="313">
        <v>0</v>
      </c>
      <c r="BV16" s="313">
        <v>4</v>
      </c>
      <c r="BW16" s="313">
        <v>9</v>
      </c>
      <c r="BX16" s="313">
        <v>4</v>
      </c>
      <c r="BY16" s="311">
        <v>17</v>
      </c>
      <c r="BZ16" s="315">
        <v>17</v>
      </c>
      <c r="CA16" s="310">
        <v>0</v>
      </c>
      <c r="CB16" s="313">
        <v>0</v>
      </c>
      <c r="CC16" s="311">
        <v>0</v>
      </c>
      <c r="CD16" s="312">
        <v>0</v>
      </c>
      <c r="CE16" s="313">
        <v>0</v>
      </c>
      <c r="CF16" s="313">
        <v>0</v>
      </c>
      <c r="CG16" s="313">
        <v>0</v>
      </c>
      <c r="CH16" s="313">
        <v>0</v>
      </c>
      <c r="CI16" s="313">
        <v>0</v>
      </c>
      <c r="CJ16" s="311">
        <v>0</v>
      </c>
      <c r="CK16" s="315">
        <v>0</v>
      </c>
      <c r="CL16" s="310">
        <v>0</v>
      </c>
      <c r="CM16" s="313">
        <v>0</v>
      </c>
      <c r="CN16" s="311">
        <v>0</v>
      </c>
      <c r="CO16" s="312">
        <v>0</v>
      </c>
      <c r="CP16" s="313">
        <v>0</v>
      </c>
      <c r="CQ16" s="313">
        <v>0</v>
      </c>
      <c r="CR16" s="313">
        <v>0</v>
      </c>
      <c r="CS16" s="313">
        <v>0</v>
      </c>
      <c r="CT16" s="313">
        <v>0</v>
      </c>
      <c r="CU16" s="311">
        <v>0</v>
      </c>
      <c r="CV16" s="315">
        <v>0</v>
      </c>
    </row>
    <row r="17" spans="1:100" ht="21" customHeight="1" x14ac:dyDescent="0.2">
      <c r="A17" s="297" t="s">
        <v>15</v>
      </c>
      <c r="B17" s="310">
        <v>0</v>
      </c>
      <c r="C17" s="313">
        <v>0</v>
      </c>
      <c r="D17" s="441">
        <v>0</v>
      </c>
      <c r="E17" s="312">
        <v>0</v>
      </c>
      <c r="F17" s="313">
        <v>4</v>
      </c>
      <c r="G17" s="313">
        <v>2</v>
      </c>
      <c r="H17" s="313">
        <v>5</v>
      </c>
      <c r="I17" s="313">
        <v>3</v>
      </c>
      <c r="J17" s="313">
        <v>6</v>
      </c>
      <c r="K17" s="314">
        <v>20</v>
      </c>
      <c r="L17" s="315">
        <v>20</v>
      </c>
      <c r="M17" s="310">
        <v>0</v>
      </c>
      <c r="N17" s="313">
        <v>0</v>
      </c>
      <c r="O17" s="311">
        <v>0</v>
      </c>
      <c r="P17" s="312">
        <v>0</v>
      </c>
      <c r="Q17" s="313">
        <v>0</v>
      </c>
      <c r="R17" s="313">
        <v>0</v>
      </c>
      <c r="S17" s="313">
        <v>0</v>
      </c>
      <c r="T17" s="313">
        <v>0</v>
      </c>
      <c r="U17" s="313">
        <v>0</v>
      </c>
      <c r="V17" s="311">
        <v>0</v>
      </c>
      <c r="W17" s="315">
        <v>0</v>
      </c>
      <c r="X17" s="310">
        <v>0</v>
      </c>
      <c r="Y17" s="313">
        <v>0</v>
      </c>
      <c r="Z17" s="311">
        <v>0</v>
      </c>
      <c r="AA17" s="312">
        <v>0</v>
      </c>
      <c r="AB17" s="313">
        <v>148</v>
      </c>
      <c r="AC17" s="313">
        <v>170</v>
      </c>
      <c r="AD17" s="313">
        <v>65</v>
      </c>
      <c r="AE17" s="313">
        <v>42</v>
      </c>
      <c r="AF17" s="313">
        <v>9</v>
      </c>
      <c r="AG17" s="311">
        <v>434</v>
      </c>
      <c r="AH17" s="315">
        <v>434</v>
      </c>
      <c r="AI17" s="310">
        <v>0</v>
      </c>
      <c r="AJ17" s="313">
        <v>0</v>
      </c>
      <c r="AK17" s="311">
        <v>0</v>
      </c>
      <c r="AL17" s="312">
        <v>0</v>
      </c>
      <c r="AM17" s="313">
        <v>6</v>
      </c>
      <c r="AN17" s="313">
        <v>8</v>
      </c>
      <c r="AO17" s="313">
        <v>7</v>
      </c>
      <c r="AP17" s="313">
        <v>3</v>
      </c>
      <c r="AQ17" s="313">
        <v>2</v>
      </c>
      <c r="AR17" s="311">
        <v>26</v>
      </c>
      <c r="AS17" s="315">
        <v>26</v>
      </c>
      <c r="AT17" s="310">
        <v>5</v>
      </c>
      <c r="AU17" s="313">
        <v>14</v>
      </c>
      <c r="AV17" s="311">
        <v>19</v>
      </c>
      <c r="AW17" s="312">
        <v>0</v>
      </c>
      <c r="AX17" s="313">
        <v>18</v>
      </c>
      <c r="AY17" s="313">
        <v>25</v>
      </c>
      <c r="AZ17" s="313">
        <v>14</v>
      </c>
      <c r="BA17" s="313">
        <v>12</v>
      </c>
      <c r="BB17" s="313">
        <v>4</v>
      </c>
      <c r="BC17" s="311">
        <v>73</v>
      </c>
      <c r="BD17" s="315">
        <v>92</v>
      </c>
      <c r="BE17" s="310">
        <v>0</v>
      </c>
      <c r="BF17" s="313">
        <v>1</v>
      </c>
      <c r="BG17" s="311">
        <v>1</v>
      </c>
      <c r="BH17" s="312">
        <v>0</v>
      </c>
      <c r="BI17" s="313">
        <v>44</v>
      </c>
      <c r="BJ17" s="313">
        <v>30</v>
      </c>
      <c r="BK17" s="313">
        <v>39</v>
      </c>
      <c r="BL17" s="313">
        <v>26</v>
      </c>
      <c r="BM17" s="313">
        <v>14</v>
      </c>
      <c r="BN17" s="314">
        <v>153</v>
      </c>
      <c r="BO17" s="315">
        <v>154</v>
      </c>
      <c r="BP17" s="310">
        <v>0</v>
      </c>
      <c r="BQ17" s="313">
        <v>0</v>
      </c>
      <c r="BR17" s="311">
        <v>0</v>
      </c>
      <c r="BS17" s="312">
        <v>0</v>
      </c>
      <c r="BT17" s="313">
        <v>0</v>
      </c>
      <c r="BU17" s="313">
        <v>0</v>
      </c>
      <c r="BV17" s="313">
        <v>0</v>
      </c>
      <c r="BW17" s="313">
        <v>0</v>
      </c>
      <c r="BX17" s="313">
        <v>0</v>
      </c>
      <c r="BY17" s="311">
        <v>0</v>
      </c>
      <c r="BZ17" s="315">
        <v>0</v>
      </c>
      <c r="CA17" s="310">
        <v>0</v>
      </c>
      <c r="CB17" s="313">
        <v>0</v>
      </c>
      <c r="CC17" s="311">
        <v>0</v>
      </c>
      <c r="CD17" s="312">
        <v>0</v>
      </c>
      <c r="CE17" s="313">
        <v>0</v>
      </c>
      <c r="CF17" s="313">
        <v>0</v>
      </c>
      <c r="CG17" s="313">
        <v>11</v>
      </c>
      <c r="CH17" s="313">
        <v>11</v>
      </c>
      <c r="CI17" s="313">
        <v>5</v>
      </c>
      <c r="CJ17" s="311">
        <v>27</v>
      </c>
      <c r="CK17" s="315">
        <v>27</v>
      </c>
      <c r="CL17" s="310">
        <v>0</v>
      </c>
      <c r="CM17" s="313">
        <v>0</v>
      </c>
      <c r="CN17" s="311">
        <v>0</v>
      </c>
      <c r="CO17" s="312">
        <v>0</v>
      </c>
      <c r="CP17" s="313">
        <v>0</v>
      </c>
      <c r="CQ17" s="313">
        <v>0</v>
      </c>
      <c r="CR17" s="313">
        <v>0</v>
      </c>
      <c r="CS17" s="313">
        <v>0</v>
      </c>
      <c r="CT17" s="313">
        <v>0</v>
      </c>
      <c r="CU17" s="311">
        <v>0</v>
      </c>
      <c r="CV17" s="315">
        <v>0</v>
      </c>
    </row>
    <row r="18" spans="1:100" ht="21" customHeight="1" x14ac:dyDescent="0.2">
      <c r="A18" s="297" t="s">
        <v>16</v>
      </c>
      <c r="B18" s="310">
        <v>0</v>
      </c>
      <c r="C18" s="313">
        <v>0</v>
      </c>
      <c r="D18" s="441">
        <v>0</v>
      </c>
      <c r="E18" s="312">
        <v>0</v>
      </c>
      <c r="F18" s="313">
        <v>10</v>
      </c>
      <c r="G18" s="313">
        <v>15</v>
      </c>
      <c r="H18" s="313">
        <v>10</v>
      </c>
      <c r="I18" s="313">
        <v>11</v>
      </c>
      <c r="J18" s="313">
        <v>9</v>
      </c>
      <c r="K18" s="314">
        <v>55</v>
      </c>
      <c r="L18" s="315">
        <v>55</v>
      </c>
      <c r="M18" s="310">
        <v>0</v>
      </c>
      <c r="N18" s="313">
        <v>0</v>
      </c>
      <c r="O18" s="311">
        <v>0</v>
      </c>
      <c r="P18" s="312">
        <v>0</v>
      </c>
      <c r="Q18" s="313">
        <v>1</v>
      </c>
      <c r="R18" s="313">
        <v>2</v>
      </c>
      <c r="S18" s="313">
        <v>4</v>
      </c>
      <c r="T18" s="313">
        <v>2</v>
      </c>
      <c r="U18" s="313">
        <v>0</v>
      </c>
      <c r="V18" s="311">
        <v>9</v>
      </c>
      <c r="W18" s="315">
        <v>9</v>
      </c>
      <c r="X18" s="310">
        <v>0</v>
      </c>
      <c r="Y18" s="313">
        <v>0</v>
      </c>
      <c r="Z18" s="311">
        <v>0</v>
      </c>
      <c r="AA18" s="312">
        <v>0</v>
      </c>
      <c r="AB18" s="313">
        <v>171</v>
      </c>
      <c r="AC18" s="313">
        <v>193</v>
      </c>
      <c r="AD18" s="313">
        <v>95</v>
      </c>
      <c r="AE18" s="313">
        <v>46</v>
      </c>
      <c r="AF18" s="313">
        <v>21</v>
      </c>
      <c r="AG18" s="311">
        <v>526</v>
      </c>
      <c r="AH18" s="315">
        <v>526</v>
      </c>
      <c r="AI18" s="310">
        <v>0</v>
      </c>
      <c r="AJ18" s="313">
        <v>0</v>
      </c>
      <c r="AK18" s="311">
        <v>0</v>
      </c>
      <c r="AL18" s="312">
        <v>0</v>
      </c>
      <c r="AM18" s="313">
        <v>4</v>
      </c>
      <c r="AN18" s="313">
        <v>10</v>
      </c>
      <c r="AO18" s="313">
        <v>9</v>
      </c>
      <c r="AP18" s="313">
        <v>4</v>
      </c>
      <c r="AQ18" s="313">
        <v>5</v>
      </c>
      <c r="AR18" s="311">
        <v>32</v>
      </c>
      <c r="AS18" s="315">
        <v>32</v>
      </c>
      <c r="AT18" s="310">
        <v>1</v>
      </c>
      <c r="AU18" s="313">
        <v>1</v>
      </c>
      <c r="AV18" s="311">
        <v>2</v>
      </c>
      <c r="AW18" s="312">
        <v>0</v>
      </c>
      <c r="AX18" s="313">
        <v>9</v>
      </c>
      <c r="AY18" s="313">
        <v>23</v>
      </c>
      <c r="AZ18" s="313">
        <v>14</v>
      </c>
      <c r="BA18" s="313">
        <v>10</v>
      </c>
      <c r="BB18" s="313">
        <v>14</v>
      </c>
      <c r="BC18" s="311">
        <v>70</v>
      </c>
      <c r="BD18" s="315">
        <v>72</v>
      </c>
      <c r="BE18" s="310">
        <v>0</v>
      </c>
      <c r="BF18" s="313">
        <v>0</v>
      </c>
      <c r="BG18" s="311">
        <v>0</v>
      </c>
      <c r="BH18" s="312">
        <v>0</v>
      </c>
      <c r="BI18" s="313">
        <v>18</v>
      </c>
      <c r="BJ18" s="313">
        <v>55</v>
      </c>
      <c r="BK18" s="313">
        <v>57</v>
      </c>
      <c r="BL18" s="313">
        <v>33</v>
      </c>
      <c r="BM18" s="313">
        <v>26</v>
      </c>
      <c r="BN18" s="314">
        <v>189</v>
      </c>
      <c r="BO18" s="315">
        <v>189</v>
      </c>
      <c r="BP18" s="310">
        <v>0</v>
      </c>
      <c r="BQ18" s="313">
        <v>0</v>
      </c>
      <c r="BR18" s="311">
        <v>0</v>
      </c>
      <c r="BS18" s="312">
        <v>0</v>
      </c>
      <c r="BT18" s="313">
        <v>0</v>
      </c>
      <c r="BU18" s="313">
        <v>0</v>
      </c>
      <c r="BV18" s="313">
        <v>0</v>
      </c>
      <c r="BW18" s="313">
        <v>0</v>
      </c>
      <c r="BX18" s="313">
        <v>0</v>
      </c>
      <c r="BY18" s="311">
        <v>0</v>
      </c>
      <c r="BZ18" s="315">
        <v>0</v>
      </c>
      <c r="CA18" s="310">
        <v>0</v>
      </c>
      <c r="CB18" s="313">
        <v>0</v>
      </c>
      <c r="CC18" s="311">
        <v>0</v>
      </c>
      <c r="CD18" s="312">
        <v>0</v>
      </c>
      <c r="CE18" s="313">
        <v>1</v>
      </c>
      <c r="CF18" s="313">
        <v>2</v>
      </c>
      <c r="CG18" s="313">
        <v>9</v>
      </c>
      <c r="CH18" s="313">
        <v>9</v>
      </c>
      <c r="CI18" s="313">
        <v>9</v>
      </c>
      <c r="CJ18" s="311">
        <v>30</v>
      </c>
      <c r="CK18" s="315">
        <v>30</v>
      </c>
      <c r="CL18" s="310">
        <v>0</v>
      </c>
      <c r="CM18" s="313">
        <v>0</v>
      </c>
      <c r="CN18" s="311">
        <v>0</v>
      </c>
      <c r="CO18" s="312">
        <v>0</v>
      </c>
      <c r="CP18" s="313">
        <v>2</v>
      </c>
      <c r="CQ18" s="313">
        <v>6</v>
      </c>
      <c r="CR18" s="313">
        <v>7</v>
      </c>
      <c r="CS18" s="313">
        <v>1</v>
      </c>
      <c r="CT18" s="313">
        <v>4</v>
      </c>
      <c r="CU18" s="311">
        <v>20</v>
      </c>
      <c r="CV18" s="315">
        <v>20</v>
      </c>
    </row>
    <row r="19" spans="1:100" ht="21" customHeight="1" x14ac:dyDescent="0.2">
      <c r="A19" s="297" t="s">
        <v>17</v>
      </c>
      <c r="B19" s="310">
        <v>0</v>
      </c>
      <c r="C19" s="313">
        <v>0</v>
      </c>
      <c r="D19" s="441">
        <v>0</v>
      </c>
      <c r="E19" s="312">
        <v>0</v>
      </c>
      <c r="F19" s="313">
        <v>1</v>
      </c>
      <c r="G19" s="313">
        <v>2</v>
      </c>
      <c r="H19" s="313">
        <v>1</v>
      </c>
      <c r="I19" s="313">
        <v>5</v>
      </c>
      <c r="J19" s="313">
        <v>0</v>
      </c>
      <c r="K19" s="314">
        <v>9</v>
      </c>
      <c r="L19" s="315">
        <v>9</v>
      </c>
      <c r="M19" s="310">
        <v>0</v>
      </c>
      <c r="N19" s="313">
        <v>0</v>
      </c>
      <c r="O19" s="311">
        <v>0</v>
      </c>
      <c r="P19" s="312">
        <v>0</v>
      </c>
      <c r="Q19" s="313">
        <v>0</v>
      </c>
      <c r="R19" s="313">
        <v>0</v>
      </c>
      <c r="S19" s="313">
        <v>0</v>
      </c>
      <c r="T19" s="313">
        <v>0</v>
      </c>
      <c r="U19" s="313">
        <v>0</v>
      </c>
      <c r="V19" s="311">
        <v>0</v>
      </c>
      <c r="W19" s="315">
        <v>0</v>
      </c>
      <c r="X19" s="310">
        <v>0</v>
      </c>
      <c r="Y19" s="313">
        <v>0</v>
      </c>
      <c r="Z19" s="311">
        <v>0</v>
      </c>
      <c r="AA19" s="312">
        <v>0</v>
      </c>
      <c r="AB19" s="313">
        <v>247</v>
      </c>
      <c r="AC19" s="313">
        <v>265</v>
      </c>
      <c r="AD19" s="313">
        <v>133</v>
      </c>
      <c r="AE19" s="313">
        <v>85</v>
      </c>
      <c r="AF19" s="313">
        <v>48</v>
      </c>
      <c r="AG19" s="311">
        <v>778</v>
      </c>
      <c r="AH19" s="315">
        <v>778</v>
      </c>
      <c r="AI19" s="310">
        <v>0</v>
      </c>
      <c r="AJ19" s="313">
        <v>2</v>
      </c>
      <c r="AK19" s="311">
        <v>2</v>
      </c>
      <c r="AL19" s="312">
        <v>0</v>
      </c>
      <c r="AM19" s="313">
        <v>23</v>
      </c>
      <c r="AN19" s="313">
        <v>26</v>
      </c>
      <c r="AO19" s="313">
        <v>20</v>
      </c>
      <c r="AP19" s="313">
        <v>12</v>
      </c>
      <c r="AQ19" s="313">
        <v>7</v>
      </c>
      <c r="AR19" s="311">
        <v>88</v>
      </c>
      <c r="AS19" s="315">
        <v>90</v>
      </c>
      <c r="AT19" s="310">
        <v>1</v>
      </c>
      <c r="AU19" s="313">
        <v>1</v>
      </c>
      <c r="AV19" s="311">
        <v>2</v>
      </c>
      <c r="AW19" s="312">
        <v>0</v>
      </c>
      <c r="AX19" s="313">
        <v>12</v>
      </c>
      <c r="AY19" s="313">
        <v>32</v>
      </c>
      <c r="AZ19" s="313">
        <v>28</v>
      </c>
      <c r="BA19" s="313">
        <v>29</v>
      </c>
      <c r="BB19" s="313">
        <v>11</v>
      </c>
      <c r="BC19" s="311">
        <v>112</v>
      </c>
      <c r="BD19" s="315">
        <v>114</v>
      </c>
      <c r="BE19" s="310">
        <v>0</v>
      </c>
      <c r="BF19" s="313">
        <v>0</v>
      </c>
      <c r="BG19" s="311">
        <v>0</v>
      </c>
      <c r="BH19" s="312">
        <v>0</v>
      </c>
      <c r="BI19" s="313">
        <v>49</v>
      </c>
      <c r="BJ19" s="313">
        <v>70</v>
      </c>
      <c r="BK19" s="313">
        <v>58</v>
      </c>
      <c r="BL19" s="313">
        <v>35</v>
      </c>
      <c r="BM19" s="313">
        <v>18</v>
      </c>
      <c r="BN19" s="314">
        <v>230</v>
      </c>
      <c r="BO19" s="315">
        <v>230</v>
      </c>
      <c r="BP19" s="310">
        <v>0</v>
      </c>
      <c r="BQ19" s="313">
        <v>0</v>
      </c>
      <c r="BR19" s="311">
        <v>0</v>
      </c>
      <c r="BS19" s="312">
        <v>0</v>
      </c>
      <c r="BT19" s="313">
        <v>0</v>
      </c>
      <c r="BU19" s="313">
        <v>0</v>
      </c>
      <c r="BV19" s="313">
        <v>0</v>
      </c>
      <c r="BW19" s="313">
        <v>0</v>
      </c>
      <c r="BX19" s="313">
        <v>0</v>
      </c>
      <c r="BY19" s="311">
        <v>0</v>
      </c>
      <c r="BZ19" s="315">
        <v>0</v>
      </c>
      <c r="CA19" s="310">
        <v>0</v>
      </c>
      <c r="CB19" s="313">
        <v>0</v>
      </c>
      <c r="CC19" s="311">
        <v>0</v>
      </c>
      <c r="CD19" s="312">
        <v>0</v>
      </c>
      <c r="CE19" s="313">
        <v>1</v>
      </c>
      <c r="CF19" s="313">
        <v>2</v>
      </c>
      <c r="CG19" s="313">
        <v>34</v>
      </c>
      <c r="CH19" s="313">
        <v>26</v>
      </c>
      <c r="CI19" s="313">
        <v>40</v>
      </c>
      <c r="CJ19" s="311">
        <v>103</v>
      </c>
      <c r="CK19" s="315">
        <v>103</v>
      </c>
      <c r="CL19" s="310">
        <v>0</v>
      </c>
      <c r="CM19" s="313">
        <v>0</v>
      </c>
      <c r="CN19" s="311">
        <v>0</v>
      </c>
      <c r="CO19" s="312">
        <v>0</v>
      </c>
      <c r="CP19" s="313">
        <v>4</v>
      </c>
      <c r="CQ19" s="313">
        <v>0</v>
      </c>
      <c r="CR19" s="313">
        <v>2</v>
      </c>
      <c r="CS19" s="313">
        <v>3</v>
      </c>
      <c r="CT19" s="313">
        <v>7</v>
      </c>
      <c r="CU19" s="311">
        <v>16</v>
      </c>
      <c r="CV19" s="315">
        <v>16</v>
      </c>
    </row>
    <row r="20" spans="1:100" ht="21" customHeight="1" x14ac:dyDescent="0.2">
      <c r="A20" s="297" t="s">
        <v>18</v>
      </c>
      <c r="B20" s="310">
        <v>0</v>
      </c>
      <c r="C20" s="313">
        <v>0</v>
      </c>
      <c r="D20" s="441">
        <v>0</v>
      </c>
      <c r="E20" s="312">
        <v>0</v>
      </c>
      <c r="F20" s="313">
        <v>2</v>
      </c>
      <c r="G20" s="313">
        <v>1</v>
      </c>
      <c r="H20" s="313">
        <v>3</v>
      </c>
      <c r="I20" s="313">
        <v>1</v>
      </c>
      <c r="J20" s="313">
        <v>3</v>
      </c>
      <c r="K20" s="314">
        <v>10</v>
      </c>
      <c r="L20" s="315">
        <v>10</v>
      </c>
      <c r="M20" s="310">
        <v>0</v>
      </c>
      <c r="N20" s="313">
        <v>0</v>
      </c>
      <c r="O20" s="311">
        <v>0</v>
      </c>
      <c r="P20" s="312">
        <v>0</v>
      </c>
      <c r="Q20" s="313">
        <v>0</v>
      </c>
      <c r="R20" s="313">
        <v>0</v>
      </c>
      <c r="S20" s="313">
        <v>0</v>
      </c>
      <c r="T20" s="313">
        <v>0</v>
      </c>
      <c r="U20" s="313">
        <v>0</v>
      </c>
      <c r="V20" s="311">
        <v>0</v>
      </c>
      <c r="W20" s="315">
        <v>0</v>
      </c>
      <c r="X20" s="310">
        <v>0</v>
      </c>
      <c r="Y20" s="313">
        <v>0</v>
      </c>
      <c r="Z20" s="311">
        <v>0</v>
      </c>
      <c r="AA20" s="312">
        <v>0</v>
      </c>
      <c r="AB20" s="313">
        <v>320</v>
      </c>
      <c r="AC20" s="313">
        <v>254</v>
      </c>
      <c r="AD20" s="313">
        <v>92</v>
      </c>
      <c r="AE20" s="313">
        <v>43</v>
      </c>
      <c r="AF20" s="313">
        <v>9</v>
      </c>
      <c r="AG20" s="311">
        <v>718</v>
      </c>
      <c r="AH20" s="315">
        <v>718</v>
      </c>
      <c r="AI20" s="310">
        <v>0</v>
      </c>
      <c r="AJ20" s="313">
        <v>0</v>
      </c>
      <c r="AK20" s="311">
        <v>0</v>
      </c>
      <c r="AL20" s="312">
        <v>0</v>
      </c>
      <c r="AM20" s="313">
        <v>10</v>
      </c>
      <c r="AN20" s="313">
        <v>8</v>
      </c>
      <c r="AO20" s="313">
        <v>19</v>
      </c>
      <c r="AP20" s="313">
        <v>11</v>
      </c>
      <c r="AQ20" s="313">
        <v>19</v>
      </c>
      <c r="AR20" s="311">
        <v>67</v>
      </c>
      <c r="AS20" s="315">
        <v>67</v>
      </c>
      <c r="AT20" s="310">
        <v>9</v>
      </c>
      <c r="AU20" s="313">
        <v>8</v>
      </c>
      <c r="AV20" s="311">
        <v>17</v>
      </c>
      <c r="AW20" s="312">
        <v>0</v>
      </c>
      <c r="AX20" s="313">
        <v>44</v>
      </c>
      <c r="AY20" s="313">
        <v>58</v>
      </c>
      <c r="AZ20" s="313">
        <v>28</v>
      </c>
      <c r="BA20" s="313">
        <v>18</v>
      </c>
      <c r="BB20" s="313">
        <v>6</v>
      </c>
      <c r="BC20" s="311">
        <v>154</v>
      </c>
      <c r="BD20" s="315">
        <v>171</v>
      </c>
      <c r="BE20" s="310">
        <v>0</v>
      </c>
      <c r="BF20" s="313">
        <v>2</v>
      </c>
      <c r="BG20" s="311">
        <v>2</v>
      </c>
      <c r="BH20" s="312">
        <v>0</v>
      </c>
      <c r="BI20" s="313">
        <v>48</v>
      </c>
      <c r="BJ20" s="313">
        <v>98</v>
      </c>
      <c r="BK20" s="313">
        <v>90</v>
      </c>
      <c r="BL20" s="313">
        <v>44</v>
      </c>
      <c r="BM20" s="313">
        <v>25</v>
      </c>
      <c r="BN20" s="314">
        <v>305</v>
      </c>
      <c r="BO20" s="315">
        <v>307</v>
      </c>
      <c r="BP20" s="310">
        <v>0</v>
      </c>
      <c r="BQ20" s="313">
        <v>0</v>
      </c>
      <c r="BR20" s="311">
        <v>0</v>
      </c>
      <c r="BS20" s="312">
        <v>0</v>
      </c>
      <c r="BT20" s="313">
        <v>0</v>
      </c>
      <c r="BU20" s="313">
        <v>0</v>
      </c>
      <c r="BV20" s="313">
        <v>0</v>
      </c>
      <c r="BW20" s="313">
        <v>0</v>
      </c>
      <c r="BX20" s="313">
        <v>0</v>
      </c>
      <c r="BY20" s="311">
        <v>0</v>
      </c>
      <c r="BZ20" s="315">
        <v>0</v>
      </c>
      <c r="CA20" s="310">
        <v>0</v>
      </c>
      <c r="CB20" s="313">
        <v>0</v>
      </c>
      <c r="CC20" s="311">
        <v>0</v>
      </c>
      <c r="CD20" s="312">
        <v>0</v>
      </c>
      <c r="CE20" s="313">
        <v>0</v>
      </c>
      <c r="CF20" s="313">
        <v>2</v>
      </c>
      <c r="CG20" s="313">
        <v>8</v>
      </c>
      <c r="CH20" s="313">
        <v>14</v>
      </c>
      <c r="CI20" s="313">
        <v>5</v>
      </c>
      <c r="CJ20" s="311">
        <v>29</v>
      </c>
      <c r="CK20" s="315">
        <v>29</v>
      </c>
      <c r="CL20" s="310">
        <v>0</v>
      </c>
      <c r="CM20" s="313">
        <v>0</v>
      </c>
      <c r="CN20" s="311">
        <v>0</v>
      </c>
      <c r="CO20" s="312">
        <v>0</v>
      </c>
      <c r="CP20" s="313">
        <v>4</v>
      </c>
      <c r="CQ20" s="313">
        <v>6</v>
      </c>
      <c r="CR20" s="313">
        <v>13</v>
      </c>
      <c r="CS20" s="313">
        <v>11</v>
      </c>
      <c r="CT20" s="313">
        <v>14</v>
      </c>
      <c r="CU20" s="311">
        <v>48</v>
      </c>
      <c r="CV20" s="315">
        <v>48</v>
      </c>
    </row>
    <row r="21" spans="1:100" ht="21" customHeight="1" x14ac:dyDescent="0.2">
      <c r="A21" s="297" t="s">
        <v>19</v>
      </c>
      <c r="B21" s="310">
        <v>0</v>
      </c>
      <c r="C21" s="313">
        <v>0</v>
      </c>
      <c r="D21" s="441">
        <v>0</v>
      </c>
      <c r="E21" s="312">
        <v>0</v>
      </c>
      <c r="F21" s="313">
        <v>10</v>
      </c>
      <c r="G21" s="313">
        <v>10</v>
      </c>
      <c r="H21" s="313">
        <v>3</v>
      </c>
      <c r="I21" s="313">
        <v>6</v>
      </c>
      <c r="J21" s="313">
        <v>2</v>
      </c>
      <c r="K21" s="314">
        <v>31</v>
      </c>
      <c r="L21" s="315">
        <v>31</v>
      </c>
      <c r="M21" s="310">
        <v>0</v>
      </c>
      <c r="N21" s="313">
        <v>0</v>
      </c>
      <c r="O21" s="311">
        <v>0</v>
      </c>
      <c r="P21" s="312">
        <v>0</v>
      </c>
      <c r="Q21" s="313">
        <v>3</v>
      </c>
      <c r="R21" s="313">
        <v>3</v>
      </c>
      <c r="S21" s="313">
        <v>4</v>
      </c>
      <c r="T21" s="313">
        <v>1</v>
      </c>
      <c r="U21" s="313">
        <v>0</v>
      </c>
      <c r="V21" s="311">
        <v>11</v>
      </c>
      <c r="W21" s="315">
        <v>11</v>
      </c>
      <c r="X21" s="310">
        <v>0</v>
      </c>
      <c r="Y21" s="313">
        <v>0</v>
      </c>
      <c r="Z21" s="311">
        <v>0</v>
      </c>
      <c r="AA21" s="312">
        <v>0</v>
      </c>
      <c r="AB21" s="313">
        <v>140</v>
      </c>
      <c r="AC21" s="313">
        <v>131</v>
      </c>
      <c r="AD21" s="313">
        <v>53</v>
      </c>
      <c r="AE21" s="313">
        <v>23</v>
      </c>
      <c r="AF21" s="313">
        <v>13</v>
      </c>
      <c r="AG21" s="311">
        <v>360</v>
      </c>
      <c r="AH21" s="315">
        <v>360</v>
      </c>
      <c r="AI21" s="310">
        <v>0</v>
      </c>
      <c r="AJ21" s="313">
        <v>0</v>
      </c>
      <c r="AK21" s="311">
        <v>0</v>
      </c>
      <c r="AL21" s="312">
        <v>0</v>
      </c>
      <c r="AM21" s="313">
        <v>11</v>
      </c>
      <c r="AN21" s="313">
        <v>25</v>
      </c>
      <c r="AO21" s="313">
        <v>18</v>
      </c>
      <c r="AP21" s="313">
        <v>0</v>
      </c>
      <c r="AQ21" s="313">
        <v>4</v>
      </c>
      <c r="AR21" s="311">
        <v>58</v>
      </c>
      <c r="AS21" s="315">
        <v>58</v>
      </c>
      <c r="AT21" s="310">
        <v>0</v>
      </c>
      <c r="AU21" s="313">
        <v>5</v>
      </c>
      <c r="AV21" s="311">
        <v>5</v>
      </c>
      <c r="AW21" s="312">
        <v>0</v>
      </c>
      <c r="AX21" s="313">
        <v>23</v>
      </c>
      <c r="AY21" s="313">
        <v>29</v>
      </c>
      <c r="AZ21" s="313">
        <v>25</v>
      </c>
      <c r="BA21" s="313">
        <v>17</v>
      </c>
      <c r="BB21" s="313">
        <v>17</v>
      </c>
      <c r="BC21" s="311">
        <v>111</v>
      </c>
      <c r="BD21" s="315">
        <v>116</v>
      </c>
      <c r="BE21" s="310">
        <v>0</v>
      </c>
      <c r="BF21" s="313">
        <v>1</v>
      </c>
      <c r="BG21" s="311">
        <v>1</v>
      </c>
      <c r="BH21" s="312">
        <v>0</v>
      </c>
      <c r="BI21" s="313">
        <v>12</v>
      </c>
      <c r="BJ21" s="313">
        <v>19</v>
      </c>
      <c r="BK21" s="313">
        <v>26</v>
      </c>
      <c r="BL21" s="313">
        <v>16</v>
      </c>
      <c r="BM21" s="313">
        <v>11</v>
      </c>
      <c r="BN21" s="314">
        <v>84</v>
      </c>
      <c r="BO21" s="315">
        <v>85</v>
      </c>
      <c r="BP21" s="310">
        <v>0</v>
      </c>
      <c r="BQ21" s="313">
        <v>0</v>
      </c>
      <c r="BR21" s="311">
        <v>0</v>
      </c>
      <c r="BS21" s="312">
        <v>0</v>
      </c>
      <c r="BT21" s="313">
        <v>0</v>
      </c>
      <c r="BU21" s="313">
        <v>0</v>
      </c>
      <c r="BV21" s="313">
        <v>0</v>
      </c>
      <c r="BW21" s="313">
        <v>0</v>
      </c>
      <c r="BX21" s="313">
        <v>0</v>
      </c>
      <c r="BY21" s="311">
        <v>0</v>
      </c>
      <c r="BZ21" s="315">
        <v>0</v>
      </c>
      <c r="CA21" s="310">
        <v>0</v>
      </c>
      <c r="CB21" s="313">
        <v>0</v>
      </c>
      <c r="CC21" s="311">
        <v>0</v>
      </c>
      <c r="CD21" s="312">
        <v>0</v>
      </c>
      <c r="CE21" s="313">
        <v>0</v>
      </c>
      <c r="CF21" s="313">
        <v>0</v>
      </c>
      <c r="CG21" s="313">
        <v>0</v>
      </c>
      <c r="CH21" s="313">
        <v>0</v>
      </c>
      <c r="CI21" s="313">
        <v>0</v>
      </c>
      <c r="CJ21" s="311">
        <v>0</v>
      </c>
      <c r="CK21" s="315">
        <v>0</v>
      </c>
      <c r="CL21" s="310">
        <v>0</v>
      </c>
      <c r="CM21" s="313">
        <v>0</v>
      </c>
      <c r="CN21" s="311">
        <v>0</v>
      </c>
      <c r="CO21" s="312">
        <v>0</v>
      </c>
      <c r="CP21" s="313">
        <v>4</v>
      </c>
      <c r="CQ21" s="313">
        <v>1</v>
      </c>
      <c r="CR21" s="313">
        <v>3</v>
      </c>
      <c r="CS21" s="313">
        <v>3</v>
      </c>
      <c r="CT21" s="313">
        <v>8</v>
      </c>
      <c r="CU21" s="311">
        <v>19</v>
      </c>
      <c r="CV21" s="315">
        <v>19</v>
      </c>
    </row>
    <row r="22" spans="1:100" ht="21" customHeight="1" x14ac:dyDescent="0.2">
      <c r="A22" s="297" t="s">
        <v>20</v>
      </c>
      <c r="B22" s="310">
        <v>0</v>
      </c>
      <c r="C22" s="313">
        <v>0</v>
      </c>
      <c r="D22" s="441">
        <v>0</v>
      </c>
      <c r="E22" s="312">
        <v>0</v>
      </c>
      <c r="F22" s="313">
        <v>1</v>
      </c>
      <c r="G22" s="313">
        <v>0</v>
      </c>
      <c r="H22" s="313">
        <v>0</v>
      </c>
      <c r="I22" s="313">
        <v>0</v>
      </c>
      <c r="J22" s="313">
        <v>0</v>
      </c>
      <c r="K22" s="314">
        <v>1</v>
      </c>
      <c r="L22" s="315">
        <v>1</v>
      </c>
      <c r="M22" s="310">
        <v>0</v>
      </c>
      <c r="N22" s="313">
        <v>0</v>
      </c>
      <c r="O22" s="311">
        <v>0</v>
      </c>
      <c r="P22" s="312">
        <v>0</v>
      </c>
      <c r="Q22" s="313">
        <v>0</v>
      </c>
      <c r="R22" s="313">
        <v>0</v>
      </c>
      <c r="S22" s="313">
        <v>0</v>
      </c>
      <c r="T22" s="313">
        <v>0</v>
      </c>
      <c r="U22" s="313">
        <v>0</v>
      </c>
      <c r="V22" s="311">
        <v>0</v>
      </c>
      <c r="W22" s="315">
        <v>0</v>
      </c>
      <c r="X22" s="310">
        <v>0</v>
      </c>
      <c r="Y22" s="313">
        <v>0</v>
      </c>
      <c r="Z22" s="311">
        <v>0</v>
      </c>
      <c r="AA22" s="312">
        <v>0</v>
      </c>
      <c r="AB22" s="313">
        <v>177</v>
      </c>
      <c r="AC22" s="313">
        <v>80</v>
      </c>
      <c r="AD22" s="313">
        <v>40</v>
      </c>
      <c r="AE22" s="313">
        <v>26</v>
      </c>
      <c r="AF22" s="313">
        <v>6</v>
      </c>
      <c r="AG22" s="311">
        <v>329</v>
      </c>
      <c r="AH22" s="315">
        <v>329</v>
      </c>
      <c r="AI22" s="310">
        <v>0</v>
      </c>
      <c r="AJ22" s="313">
        <v>0</v>
      </c>
      <c r="AK22" s="311">
        <v>0</v>
      </c>
      <c r="AL22" s="312">
        <v>0</v>
      </c>
      <c r="AM22" s="313">
        <v>1</v>
      </c>
      <c r="AN22" s="313">
        <v>4</v>
      </c>
      <c r="AO22" s="313">
        <v>4</v>
      </c>
      <c r="AP22" s="313">
        <v>2</v>
      </c>
      <c r="AQ22" s="313">
        <v>3</v>
      </c>
      <c r="AR22" s="311">
        <v>14</v>
      </c>
      <c r="AS22" s="315">
        <v>14</v>
      </c>
      <c r="AT22" s="310">
        <v>0</v>
      </c>
      <c r="AU22" s="313">
        <v>1</v>
      </c>
      <c r="AV22" s="311">
        <v>1</v>
      </c>
      <c r="AW22" s="312">
        <v>0</v>
      </c>
      <c r="AX22" s="313">
        <v>6</v>
      </c>
      <c r="AY22" s="313">
        <v>7</v>
      </c>
      <c r="AZ22" s="313">
        <v>5</v>
      </c>
      <c r="BA22" s="313">
        <v>5</v>
      </c>
      <c r="BB22" s="313">
        <v>0</v>
      </c>
      <c r="BC22" s="311">
        <v>23</v>
      </c>
      <c r="BD22" s="315">
        <v>24</v>
      </c>
      <c r="BE22" s="310">
        <v>0</v>
      </c>
      <c r="BF22" s="313">
        <v>0</v>
      </c>
      <c r="BG22" s="311">
        <v>0</v>
      </c>
      <c r="BH22" s="312">
        <v>0</v>
      </c>
      <c r="BI22" s="313">
        <v>29</v>
      </c>
      <c r="BJ22" s="313">
        <v>22</v>
      </c>
      <c r="BK22" s="313">
        <v>37</v>
      </c>
      <c r="BL22" s="313">
        <v>27</v>
      </c>
      <c r="BM22" s="313">
        <v>7</v>
      </c>
      <c r="BN22" s="314">
        <v>122</v>
      </c>
      <c r="BO22" s="315">
        <v>122</v>
      </c>
      <c r="BP22" s="310">
        <v>0</v>
      </c>
      <c r="BQ22" s="313">
        <v>0</v>
      </c>
      <c r="BR22" s="311">
        <v>0</v>
      </c>
      <c r="BS22" s="312">
        <v>0</v>
      </c>
      <c r="BT22" s="313">
        <v>0</v>
      </c>
      <c r="BU22" s="313">
        <v>0</v>
      </c>
      <c r="BV22" s="313">
        <v>0</v>
      </c>
      <c r="BW22" s="313">
        <v>0</v>
      </c>
      <c r="BX22" s="313">
        <v>0</v>
      </c>
      <c r="BY22" s="311">
        <v>0</v>
      </c>
      <c r="BZ22" s="315">
        <v>0</v>
      </c>
      <c r="CA22" s="310">
        <v>0</v>
      </c>
      <c r="CB22" s="313">
        <v>0</v>
      </c>
      <c r="CC22" s="311">
        <v>0</v>
      </c>
      <c r="CD22" s="312">
        <v>0</v>
      </c>
      <c r="CE22" s="313">
        <v>0</v>
      </c>
      <c r="CF22" s="313">
        <v>0</v>
      </c>
      <c r="CG22" s="313">
        <v>0</v>
      </c>
      <c r="CH22" s="313">
        <v>0</v>
      </c>
      <c r="CI22" s="313">
        <v>0</v>
      </c>
      <c r="CJ22" s="311">
        <v>0</v>
      </c>
      <c r="CK22" s="315">
        <v>0</v>
      </c>
      <c r="CL22" s="310">
        <v>0</v>
      </c>
      <c r="CM22" s="313">
        <v>0</v>
      </c>
      <c r="CN22" s="311">
        <v>0</v>
      </c>
      <c r="CO22" s="312">
        <v>0</v>
      </c>
      <c r="CP22" s="313">
        <v>0</v>
      </c>
      <c r="CQ22" s="313">
        <v>0</v>
      </c>
      <c r="CR22" s="313">
        <v>0</v>
      </c>
      <c r="CS22" s="313">
        <v>0</v>
      </c>
      <c r="CT22" s="313">
        <v>0</v>
      </c>
      <c r="CU22" s="311">
        <v>0</v>
      </c>
      <c r="CV22" s="315">
        <v>0</v>
      </c>
    </row>
    <row r="23" spans="1:100" ht="21" customHeight="1" x14ac:dyDescent="0.2">
      <c r="A23" s="297" t="s">
        <v>21</v>
      </c>
      <c r="B23" s="310">
        <v>0</v>
      </c>
      <c r="C23" s="313">
        <v>0</v>
      </c>
      <c r="D23" s="441">
        <v>0</v>
      </c>
      <c r="E23" s="312">
        <v>0</v>
      </c>
      <c r="F23" s="313">
        <v>1</v>
      </c>
      <c r="G23" s="313">
        <v>6</v>
      </c>
      <c r="H23" s="313">
        <v>1</v>
      </c>
      <c r="I23" s="313">
        <v>1</v>
      </c>
      <c r="J23" s="313">
        <v>1</v>
      </c>
      <c r="K23" s="314">
        <v>10</v>
      </c>
      <c r="L23" s="315">
        <v>10</v>
      </c>
      <c r="M23" s="310">
        <v>0</v>
      </c>
      <c r="N23" s="313">
        <v>0</v>
      </c>
      <c r="O23" s="311">
        <v>0</v>
      </c>
      <c r="P23" s="312">
        <v>0</v>
      </c>
      <c r="Q23" s="313">
        <v>0</v>
      </c>
      <c r="R23" s="313">
        <v>0</v>
      </c>
      <c r="S23" s="313">
        <v>0</v>
      </c>
      <c r="T23" s="313">
        <v>0</v>
      </c>
      <c r="U23" s="313">
        <v>0</v>
      </c>
      <c r="V23" s="311">
        <v>0</v>
      </c>
      <c r="W23" s="315">
        <v>0</v>
      </c>
      <c r="X23" s="310">
        <v>0</v>
      </c>
      <c r="Y23" s="313">
        <v>0</v>
      </c>
      <c r="Z23" s="311">
        <v>0</v>
      </c>
      <c r="AA23" s="312">
        <v>0</v>
      </c>
      <c r="AB23" s="313">
        <v>183</v>
      </c>
      <c r="AC23" s="313">
        <v>194</v>
      </c>
      <c r="AD23" s="313">
        <v>72</v>
      </c>
      <c r="AE23" s="313">
        <v>28</v>
      </c>
      <c r="AF23" s="313">
        <v>12</v>
      </c>
      <c r="AG23" s="311">
        <v>489</v>
      </c>
      <c r="AH23" s="315">
        <v>489</v>
      </c>
      <c r="AI23" s="310">
        <v>0</v>
      </c>
      <c r="AJ23" s="313">
        <v>0</v>
      </c>
      <c r="AK23" s="311">
        <v>0</v>
      </c>
      <c r="AL23" s="312">
        <v>0</v>
      </c>
      <c r="AM23" s="313">
        <v>0</v>
      </c>
      <c r="AN23" s="313">
        <v>0</v>
      </c>
      <c r="AO23" s="313">
        <v>0</v>
      </c>
      <c r="AP23" s="313">
        <v>0</v>
      </c>
      <c r="AQ23" s="313">
        <v>0</v>
      </c>
      <c r="AR23" s="311">
        <v>0</v>
      </c>
      <c r="AS23" s="315">
        <v>0</v>
      </c>
      <c r="AT23" s="310">
        <v>1</v>
      </c>
      <c r="AU23" s="313">
        <v>1</v>
      </c>
      <c r="AV23" s="311">
        <v>2</v>
      </c>
      <c r="AW23" s="312">
        <v>0</v>
      </c>
      <c r="AX23" s="313">
        <v>9</v>
      </c>
      <c r="AY23" s="313">
        <v>9</v>
      </c>
      <c r="AZ23" s="313">
        <v>16</v>
      </c>
      <c r="BA23" s="313">
        <v>11</v>
      </c>
      <c r="BB23" s="313">
        <v>4</v>
      </c>
      <c r="BC23" s="311">
        <v>49</v>
      </c>
      <c r="BD23" s="315">
        <v>51</v>
      </c>
      <c r="BE23" s="310">
        <v>0</v>
      </c>
      <c r="BF23" s="313">
        <v>0</v>
      </c>
      <c r="BG23" s="311">
        <v>0</v>
      </c>
      <c r="BH23" s="312">
        <v>0</v>
      </c>
      <c r="BI23" s="313">
        <v>20</v>
      </c>
      <c r="BJ23" s="313">
        <v>29</v>
      </c>
      <c r="BK23" s="313">
        <v>31</v>
      </c>
      <c r="BL23" s="313">
        <v>14</v>
      </c>
      <c r="BM23" s="313">
        <v>10</v>
      </c>
      <c r="BN23" s="314">
        <v>104</v>
      </c>
      <c r="BO23" s="315">
        <v>104</v>
      </c>
      <c r="BP23" s="310">
        <v>0</v>
      </c>
      <c r="BQ23" s="313">
        <v>0</v>
      </c>
      <c r="BR23" s="311">
        <v>0</v>
      </c>
      <c r="BS23" s="312">
        <v>0</v>
      </c>
      <c r="BT23" s="313">
        <v>0</v>
      </c>
      <c r="BU23" s="313">
        <v>0</v>
      </c>
      <c r="BV23" s="313">
        <v>0</v>
      </c>
      <c r="BW23" s="313">
        <v>0</v>
      </c>
      <c r="BX23" s="313">
        <v>0</v>
      </c>
      <c r="BY23" s="311">
        <v>0</v>
      </c>
      <c r="BZ23" s="315">
        <v>0</v>
      </c>
      <c r="CA23" s="310">
        <v>0</v>
      </c>
      <c r="CB23" s="313">
        <v>0</v>
      </c>
      <c r="CC23" s="311">
        <v>0</v>
      </c>
      <c r="CD23" s="312">
        <v>0</v>
      </c>
      <c r="CE23" s="313">
        <v>0</v>
      </c>
      <c r="CF23" s="313">
        <v>0</v>
      </c>
      <c r="CG23" s="313">
        <v>0</v>
      </c>
      <c r="CH23" s="313">
        <v>0</v>
      </c>
      <c r="CI23" s="313">
        <v>0</v>
      </c>
      <c r="CJ23" s="311">
        <v>0</v>
      </c>
      <c r="CK23" s="315">
        <v>0</v>
      </c>
      <c r="CL23" s="310">
        <v>0</v>
      </c>
      <c r="CM23" s="313">
        <v>0</v>
      </c>
      <c r="CN23" s="311">
        <v>0</v>
      </c>
      <c r="CO23" s="312">
        <v>0</v>
      </c>
      <c r="CP23" s="313">
        <v>2</v>
      </c>
      <c r="CQ23" s="313">
        <v>4</v>
      </c>
      <c r="CR23" s="313">
        <v>4</v>
      </c>
      <c r="CS23" s="313">
        <v>1</v>
      </c>
      <c r="CT23" s="313">
        <v>5</v>
      </c>
      <c r="CU23" s="311">
        <v>16</v>
      </c>
      <c r="CV23" s="315">
        <v>16</v>
      </c>
    </row>
    <row r="24" spans="1:100" ht="21" customHeight="1" x14ac:dyDescent="0.2">
      <c r="A24" s="297" t="s">
        <v>22</v>
      </c>
      <c r="B24" s="310">
        <v>0</v>
      </c>
      <c r="C24" s="313">
        <v>0</v>
      </c>
      <c r="D24" s="441">
        <v>0</v>
      </c>
      <c r="E24" s="312">
        <v>0</v>
      </c>
      <c r="F24" s="313">
        <v>4</v>
      </c>
      <c r="G24" s="313">
        <v>5</v>
      </c>
      <c r="H24" s="313">
        <v>3</v>
      </c>
      <c r="I24" s="313">
        <v>1</v>
      </c>
      <c r="J24" s="313">
        <v>0</v>
      </c>
      <c r="K24" s="314">
        <v>13</v>
      </c>
      <c r="L24" s="315">
        <v>13</v>
      </c>
      <c r="M24" s="310">
        <v>0</v>
      </c>
      <c r="N24" s="313">
        <v>0</v>
      </c>
      <c r="O24" s="311">
        <v>0</v>
      </c>
      <c r="P24" s="312">
        <v>0</v>
      </c>
      <c r="Q24" s="313">
        <v>0</v>
      </c>
      <c r="R24" s="313">
        <v>0</v>
      </c>
      <c r="S24" s="313">
        <v>0</v>
      </c>
      <c r="T24" s="313">
        <v>0</v>
      </c>
      <c r="U24" s="313">
        <v>0</v>
      </c>
      <c r="V24" s="311">
        <v>0</v>
      </c>
      <c r="W24" s="315">
        <v>0</v>
      </c>
      <c r="X24" s="310">
        <v>0</v>
      </c>
      <c r="Y24" s="313">
        <v>0</v>
      </c>
      <c r="Z24" s="311">
        <v>0</v>
      </c>
      <c r="AA24" s="312">
        <v>0</v>
      </c>
      <c r="AB24" s="313">
        <v>135</v>
      </c>
      <c r="AC24" s="313">
        <v>92</v>
      </c>
      <c r="AD24" s="313">
        <v>38</v>
      </c>
      <c r="AE24" s="313">
        <v>21</v>
      </c>
      <c r="AF24" s="313">
        <v>6</v>
      </c>
      <c r="AG24" s="311">
        <v>292</v>
      </c>
      <c r="AH24" s="315">
        <v>292</v>
      </c>
      <c r="AI24" s="310">
        <v>0</v>
      </c>
      <c r="AJ24" s="313">
        <v>1</v>
      </c>
      <c r="AK24" s="311">
        <v>1</v>
      </c>
      <c r="AL24" s="312">
        <v>0</v>
      </c>
      <c r="AM24" s="313">
        <v>8</v>
      </c>
      <c r="AN24" s="313">
        <v>8</v>
      </c>
      <c r="AO24" s="313">
        <v>3</v>
      </c>
      <c r="AP24" s="313">
        <v>2</v>
      </c>
      <c r="AQ24" s="313">
        <v>2</v>
      </c>
      <c r="AR24" s="311">
        <v>23</v>
      </c>
      <c r="AS24" s="315">
        <v>24</v>
      </c>
      <c r="AT24" s="310">
        <v>2</v>
      </c>
      <c r="AU24" s="313">
        <v>4</v>
      </c>
      <c r="AV24" s="311">
        <v>6</v>
      </c>
      <c r="AW24" s="312">
        <v>0</v>
      </c>
      <c r="AX24" s="313">
        <v>22</v>
      </c>
      <c r="AY24" s="313">
        <v>14</v>
      </c>
      <c r="AZ24" s="313">
        <v>15</v>
      </c>
      <c r="BA24" s="313">
        <v>6</v>
      </c>
      <c r="BB24" s="313">
        <v>4</v>
      </c>
      <c r="BC24" s="311">
        <v>61</v>
      </c>
      <c r="BD24" s="315">
        <v>67</v>
      </c>
      <c r="BE24" s="310">
        <v>0</v>
      </c>
      <c r="BF24" s="313">
        <v>0</v>
      </c>
      <c r="BG24" s="311">
        <v>0</v>
      </c>
      <c r="BH24" s="312">
        <v>0</v>
      </c>
      <c r="BI24" s="313">
        <v>12</v>
      </c>
      <c r="BJ24" s="313">
        <v>15</v>
      </c>
      <c r="BK24" s="313">
        <v>12</v>
      </c>
      <c r="BL24" s="313">
        <v>9</v>
      </c>
      <c r="BM24" s="313">
        <v>7</v>
      </c>
      <c r="BN24" s="314">
        <v>55</v>
      </c>
      <c r="BO24" s="315">
        <v>55</v>
      </c>
      <c r="BP24" s="310">
        <v>0</v>
      </c>
      <c r="BQ24" s="313">
        <v>0</v>
      </c>
      <c r="BR24" s="311">
        <v>0</v>
      </c>
      <c r="BS24" s="312">
        <v>0</v>
      </c>
      <c r="BT24" s="313">
        <v>0</v>
      </c>
      <c r="BU24" s="313">
        <v>0</v>
      </c>
      <c r="BV24" s="313">
        <v>0</v>
      </c>
      <c r="BW24" s="313">
        <v>0</v>
      </c>
      <c r="BX24" s="313">
        <v>0</v>
      </c>
      <c r="BY24" s="311">
        <v>0</v>
      </c>
      <c r="BZ24" s="315">
        <v>0</v>
      </c>
      <c r="CA24" s="310">
        <v>0</v>
      </c>
      <c r="CB24" s="313">
        <v>0</v>
      </c>
      <c r="CC24" s="311">
        <v>0</v>
      </c>
      <c r="CD24" s="312">
        <v>0</v>
      </c>
      <c r="CE24" s="313">
        <v>0</v>
      </c>
      <c r="CF24" s="313">
        <v>0</v>
      </c>
      <c r="CG24" s="313">
        <v>3</v>
      </c>
      <c r="CH24" s="313">
        <v>19</v>
      </c>
      <c r="CI24" s="313">
        <v>9</v>
      </c>
      <c r="CJ24" s="311">
        <v>31</v>
      </c>
      <c r="CK24" s="315">
        <v>31</v>
      </c>
      <c r="CL24" s="310">
        <v>0</v>
      </c>
      <c r="CM24" s="313">
        <v>0</v>
      </c>
      <c r="CN24" s="311">
        <v>0</v>
      </c>
      <c r="CO24" s="312">
        <v>0</v>
      </c>
      <c r="CP24" s="313">
        <v>0</v>
      </c>
      <c r="CQ24" s="313">
        <v>0</v>
      </c>
      <c r="CR24" s="313">
        <v>0</v>
      </c>
      <c r="CS24" s="313">
        <v>0</v>
      </c>
      <c r="CT24" s="313">
        <v>0</v>
      </c>
      <c r="CU24" s="311">
        <v>0</v>
      </c>
      <c r="CV24" s="315">
        <v>0</v>
      </c>
    </row>
    <row r="25" spans="1:100" ht="21" customHeight="1" x14ac:dyDescent="0.2">
      <c r="A25" s="297" t="s">
        <v>23</v>
      </c>
      <c r="B25" s="310">
        <v>0</v>
      </c>
      <c r="C25" s="313">
        <v>0</v>
      </c>
      <c r="D25" s="441">
        <v>0</v>
      </c>
      <c r="E25" s="312">
        <v>0</v>
      </c>
      <c r="F25" s="313">
        <v>1</v>
      </c>
      <c r="G25" s="313">
        <v>1</v>
      </c>
      <c r="H25" s="313">
        <v>0</v>
      </c>
      <c r="I25" s="313">
        <v>0</v>
      </c>
      <c r="J25" s="313">
        <v>1</v>
      </c>
      <c r="K25" s="314">
        <v>3</v>
      </c>
      <c r="L25" s="315">
        <v>3</v>
      </c>
      <c r="M25" s="310">
        <v>0</v>
      </c>
      <c r="N25" s="313">
        <v>0</v>
      </c>
      <c r="O25" s="311">
        <v>0</v>
      </c>
      <c r="P25" s="312">
        <v>0</v>
      </c>
      <c r="Q25" s="313">
        <v>0</v>
      </c>
      <c r="R25" s="313">
        <v>0</v>
      </c>
      <c r="S25" s="313">
        <v>0</v>
      </c>
      <c r="T25" s="313">
        <v>0</v>
      </c>
      <c r="U25" s="313">
        <v>0</v>
      </c>
      <c r="V25" s="311">
        <v>0</v>
      </c>
      <c r="W25" s="315">
        <v>0</v>
      </c>
      <c r="X25" s="310">
        <v>0</v>
      </c>
      <c r="Y25" s="313">
        <v>0</v>
      </c>
      <c r="Z25" s="311">
        <v>0</v>
      </c>
      <c r="AA25" s="312">
        <v>0</v>
      </c>
      <c r="AB25" s="313">
        <v>53</v>
      </c>
      <c r="AC25" s="313">
        <v>40</v>
      </c>
      <c r="AD25" s="313">
        <v>17</v>
      </c>
      <c r="AE25" s="313">
        <v>14</v>
      </c>
      <c r="AF25" s="313">
        <v>4</v>
      </c>
      <c r="AG25" s="311">
        <v>128</v>
      </c>
      <c r="AH25" s="315">
        <v>128</v>
      </c>
      <c r="AI25" s="310">
        <v>0</v>
      </c>
      <c r="AJ25" s="313">
        <v>0</v>
      </c>
      <c r="AK25" s="311">
        <v>0</v>
      </c>
      <c r="AL25" s="312">
        <v>0</v>
      </c>
      <c r="AM25" s="313">
        <v>0</v>
      </c>
      <c r="AN25" s="313">
        <v>0</v>
      </c>
      <c r="AO25" s="313">
        <v>1</v>
      </c>
      <c r="AP25" s="313">
        <v>1</v>
      </c>
      <c r="AQ25" s="313">
        <v>0</v>
      </c>
      <c r="AR25" s="311">
        <v>2</v>
      </c>
      <c r="AS25" s="315">
        <v>2</v>
      </c>
      <c r="AT25" s="310">
        <v>0</v>
      </c>
      <c r="AU25" s="313">
        <v>0</v>
      </c>
      <c r="AV25" s="311">
        <v>0</v>
      </c>
      <c r="AW25" s="312">
        <v>0</v>
      </c>
      <c r="AX25" s="313">
        <v>4</v>
      </c>
      <c r="AY25" s="313">
        <v>1</v>
      </c>
      <c r="AZ25" s="313">
        <v>4</v>
      </c>
      <c r="BA25" s="313">
        <v>0</v>
      </c>
      <c r="BB25" s="313">
        <v>0</v>
      </c>
      <c r="BC25" s="311">
        <v>9</v>
      </c>
      <c r="BD25" s="315">
        <v>9</v>
      </c>
      <c r="BE25" s="310">
        <v>0</v>
      </c>
      <c r="BF25" s="313">
        <v>1</v>
      </c>
      <c r="BG25" s="311">
        <v>1</v>
      </c>
      <c r="BH25" s="312">
        <v>0</v>
      </c>
      <c r="BI25" s="313">
        <v>27</v>
      </c>
      <c r="BJ25" s="313">
        <v>18</v>
      </c>
      <c r="BK25" s="313">
        <v>19</v>
      </c>
      <c r="BL25" s="313">
        <v>12</v>
      </c>
      <c r="BM25" s="313">
        <v>9</v>
      </c>
      <c r="BN25" s="314">
        <v>85</v>
      </c>
      <c r="BO25" s="315">
        <v>86</v>
      </c>
      <c r="BP25" s="310">
        <v>0</v>
      </c>
      <c r="BQ25" s="313">
        <v>0</v>
      </c>
      <c r="BR25" s="311">
        <v>0</v>
      </c>
      <c r="BS25" s="312">
        <v>0</v>
      </c>
      <c r="BT25" s="313">
        <v>0</v>
      </c>
      <c r="BU25" s="313">
        <v>0</v>
      </c>
      <c r="BV25" s="313">
        <v>0</v>
      </c>
      <c r="BW25" s="313">
        <v>0</v>
      </c>
      <c r="BX25" s="313">
        <v>0</v>
      </c>
      <c r="BY25" s="311">
        <v>0</v>
      </c>
      <c r="BZ25" s="315">
        <v>0</v>
      </c>
      <c r="CA25" s="310">
        <v>0</v>
      </c>
      <c r="CB25" s="313">
        <v>0</v>
      </c>
      <c r="CC25" s="311">
        <v>0</v>
      </c>
      <c r="CD25" s="312">
        <v>0</v>
      </c>
      <c r="CE25" s="313">
        <v>0</v>
      </c>
      <c r="CF25" s="313">
        <v>0</v>
      </c>
      <c r="CG25" s="313">
        <v>0</v>
      </c>
      <c r="CH25" s="313">
        <v>0</v>
      </c>
      <c r="CI25" s="313">
        <v>0</v>
      </c>
      <c r="CJ25" s="311">
        <v>0</v>
      </c>
      <c r="CK25" s="315">
        <v>0</v>
      </c>
      <c r="CL25" s="310">
        <v>0</v>
      </c>
      <c r="CM25" s="313">
        <v>0</v>
      </c>
      <c r="CN25" s="311">
        <v>0</v>
      </c>
      <c r="CO25" s="312">
        <v>0</v>
      </c>
      <c r="CP25" s="313">
        <v>0</v>
      </c>
      <c r="CQ25" s="313">
        <v>0</v>
      </c>
      <c r="CR25" s="313">
        <v>0</v>
      </c>
      <c r="CS25" s="313">
        <v>1</v>
      </c>
      <c r="CT25" s="313">
        <v>0</v>
      </c>
      <c r="CU25" s="311">
        <v>1</v>
      </c>
      <c r="CV25" s="315">
        <v>1</v>
      </c>
    </row>
    <row r="26" spans="1:100" ht="21" customHeight="1" x14ac:dyDescent="0.2">
      <c r="A26" s="297" t="s">
        <v>24</v>
      </c>
      <c r="B26" s="310">
        <v>0</v>
      </c>
      <c r="C26" s="313">
        <v>0</v>
      </c>
      <c r="D26" s="441">
        <v>0</v>
      </c>
      <c r="E26" s="312">
        <v>0</v>
      </c>
      <c r="F26" s="313">
        <v>1</v>
      </c>
      <c r="G26" s="313">
        <v>1</v>
      </c>
      <c r="H26" s="313">
        <v>3</v>
      </c>
      <c r="I26" s="313">
        <v>1</v>
      </c>
      <c r="J26" s="313">
        <v>1</v>
      </c>
      <c r="K26" s="314">
        <v>7</v>
      </c>
      <c r="L26" s="315">
        <v>7</v>
      </c>
      <c r="M26" s="310">
        <v>0</v>
      </c>
      <c r="N26" s="313">
        <v>0</v>
      </c>
      <c r="O26" s="311">
        <v>0</v>
      </c>
      <c r="P26" s="312">
        <v>0</v>
      </c>
      <c r="Q26" s="313">
        <v>0</v>
      </c>
      <c r="R26" s="313">
        <v>0</v>
      </c>
      <c r="S26" s="313">
        <v>0</v>
      </c>
      <c r="T26" s="313">
        <v>0</v>
      </c>
      <c r="U26" s="313">
        <v>0</v>
      </c>
      <c r="V26" s="311">
        <v>0</v>
      </c>
      <c r="W26" s="315">
        <v>0</v>
      </c>
      <c r="X26" s="310">
        <v>0</v>
      </c>
      <c r="Y26" s="313">
        <v>0</v>
      </c>
      <c r="Z26" s="311">
        <v>0</v>
      </c>
      <c r="AA26" s="312">
        <v>0</v>
      </c>
      <c r="AB26" s="313">
        <v>51</v>
      </c>
      <c r="AC26" s="313">
        <v>16</v>
      </c>
      <c r="AD26" s="313">
        <v>19</v>
      </c>
      <c r="AE26" s="313">
        <v>7</v>
      </c>
      <c r="AF26" s="313">
        <v>5</v>
      </c>
      <c r="AG26" s="311">
        <v>98</v>
      </c>
      <c r="AH26" s="315">
        <v>98</v>
      </c>
      <c r="AI26" s="310">
        <v>0</v>
      </c>
      <c r="AJ26" s="313">
        <v>0</v>
      </c>
      <c r="AK26" s="311">
        <v>0</v>
      </c>
      <c r="AL26" s="312">
        <v>0</v>
      </c>
      <c r="AM26" s="313">
        <v>9</v>
      </c>
      <c r="AN26" s="313">
        <v>6</v>
      </c>
      <c r="AO26" s="313">
        <v>5</v>
      </c>
      <c r="AP26" s="313">
        <v>2</v>
      </c>
      <c r="AQ26" s="313">
        <v>2</v>
      </c>
      <c r="AR26" s="311">
        <v>24</v>
      </c>
      <c r="AS26" s="315">
        <v>24</v>
      </c>
      <c r="AT26" s="310">
        <v>7</v>
      </c>
      <c r="AU26" s="313">
        <v>6</v>
      </c>
      <c r="AV26" s="311">
        <v>13</v>
      </c>
      <c r="AW26" s="312">
        <v>0</v>
      </c>
      <c r="AX26" s="313">
        <v>18</v>
      </c>
      <c r="AY26" s="313">
        <v>10</v>
      </c>
      <c r="AZ26" s="313">
        <v>7</v>
      </c>
      <c r="BA26" s="313">
        <v>3</v>
      </c>
      <c r="BB26" s="313">
        <v>1</v>
      </c>
      <c r="BC26" s="311">
        <v>39</v>
      </c>
      <c r="BD26" s="315">
        <v>52</v>
      </c>
      <c r="BE26" s="310">
        <v>0</v>
      </c>
      <c r="BF26" s="313">
        <v>0</v>
      </c>
      <c r="BG26" s="311">
        <v>0</v>
      </c>
      <c r="BH26" s="312">
        <v>0</v>
      </c>
      <c r="BI26" s="313">
        <v>2</v>
      </c>
      <c r="BJ26" s="313">
        <v>3</v>
      </c>
      <c r="BK26" s="313">
        <v>14</v>
      </c>
      <c r="BL26" s="313">
        <v>6</v>
      </c>
      <c r="BM26" s="313">
        <v>3</v>
      </c>
      <c r="BN26" s="314">
        <v>28</v>
      </c>
      <c r="BO26" s="315">
        <v>28</v>
      </c>
      <c r="BP26" s="310">
        <v>0</v>
      </c>
      <c r="BQ26" s="313">
        <v>0</v>
      </c>
      <c r="BR26" s="311">
        <v>0</v>
      </c>
      <c r="BS26" s="312">
        <v>0</v>
      </c>
      <c r="BT26" s="313">
        <v>0</v>
      </c>
      <c r="BU26" s="313">
        <v>0</v>
      </c>
      <c r="BV26" s="313">
        <v>0</v>
      </c>
      <c r="BW26" s="313">
        <v>0</v>
      </c>
      <c r="BX26" s="313">
        <v>0</v>
      </c>
      <c r="BY26" s="311">
        <v>0</v>
      </c>
      <c r="BZ26" s="315">
        <v>0</v>
      </c>
      <c r="CA26" s="310">
        <v>0</v>
      </c>
      <c r="CB26" s="313">
        <v>0</v>
      </c>
      <c r="CC26" s="311">
        <v>0</v>
      </c>
      <c r="CD26" s="312">
        <v>0</v>
      </c>
      <c r="CE26" s="313">
        <v>0</v>
      </c>
      <c r="CF26" s="313">
        <v>0</v>
      </c>
      <c r="CG26" s="313">
        <v>0</v>
      </c>
      <c r="CH26" s="313">
        <v>0</v>
      </c>
      <c r="CI26" s="313">
        <v>0</v>
      </c>
      <c r="CJ26" s="311">
        <v>0</v>
      </c>
      <c r="CK26" s="315">
        <v>0</v>
      </c>
      <c r="CL26" s="310">
        <v>0</v>
      </c>
      <c r="CM26" s="313">
        <v>0</v>
      </c>
      <c r="CN26" s="311">
        <v>0</v>
      </c>
      <c r="CO26" s="312">
        <v>0</v>
      </c>
      <c r="CP26" s="313">
        <v>0</v>
      </c>
      <c r="CQ26" s="313">
        <v>0</v>
      </c>
      <c r="CR26" s="313">
        <v>0</v>
      </c>
      <c r="CS26" s="313">
        <v>0</v>
      </c>
      <c r="CT26" s="313">
        <v>0</v>
      </c>
      <c r="CU26" s="311">
        <v>0</v>
      </c>
      <c r="CV26" s="315">
        <v>0</v>
      </c>
    </row>
    <row r="27" spans="1:100" ht="21" customHeight="1" x14ac:dyDescent="0.2">
      <c r="A27" s="297" t="s">
        <v>25</v>
      </c>
      <c r="B27" s="310">
        <v>0</v>
      </c>
      <c r="C27" s="313">
        <v>0</v>
      </c>
      <c r="D27" s="441">
        <v>0</v>
      </c>
      <c r="E27" s="312">
        <v>0</v>
      </c>
      <c r="F27" s="313">
        <v>0</v>
      </c>
      <c r="G27" s="313">
        <v>0</v>
      </c>
      <c r="H27" s="313">
        <v>0</v>
      </c>
      <c r="I27" s="313">
        <v>0</v>
      </c>
      <c r="J27" s="313">
        <v>0</v>
      </c>
      <c r="K27" s="314">
        <v>0</v>
      </c>
      <c r="L27" s="315">
        <v>0</v>
      </c>
      <c r="M27" s="310">
        <v>0</v>
      </c>
      <c r="N27" s="313">
        <v>0</v>
      </c>
      <c r="O27" s="311">
        <v>0</v>
      </c>
      <c r="P27" s="312">
        <v>0</v>
      </c>
      <c r="Q27" s="313">
        <v>0</v>
      </c>
      <c r="R27" s="313">
        <v>0</v>
      </c>
      <c r="S27" s="313">
        <v>0</v>
      </c>
      <c r="T27" s="313">
        <v>0</v>
      </c>
      <c r="U27" s="313">
        <v>0</v>
      </c>
      <c r="V27" s="311">
        <v>0</v>
      </c>
      <c r="W27" s="315">
        <v>0</v>
      </c>
      <c r="X27" s="310">
        <v>0</v>
      </c>
      <c r="Y27" s="313">
        <v>0</v>
      </c>
      <c r="Z27" s="311">
        <v>0</v>
      </c>
      <c r="AA27" s="312">
        <v>0</v>
      </c>
      <c r="AB27" s="313">
        <v>71</v>
      </c>
      <c r="AC27" s="313">
        <v>28</v>
      </c>
      <c r="AD27" s="313">
        <v>15</v>
      </c>
      <c r="AE27" s="313">
        <v>12</v>
      </c>
      <c r="AF27" s="313">
        <v>1</v>
      </c>
      <c r="AG27" s="311">
        <v>127</v>
      </c>
      <c r="AH27" s="315">
        <v>127</v>
      </c>
      <c r="AI27" s="310">
        <v>0</v>
      </c>
      <c r="AJ27" s="313">
        <v>0</v>
      </c>
      <c r="AK27" s="311">
        <v>0</v>
      </c>
      <c r="AL27" s="312">
        <v>0</v>
      </c>
      <c r="AM27" s="313">
        <v>8</v>
      </c>
      <c r="AN27" s="313">
        <v>3</v>
      </c>
      <c r="AO27" s="313">
        <v>0</v>
      </c>
      <c r="AP27" s="313">
        <v>0</v>
      </c>
      <c r="AQ27" s="313">
        <v>1</v>
      </c>
      <c r="AR27" s="311">
        <v>12</v>
      </c>
      <c r="AS27" s="315">
        <v>12</v>
      </c>
      <c r="AT27" s="310">
        <v>0</v>
      </c>
      <c r="AU27" s="313">
        <v>0</v>
      </c>
      <c r="AV27" s="311">
        <v>0</v>
      </c>
      <c r="AW27" s="312">
        <v>0</v>
      </c>
      <c r="AX27" s="313">
        <v>2</v>
      </c>
      <c r="AY27" s="313">
        <v>2</v>
      </c>
      <c r="AZ27" s="313">
        <v>4</v>
      </c>
      <c r="BA27" s="313">
        <v>0</v>
      </c>
      <c r="BB27" s="313">
        <v>1</v>
      </c>
      <c r="BC27" s="311">
        <v>9</v>
      </c>
      <c r="BD27" s="315">
        <v>9</v>
      </c>
      <c r="BE27" s="310">
        <v>0</v>
      </c>
      <c r="BF27" s="313">
        <v>0</v>
      </c>
      <c r="BG27" s="311">
        <v>0</v>
      </c>
      <c r="BH27" s="312">
        <v>0</v>
      </c>
      <c r="BI27" s="313">
        <v>10</v>
      </c>
      <c r="BJ27" s="313">
        <v>9</v>
      </c>
      <c r="BK27" s="313">
        <v>4</v>
      </c>
      <c r="BL27" s="313">
        <v>4</v>
      </c>
      <c r="BM27" s="313">
        <v>1</v>
      </c>
      <c r="BN27" s="314">
        <v>28</v>
      </c>
      <c r="BO27" s="315">
        <v>28</v>
      </c>
      <c r="BP27" s="310">
        <v>0</v>
      </c>
      <c r="BQ27" s="313">
        <v>0</v>
      </c>
      <c r="BR27" s="311">
        <v>0</v>
      </c>
      <c r="BS27" s="312">
        <v>0</v>
      </c>
      <c r="BT27" s="313">
        <v>0</v>
      </c>
      <c r="BU27" s="313">
        <v>0</v>
      </c>
      <c r="BV27" s="313">
        <v>0</v>
      </c>
      <c r="BW27" s="313">
        <v>0</v>
      </c>
      <c r="BX27" s="313">
        <v>0</v>
      </c>
      <c r="BY27" s="311">
        <v>0</v>
      </c>
      <c r="BZ27" s="315">
        <v>0</v>
      </c>
      <c r="CA27" s="310">
        <v>0</v>
      </c>
      <c r="CB27" s="313">
        <v>0</v>
      </c>
      <c r="CC27" s="311">
        <v>0</v>
      </c>
      <c r="CD27" s="312">
        <v>0</v>
      </c>
      <c r="CE27" s="313">
        <v>0</v>
      </c>
      <c r="CF27" s="313">
        <v>0</v>
      </c>
      <c r="CG27" s="313">
        <v>0</v>
      </c>
      <c r="CH27" s="313">
        <v>0</v>
      </c>
      <c r="CI27" s="313">
        <v>0</v>
      </c>
      <c r="CJ27" s="311">
        <v>0</v>
      </c>
      <c r="CK27" s="315">
        <v>0</v>
      </c>
      <c r="CL27" s="310">
        <v>0</v>
      </c>
      <c r="CM27" s="313">
        <v>0</v>
      </c>
      <c r="CN27" s="311">
        <v>0</v>
      </c>
      <c r="CO27" s="312">
        <v>0</v>
      </c>
      <c r="CP27" s="313">
        <v>0</v>
      </c>
      <c r="CQ27" s="313">
        <v>0</v>
      </c>
      <c r="CR27" s="313">
        <v>0</v>
      </c>
      <c r="CS27" s="313">
        <v>0</v>
      </c>
      <c r="CT27" s="313">
        <v>0</v>
      </c>
      <c r="CU27" s="311">
        <v>0</v>
      </c>
      <c r="CV27" s="315">
        <v>0</v>
      </c>
    </row>
    <row r="28" spans="1:100" ht="21" customHeight="1" x14ac:dyDescent="0.2">
      <c r="A28" s="297" t="s">
        <v>26</v>
      </c>
      <c r="B28" s="310">
        <v>0</v>
      </c>
      <c r="C28" s="313">
        <v>0</v>
      </c>
      <c r="D28" s="441">
        <v>0</v>
      </c>
      <c r="E28" s="312">
        <v>0</v>
      </c>
      <c r="F28" s="313">
        <v>0</v>
      </c>
      <c r="G28" s="313">
        <v>0</v>
      </c>
      <c r="H28" s="313">
        <v>0</v>
      </c>
      <c r="I28" s="313">
        <v>0</v>
      </c>
      <c r="J28" s="313">
        <v>0</v>
      </c>
      <c r="K28" s="314">
        <v>0</v>
      </c>
      <c r="L28" s="315">
        <v>0</v>
      </c>
      <c r="M28" s="310">
        <v>0</v>
      </c>
      <c r="N28" s="313">
        <v>0</v>
      </c>
      <c r="O28" s="311">
        <v>0</v>
      </c>
      <c r="P28" s="312">
        <v>0</v>
      </c>
      <c r="Q28" s="313">
        <v>0</v>
      </c>
      <c r="R28" s="313">
        <v>0</v>
      </c>
      <c r="S28" s="313">
        <v>0</v>
      </c>
      <c r="T28" s="313">
        <v>0</v>
      </c>
      <c r="U28" s="313">
        <v>0</v>
      </c>
      <c r="V28" s="311">
        <v>0</v>
      </c>
      <c r="W28" s="315">
        <v>0</v>
      </c>
      <c r="X28" s="310">
        <v>0</v>
      </c>
      <c r="Y28" s="313">
        <v>0</v>
      </c>
      <c r="Z28" s="311">
        <v>0</v>
      </c>
      <c r="AA28" s="312">
        <v>0</v>
      </c>
      <c r="AB28" s="313">
        <v>28</v>
      </c>
      <c r="AC28" s="313">
        <v>29</v>
      </c>
      <c r="AD28" s="313">
        <v>12</v>
      </c>
      <c r="AE28" s="313">
        <v>10</v>
      </c>
      <c r="AF28" s="313">
        <v>9</v>
      </c>
      <c r="AG28" s="311">
        <v>88</v>
      </c>
      <c r="AH28" s="315">
        <v>88</v>
      </c>
      <c r="AI28" s="310">
        <v>0</v>
      </c>
      <c r="AJ28" s="313">
        <v>0</v>
      </c>
      <c r="AK28" s="311">
        <v>0</v>
      </c>
      <c r="AL28" s="312">
        <v>0</v>
      </c>
      <c r="AM28" s="313">
        <v>1</v>
      </c>
      <c r="AN28" s="313">
        <v>3</v>
      </c>
      <c r="AO28" s="313">
        <v>6</v>
      </c>
      <c r="AP28" s="313">
        <v>2</v>
      </c>
      <c r="AQ28" s="313">
        <v>3</v>
      </c>
      <c r="AR28" s="311">
        <v>15</v>
      </c>
      <c r="AS28" s="315">
        <v>15</v>
      </c>
      <c r="AT28" s="310">
        <v>2</v>
      </c>
      <c r="AU28" s="313">
        <v>0</v>
      </c>
      <c r="AV28" s="311">
        <v>2</v>
      </c>
      <c r="AW28" s="312">
        <v>0</v>
      </c>
      <c r="AX28" s="313">
        <v>9</v>
      </c>
      <c r="AY28" s="313">
        <v>6</v>
      </c>
      <c r="AZ28" s="313">
        <v>1</v>
      </c>
      <c r="BA28" s="313">
        <v>3</v>
      </c>
      <c r="BB28" s="313">
        <v>3</v>
      </c>
      <c r="BC28" s="311">
        <v>22</v>
      </c>
      <c r="BD28" s="315">
        <v>24</v>
      </c>
      <c r="BE28" s="310">
        <v>0</v>
      </c>
      <c r="BF28" s="313">
        <v>0</v>
      </c>
      <c r="BG28" s="311">
        <v>0</v>
      </c>
      <c r="BH28" s="312">
        <v>0</v>
      </c>
      <c r="BI28" s="313">
        <v>10</v>
      </c>
      <c r="BJ28" s="313">
        <v>8</v>
      </c>
      <c r="BK28" s="313">
        <v>17</v>
      </c>
      <c r="BL28" s="313">
        <v>12</v>
      </c>
      <c r="BM28" s="313">
        <v>5</v>
      </c>
      <c r="BN28" s="314">
        <v>52</v>
      </c>
      <c r="BO28" s="315">
        <v>52</v>
      </c>
      <c r="BP28" s="310">
        <v>0</v>
      </c>
      <c r="BQ28" s="313">
        <v>0</v>
      </c>
      <c r="BR28" s="311">
        <v>0</v>
      </c>
      <c r="BS28" s="312">
        <v>0</v>
      </c>
      <c r="BT28" s="313">
        <v>0</v>
      </c>
      <c r="BU28" s="313">
        <v>0</v>
      </c>
      <c r="BV28" s="313">
        <v>0</v>
      </c>
      <c r="BW28" s="313">
        <v>0</v>
      </c>
      <c r="BX28" s="313">
        <v>0</v>
      </c>
      <c r="BY28" s="311">
        <v>0</v>
      </c>
      <c r="BZ28" s="315">
        <v>0</v>
      </c>
      <c r="CA28" s="310">
        <v>0</v>
      </c>
      <c r="CB28" s="313">
        <v>0</v>
      </c>
      <c r="CC28" s="311">
        <v>0</v>
      </c>
      <c r="CD28" s="312">
        <v>0</v>
      </c>
      <c r="CE28" s="313">
        <v>0</v>
      </c>
      <c r="CF28" s="313">
        <v>1</v>
      </c>
      <c r="CG28" s="313">
        <v>0</v>
      </c>
      <c r="CH28" s="313">
        <v>0</v>
      </c>
      <c r="CI28" s="313">
        <v>0</v>
      </c>
      <c r="CJ28" s="311">
        <v>1</v>
      </c>
      <c r="CK28" s="315">
        <v>1</v>
      </c>
      <c r="CL28" s="310">
        <v>0</v>
      </c>
      <c r="CM28" s="313">
        <v>0</v>
      </c>
      <c r="CN28" s="311">
        <v>0</v>
      </c>
      <c r="CO28" s="312">
        <v>0</v>
      </c>
      <c r="CP28" s="313">
        <v>0</v>
      </c>
      <c r="CQ28" s="313">
        <v>0</v>
      </c>
      <c r="CR28" s="313">
        <v>0</v>
      </c>
      <c r="CS28" s="313">
        <v>0</v>
      </c>
      <c r="CT28" s="313">
        <v>0</v>
      </c>
      <c r="CU28" s="311">
        <v>0</v>
      </c>
      <c r="CV28" s="315">
        <v>0</v>
      </c>
    </row>
    <row r="29" spans="1:100" ht="21" customHeight="1" x14ac:dyDescent="0.2">
      <c r="A29" s="297" t="s">
        <v>27</v>
      </c>
      <c r="B29" s="310">
        <v>0</v>
      </c>
      <c r="C29" s="313">
        <v>0</v>
      </c>
      <c r="D29" s="441">
        <v>0</v>
      </c>
      <c r="E29" s="312">
        <v>0</v>
      </c>
      <c r="F29" s="313">
        <v>0</v>
      </c>
      <c r="G29" s="313">
        <v>1</v>
      </c>
      <c r="H29" s="313">
        <v>1</v>
      </c>
      <c r="I29" s="313">
        <v>0</v>
      </c>
      <c r="J29" s="313">
        <v>0</v>
      </c>
      <c r="K29" s="314">
        <v>2</v>
      </c>
      <c r="L29" s="315">
        <v>2</v>
      </c>
      <c r="M29" s="310">
        <v>0</v>
      </c>
      <c r="N29" s="313">
        <v>0</v>
      </c>
      <c r="O29" s="311">
        <v>0</v>
      </c>
      <c r="P29" s="312">
        <v>0</v>
      </c>
      <c r="Q29" s="313">
        <v>0</v>
      </c>
      <c r="R29" s="313">
        <v>0</v>
      </c>
      <c r="S29" s="313">
        <v>0</v>
      </c>
      <c r="T29" s="313">
        <v>0</v>
      </c>
      <c r="U29" s="313">
        <v>0</v>
      </c>
      <c r="V29" s="311">
        <v>0</v>
      </c>
      <c r="W29" s="315">
        <v>0</v>
      </c>
      <c r="X29" s="310">
        <v>0</v>
      </c>
      <c r="Y29" s="313">
        <v>0</v>
      </c>
      <c r="Z29" s="311">
        <v>0</v>
      </c>
      <c r="AA29" s="312">
        <v>0</v>
      </c>
      <c r="AB29" s="313">
        <v>28</v>
      </c>
      <c r="AC29" s="313">
        <v>21</v>
      </c>
      <c r="AD29" s="313">
        <v>17</v>
      </c>
      <c r="AE29" s="313">
        <v>2</v>
      </c>
      <c r="AF29" s="313">
        <v>0</v>
      </c>
      <c r="AG29" s="311">
        <v>68</v>
      </c>
      <c r="AH29" s="315">
        <v>68</v>
      </c>
      <c r="AI29" s="310">
        <v>0</v>
      </c>
      <c r="AJ29" s="313">
        <v>0</v>
      </c>
      <c r="AK29" s="311">
        <v>0</v>
      </c>
      <c r="AL29" s="312">
        <v>0</v>
      </c>
      <c r="AM29" s="313">
        <v>5</v>
      </c>
      <c r="AN29" s="313">
        <v>1</v>
      </c>
      <c r="AO29" s="313">
        <v>1</v>
      </c>
      <c r="AP29" s="313">
        <v>1</v>
      </c>
      <c r="AQ29" s="313">
        <v>1</v>
      </c>
      <c r="AR29" s="311">
        <v>9</v>
      </c>
      <c r="AS29" s="315">
        <v>9</v>
      </c>
      <c r="AT29" s="310">
        <v>0</v>
      </c>
      <c r="AU29" s="313">
        <v>0</v>
      </c>
      <c r="AV29" s="311">
        <v>0</v>
      </c>
      <c r="AW29" s="312">
        <v>0</v>
      </c>
      <c r="AX29" s="313">
        <v>0</v>
      </c>
      <c r="AY29" s="313">
        <v>2</v>
      </c>
      <c r="AZ29" s="313">
        <v>0</v>
      </c>
      <c r="BA29" s="313">
        <v>0</v>
      </c>
      <c r="BB29" s="313">
        <v>0</v>
      </c>
      <c r="BC29" s="311">
        <v>2</v>
      </c>
      <c r="BD29" s="315">
        <v>2</v>
      </c>
      <c r="BE29" s="310">
        <v>0</v>
      </c>
      <c r="BF29" s="313">
        <v>0</v>
      </c>
      <c r="BG29" s="311">
        <v>0</v>
      </c>
      <c r="BH29" s="312">
        <v>0</v>
      </c>
      <c r="BI29" s="313">
        <v>20</v>
      </c>
      <c r="BJ29" s="313">
        <v>5</v>
      </c>
      <c r="BK29" s="313">
        <v>6</v>
      </c>
      <c r="BL29" s="313">
        <v>3</v>
      </c>
      <c r="BM29" s="313">
        <v>4</v>
      </c>
      <c r="BN29" s="314">
        <v>38</v>
      </c>
      <c r="BO29" s="315">
        <v>38</v>
      </c>
      <c r="BP29" s="310">
        <v>0</v>
      </c>
      <c r="BQ29" s="313">
        <v>0</v>
      </c>
      <c r="BR29" s="311">
        <v>0</v>
      </c>
      <c r="BS29" s="312">
        <v>0</v>
      </c>
      <c r="BT29" s="313">
        <v>0</v>
      </c>
      <c r="BU29" s="313">
        <v>0</v>
      </c>
      <c r="BV29" s="313">
        <v>0</v>
      </c>
      <c r="BW29" s="313">
        <v>0</v>
      </c>
      <c r="BX29" s="313">
        <v>0</v>
      </c>
      <c r="BY29" s="311">
        <v>0</v>
      </c>
      <c r="BZ29" s="315">
        <v>0</v>
      </c>
      <c r="CA29" s="310">
        <v>0</v>
      </c>
      <c r="CB29" s="313">
        <v>0</v>
      </c>
      <c r="CC29" s="311">
        <v>0</v>
      </c>
      <c r="CD29" s="312">
        <v>0</v>
      </c>
      <c r="CE29" s="313">
        <v>0</v>
      </c>
      <c r="CF29" s="313">
        <v>0</v>
      </c>
      <c r="CG29" s="313">
        <v>13</v>
      </c>
      <c r="CH29" s="313">
        <v>5</v>
      </c>
      <c r="CI29" s="313">
        <v>4</v>
      </c>
      <c r="CJ29" s="311">
        <v>22</v>
      </c>
      <c r="CK29" s="315">
        <v>22</v>
      </c>
      <c r="CL29" s="310">
        <v>0</v>
      </c>
      <c r="CM29" s="313">
        <v>0</v>
      </c>
      <c r="CN29" s="311">
        <v>0</v>
      </c>
      <c r="CO29" s="312">
        <v>0</v>
      </c>
      <c r="CP29" s="313">
        <v>0</v>
      </c>
      <c r="CQ29" s="313">
        <v>0</v>
      </c>
      <c r="CR29" s="313">
        <v>1</v>
      </c>
      <c r="CS29" s="313">
        <v>0</v>
      </c>
      <c r="CT29" s="313">
        <v>0</v>
      </c>
      <c r="CU29" s="311">
        <v>1</v>
      </c>
      <c r="CV29" s="315">
        <v>1</v>
      </c>
    </row>
    <row r="30" spans="1:100" ht="21" customHeight="1" x14ac:dyDescent="0.2">
      <c r="A30" s="297" t="s">
        <v>28</v>
      </c>
      <c r="B30" s="310">
        <v>0</v>
      </c>
      <c r="C30" s="313">
        <v>0</v>
      </c>
      <c r="D30" s="441">
        <v>0</v>
      </c>
      <c r="E30" s="312">
        <v>0</v>
      </c>
      <c r="F30" s="313">
        <v>0</v>
      </c>
      <c r="G30" s="313">
        <v>0</v>
      </c>
      <c r="H30" s="313">
        <v>0</v>
      </c>
      <c r="I30" s="313">
        <v>0</v>
      </c>
      <c r="J30" s="313">
        <v>0</v>
      </c>
      <c r="K30" s="314">
        <v>0</v>
      </c>
      <c r="L30" s="315">
        <v>0</v>
      </c>
      <c r="M30" s="310">
        <v>0</v>
      </c>
      <c r="N30" s="313">
        <v>0</v>
      </c>
      <c r="O30" s="311">
        <v>0</v>
      </c>
      <c r="P30" s="312">
        <v>0</v>
      </c>
      <c r="Q30" s="313">
        <v>0</v>
      </c>
      <c r="R30" s="313">
        <v>0</v>
      </c>
      <c r="S30" s="313">
        <v>0</v>
      </c>
      <c r="T30" s="313">
        <v>0</v>
      </c>
      <c r="U30" s="313">
        <v>0</v>
      </c>
      <c r="V30" s="311">
        <v>0</v>
      </c>
      <c r="W30" s="315">
        <v>0</v>
      </c>
      <c r="X30" s="310">
        <v>0</v>
      </c>
      <c r="Y30" s="313">
        <v>0</v>
      </c>
      <c r="Z30" s="311">
        <v>0</v>
      </c>
      <c r="AA30" s="312">
        <v>0</v>
      </c>
      <c r="AB30" s="313">
        <v>15</v>
      </c>
      <c r="AC30" s="313">
        <v>14</v>
      </c>
      <c r="AD30" s="313">
        <v>2</v>
      </c>
      <c r="AE30" s="313">
        <v>4</v>
      </c>
      <c r="AF30" s="313">
        <v>0</v>
      </c>
      <c r="AG30" s="311">
        <v>35</v>
      </c>
      <c r="AH30" s="315">
        <v>35</v>
      </c>
      <c r="AI30" s="310">
        <v>0</v>
      </c>
      <c r="AJ30" s="313">
        <v>0</v>
      </c>
      <c r="AK30" s="311">
        <v>0</v>
      </c>
      <c r="AL30" s="312">
        <v>0</v>
      </c>
      <c r="AM30" s="313">
        <v>1</v>
      </c>
      <c r="AN30" s="313">
        <v>1</v>
      </c>
      <c r="AO30" s="313">
        <v>4</v>
      </c>
      <c r="AP30" s="313">
        <v>0</v>
      </c>
      <c r="AQ30" s="313">
        <v>0</v>
      </c>
      <c r="AR30" s="311">
        <v>6</v>
      </c>
      <c r="AS30" s="315">
        <v>6</v>
      </c>
      <c r="AT30" s="310">
        <v>0</v>
      </c>
      <c r="AU30" s="313">
        <v>0</v>
      </c>
      <c r="AV30" s="311">
        <v>0</v>
      </c>
      <c r="AW30" s="312">
        <v>0</v>
      </c>
      <c r="AX30" s="313">
        <v>0</v>
      </c>
      <c r="AY30" s="313">
        <v>0</v>
      </c>
      <c r="AZ30" s="313">
        <v>0</v>
      </c>
      <c r="BA30" s="313">
        <v>0</v>
      </c>
      <c r="BB30" s="313">
        <v>0</v>
      </c>
      <c r="BC30" s="311">
        <v>0</v>
      </c>
      <c r="BD30" s="315">
        <v>0</v>
      </c>
      <c r="BE30" s="310">
        <v>0</v>
      </c>
      <c r="BF30" s="313">
        <v>0</v>
      </c>
      <c r="BG30" s="311">
        <v>0</v>
      </c>
      <c r="BH30" s="312">
        <v>0</v>
      </c>
      <c r="BI30" s="313">
        <v>1</v>
      </c>
      <c r="BJ30" s="313">
        <v>2</v>
      </c>
      <c r="BK30" s="313">
        <v>7</v>
      </c>
      <c r="BL30" s="313">
        <v>2</v>
      </c>
      <c r="BM30" s="313">
        <v>3</v>
      </c>
      <c r="BN30" s="314">
        <v>15</v>
      </c>
      <c r="BO30" s="315">
        <v>15</v>
      </c>
      <c r="BP30" s="310">
        <v>0</v>
      </c>
      <c r="BQ30" s="313">
        <v>0</v>
      </c>
      <c r="BR30" s="311">
        <v>0</v>
      </c>
      <c r="BS30" s="312">
        <v>0</v>
      </c>
      <c r="BT30" s="313">
        <v>0</v>
      </c>
      <c r="BU30" s="313">
        <v>0</v>
      </c>
      <c r="BV30" s="313">
        <v>0</v>
      </c>
      <c r="BW30" s="313">
        <v>0</v>
      </c>
      <c r="BX30" s="313">
        <v>0</v>
      </c>
      <c r="BY30" s="311">
        <v>0</v>
      </c>
      <c r="BZ30" s="315">
        <v>0</v>
      </c>
      <c r="CA30" s="310">
        <v>0</v>
      </c>
      <c r="CB30" s="313">
        <v>0</v>
      </c>
      <c r="CC30" s="311">
        <v>0</v>
      </c>
      <c r="CD30" s="312">
        <v>0</v>
      </c>
      <c r="CE30" s="313">
        <v>0</v>
      </c>
      <c r="CF30" s="313">
        <v>0</v>
      </c>
      <c r="CG30" s="313">
        <v>1</v>
      </c>
      <c r="CH30" s="313">
        <v>0</v>
      </c>
      <c r="CI30" s="313">
        <v>0</v>
      </c>
      <c r="CJ30" s="311">
        <v>1</v>
      </c>
      <c r="CK30" s="315">
        <v>1</v>
      </c>
      <c r="CL30" s="310">
        <v>0</v>
      </c>
      <c r="CM30" s="313">
        <v>0</v>
      </c>
      <c r="CN30" s="311">
        <v>0</v>
      </c>
      <c r="CO30" s="312">
        <v>0</v>
      </c>
      <c r="CP30" s="313">
        <v>0</v>
      </c>
      <c r="CQ30" s="313">
        <v>0</v>
      </c>
      <c r="CR30" s="313">
        <v>0</v>
      </c>
      <c r="CS30" s="313">
        <v>0</v>
      </c>
      <c r="CT30" s="313">
        <v>0</v>
      </c>
      <c r="CU30" s="311">
        <v>0</v>
      </c>
      <c r="CV30" s="315">
        <v>0</v>
      </c>
    </row>
    <row r="31" spans="1:100" ht="21" customHeight="1" x14ac:dyDescent="0.2">
      <c r="A31" s="297" t="s">
        <v>29</v>
      </c>
      <c r="B31" s="310">
        <v>0</v>
      </c>
      <c r="C31" s="313">
        <v>0</v>
      </c>
      <c r="D31" s="441">
        <v>0</v>
      </c>
      <c r="E31" s="312">
        <v>0</v>
      </c>
      <c r="F31" s="313">
        <v>0</v>
      </c>
      <c r="G31" s="313">
        <v>0</v>
      </c>
      <c r="H31" s="313">
        <v>0</v>
      </c>
      <c r="I31" s="313">
        <v>0</v>
      </c>
      <c r="J31" s="313">
        <v>0</v>
      </c>
      <c r="K31" s="314">
        <v>0</v>
      </c>
      <c r="L31" s="315">
        <v>0</v>
      </c>
      <c r="M31" s="310">
        <v>0</v>
      </c>
      <c r="N31" s="313">
        <v>0</v>
      </c>
      <c r="O31" s="311">
        <v>0</v>
      </c>
      <c r="P31" s="312">
        <v>0</v>
      </c>
      <c r="Q31" s="313">
        <v>0</v>
      </c>
      <c r="R31" s="313">
        <v>0</v>
      </c>
      <c r="S31" s="313">
        <v>0</v>
      </c>
      <c r="T31" s="313">
        <v>0</v>
      </c>
      <c r="U31" s="313">
        <v>0</v>
      </c>
      <c r="V31" s="311">
        <v>0</v>
      </c>
      <c r="W31" s="315">
        <v>0</v>
      </c>
      <c r="X31" s="310">
        <v>0</v>
      </c>
      <c r="Y31" s="313">
        <v>0</v>
      </c>
      <c r="Z31" s="311">
        <v>0</v>
      </c>
      <c r="AA31" s="312">
        <v>0</v>
      </c>
      <c r="AB31" s="313">
        <v>15</v>
      </c>
      <c r="AC31" s="313">
        <v>19</v>
      </c>
      <c r="AD31" s="313">
        <v>3</v>
      </c>
      <c r="AE31" s="313">
        <v>2</v>
      </c>
      <c r="AF31" s="313">
        <v>0</v>
      </c>
      <c r="AG31" s="311">
        <v>39</v>
      </c>
      <c r="AH31" s="315">
        <v>39</v>
      </c>
      <c r="AI31" s="310">
        <v>0</v>
      </c>
      <c r="AJ31" s="313">
        <v>0</v>
      </c>
      <c r="AK31" s="311">
        <v>0</v>
      </c>
      <c r="AL31" s="312">
        <v>0</v>
      </c>
      <c r="AM31" s="313">
        <v>0</v>
      </c>
      <c r="AN31" s="313">
        <v>1</v>
      </c>
      <c r="AO31" s="313">
        <v>2</v>
      </c>
      <c r="AP31" s="313">
        <v>1</v>
      </c>
      <c r="AQ31" s="313">
        <v>0</v>
      </c>
      <c r="AR31" s="311">
        <v>4</v>
      </c>
      <c r="AS31" s="315">
        <v>4</v>
      </c>
      <c r="AT31" s="310">
        <v>1</v>
      </c>
      <c r="AU31" s="313">
        <v>1</v>
      </c>
      <c r="AV31" s="311">
        <v>2</v>
      </c>
      <c r="AW31" s="312">
        <v>0</v>
      </c>
      <c r="AX31" s="313">
        <v>3</v>
      </c>
      <c r="AY31" s="313">
        <v>2</v>
      </c>
      <c r="AZ31" s="313">
        <v>3</v>
      </c>
      <c r="BA31" s="313">
        <v>4</v>
      </c>
      <c r="BB31" s="313">
        <v>1</v>
      </c>
      <c r="BC31" s="311">
        <v>13</v>
      </c>
      <c r="BD31" s="315">
        <v>15</v>
      </c>
      <c r="BE31" s="310">
        <v>0</v>
      </c>
      <c r="BF31" s="313">
        <v>0</v>
      </c>
      <c r="BG31" s="311">
        <v>0</v>
      </c>
      <c r="BH31" s="312">
        <v>0</v>
      </c>
      <c r="BI31" s="313">
        <v>2</v>
      </c>
      <c r="BJ31" s="313">
        <v>4</v>
      </c>
      <c r="BK31" s="313">
        <v>2</v>
      </c>
      <c r="BL31" s="313">
        <v>1</v>
      </c>
      <c r="BM31" s="313">
        <v>2</v>
      </c>
      <c r="BN31" s="314">
        <v>11</v>
      </c>
      <c r="BO31" s="315">
        <v>11</v>
      </c>
      <c r="BP31" s="310">
        <v>0</v>
      </c>
      <c r="BQ31" s="313">
        <v>0</v>
      </c>
      <c r="BR31" s="311">
        <v>0</v>
      </c>
      <c r="BS31" s="312">
        <v>0</v>
      </c>
      <c r="BT31" s="313">
        <v>0</v>
      </c>
      <c r="BU31" s="313">
        <v>0</v>
      </c>
      <c r="BV31" s="313">
        <v>0</v>
      </c>
      <c r="BW31" s="313">
        <v>0</v>
      </c>
      <c r="BX31" s="313">
        <v>0</v>
      </c>
      <c r="BY31" s="311">
        <v>0</v>
      </c>
      <c r="BZ31" s="315">
        <v>0</v>
      </c>
      <c r="CA31" s="310">
        <v>0</v>
      </c>
      <c r="CB31" s="313">
        <v>0</v>
      </c>
      <c r="CC31" s="311">
        <v>0</v>
      </c>
      <c r="CD31" s="312">
        <v>0</v>
      </c>
      <c r="CE31" s="313">
        <v>0</v>
      </c>
      <c r="CF31" s="313">
        <v>1</v>
      </c>
      <c r="CG31" s="313">
        <v>4</v>
      </c>
      <c r="CH31" s="313">
        <v>3</v>
      </c>
      <c r="CI31" s="313">
        <v>5</v>
      </c>
      <c r="CJ31" s="311">
        <v>13</v>
      </c>
      <c r="CK31" s="315">
        <v>13</v>
      </c>
      <c r="CL31" s="310">
        <v>0</v>
      </c>
      <c r="CM31" s="313">
        <v>0</v>
      </c>
      <c r="CN31" s="311">
        <v>0</v>
      </c>
      <c r="CO31" s="312">
        <v>0</v>
      </c>
      <c r="CP31" s="313">
        <v>0</v>
      </c>
      <c r="CQ31" s="313">
        <v>0</v>
      </c>
      <c r="CR31" s="313">
        <v>0</v>
      </c>
      <c r="CS31" s="313">
        <v>0</v>
      </c>
      <c r="CT31" s="313">
        <v>0</v>
      </c>
      <c r="CU31" s="311">
        <v>0</v>
      </c>
      <c r="CV31" s="315">
        <v>0</v>
      </c>
    </row>
    <row r="32" spans="1:100" ht="21" customHeight="1" x14ac:dyDescent="0.2">
      <c r="A32" s="297" t="s">
        <v>30</v>
      </c>
      <c r="B32" s="310">
        <v>0</v>
      </c>
      <c r="C32" s="313">
        <v>0</v>
      </c>
      <c r="D32" s="441">
        <v>0</v>
      </c>
      <c r="E32" s="312">
        <v>0</v>
      </c>
      <c r="F32" s="313">
        <v>0</v>
      </c>
      <c r="G32" s="313">
        <v>0</v>
      </c>
      <c r="H32" s="313">
        <v>1</v>
      </c>
      <c r="I32" s="313">
        <v>0</v>
      </c>
      <c r="J32" s="313">
        <v>0</v>
      </c>
      <c r="K32" s="314">
        <v>1</v>
      </c>
      <c r="L32" s="315">
        <v>1</v>
      </c>
      <c r="M32" s="310">
        <v>0</v>
      </c>
      <c r="N32" s="313">
        <v>0</v>
      </c>
      <c r="O32" s="311">
        <v>0</v>
      </c>
      <c r="P32" s="312">
        <v>0</v>
      </c>
      <c r="Q32" s="313">
        <v>0</v>
      </c>
      <c r="R32" s="313">
        <v>0</v>
      </c>
      <c r="S32" s="313">
        <v>0</v>
      </c>
      <c r="T32" s="313">
        <v>0</v>
      </c>
      <c r="U32" s="313">
        <v>0</v>
      </c>
      <c r="V32" s="311">
        <v>0</v>
      </c>
      <c r="W32" s="315">
        <v>0</v>
      </c>
      <c r="X32" s="310">
        <v>0</v>
      </c>
      <c r="Y32" s="313">
        <v>0</v>
      </c>
      <c r="Z32" s="311">
        <v>0</v>
      </c>
      <c r="AA32" s="312">
        <v>0</v>
      </c>
      <c r="AB32" s="313">
        <v>25</v>
      </c>
      <c r="AC32" s="313">
        <v>15</v>
      </c>
      <c r="AD32" s="313">
        <v>12</v>
      </c>
      <c r="AE32" s="313">
        <v>2</v>
      </c>
      <c r="AF32" s="313">
        <v>1</v>
      </c>
      <c r="AG32" s="311">
        <v>55</v>
      </c>
      <c r="AH32" s="315">
        <v>55</v>
      </c>
      <c r="AI32" s="310">
        <v>0</v>
      </c>
      <c r="AJ32" s="313">
        <v>0</v>
      </c>
      <c r="AK32" s="311">
        <v>0</v>
      </c>
      <c r="AL32" s="312">
        <v>0</v>
      </c>
      <c r="AM32" s="313">
        <v>0</v>
      </c>
      <c r="AN32" s="313">
        <v>1</v>
      </c>
      <c r="AO32" s="313">
        <v>1</v>
      </c>
      <c r="AP32" s="313">
        <v>0</v>
      </c>
      <c r="AQ32" s="313">
        <v>0</v>
      </c>
      <c r="AR32" s="311">
        <v>2</v>
      </c>
      <c r="AS32" s="315">
        <v>2</v>
      </c>
      <c r="AT32" s="310">
        <v>0</v>
      </c>
      <c r="AU32" s="313">
        <v>0</v>
      </c>
      <c r="AV32" s="311">
        <v>0</v>
      </c>
      <c r="AW32" s="312">
        <v>0</v>
      </c>
      <c r="AX32" s="313">
        <v>0</v>
      </c>
      <c r="AY32" s="313">
        <v>0</v>
      </c>
      <c r="AZ32" s="313">
        <v>1</v>
      </c>
      <c r="BA32" s="313">
        <v>1</v>
      </c>
      <c r="BB32" s="313">
        <v>0</v>
      </c>
      <c r="BC32" s="311">
        <v>2</v>
      </c>
      <c r="BD32" s="315">
        <v>2</v>
      </c>
      <c r="BE32" s="310">
        <v>0</v>
      </c>
      <c r="BF32" s="313">
        <v>0</v>
      </c>
      <c r="BG32" s="311">
        <v>0</v>
      </c>
      <c r="BH32" s="312">
        <v>0</v>
      </c>
      <c r="BI32" s="313">
        <v>8</v>
      </c>
      <c r="BJ32" s="313">
        <v>3</v>
      </c>
      <c r="BK32" s="313">
        <v>7</v>
      </c>
      <c r="BL32" s="313">
        <v>3</v>
      </c>
      <c r="BM32" s="313">
        <v>1</v>
      </c>
      <c r="BN32" s="314">
        <v>22</v>
      </c>
      <c r="BO32" s="315">
        <v>22</v>
      </c>
      <c r="BP32" s="310">
        <v>0</v>
      </c>
      <c r="BQ32" s="313">
        <v>0</v>
      </c>
      <c r="BR32" s="311">
        <v>0</v>
      </c>
      <c r="BS32" s="312">
        <v>0</v>
      </c>
      <c r="BT32" s="313">
        <v>0</v>
      </c>
      <c r="BU32" s="313">
        <v>0</v>
      </c>
      <c r="BV32" s="313">
        <v>0</v>
      </c>
      <c r="BW32" s="313">
        <v>0</v>
      </c>
      <c r="BX32" s="313">
        <v>0</v>
      </c>
      <c r="BY32" s="311">
        <v>0</v>
      </c>
      <c r="BZ32" s="315">
        <v>0</v>
      </c>
      <c r="CA32" s="310">
        <v>0</v>
      </c>
      <c r="CB32" s="313">
        <v>0</v>
      </c>
      <c r="CC32" s="311">
        <v>0</v>
      </c>
      <c r="CD32" s="312">
        <v>0</v>
      </c>
      <c r="CE32" s="313">
        <v>0</v>
      </c>
      <c r="CF32" s="313">
        <v>0</v>
      </c>
      <c r="CG32" s="313">
        <v>0</v>
      </c>
      <c r="CH32" s="313">
        <v>0</v>
      </c>
      <c r="CI32" s="313">
        <v>0</v>
      </c>
      <c r="CJ32" s="311">
        <v>0</v>
      </c>
      <c r="CK32" s="315">
        <v>0</v>
      </c>
      <c r="CL32" s="310">
        <v>0</v>
      </c>
      <c r="CM32" s="313">
        <v>0</v>
      </c>
      <c r="CN32" s="311">
        <v>0</v>
      </c>
      <c r="CO32" s="312">
        <v>0</v>
      </c>
      <c r="CP32" s="313">
        <v>0</v>
      </c>
      <c r="CQ32" s="313">
        <v>0</v>
      </c>
      <c r="CR32" s="313">
        <v>0</v>
      </c>
      <c r="CS32" s="313">
        <v>0</v>
      </c>
      <c r="CT32" s="313">
        <v>0</v>
      </c>
      <c r="CU32" s="311">
        <v>0</v>
      </c>
      <c r="CV32" s="315">
        <v>0</v>
      </c>
    </row>
    <row r="33" spans="1:100" ht="21" customHeight="1" x14ac:dyDescent="0.2">
      <c r="A33" s="297" t="s">
        <v>31</v>
      </c>
      <c r="B33" s="310">
        <v>0</v>
      </c>
      <c r="C33" s="313">
        <v>0</v>
      </c>
      <c r="D33" s="441">
        <v>0</v>
      </c>
      <c r="E33" s="312">
        <v>0</v>
      </c>
      <c r="F33" s="313">
        <v>0</v>
      </c>
      <c r="G33" s="313">
        <v>2</v>
      </c>
      <c r="H33" s="313">
        <v>0</v>
      </c>
      <c r="I33" s="313">
        <v>0</v>
      </c>
      <c r="J33" s="313">
        <v>0</v>
      </c>
      <c r="K33" s="314">
        <v>2</v>
      </c>
      <c r="L33" s="315">
        <v>2</v>
      </c>
      <c r="M33" s="310">
        <v>0</v>
      </c>
      <c r="N33" s="313">
        <v>0</v>
      </c>
      <c r="O33" s="311">
        <v>0</v>
      </c>
      <c r="P33" s="312">
        <v>0</v>
      </c>
      <c r="Q33" s="313">
        <v>0</v>
      </c>
      <c r="R33" s="313">
        <v>0</v>
      </c>
      <c r="S33" s="313">
        <v>0</v>
      </c>
      <c r="T33" s="313">
        <v>0</v>
      </c>
      <c r="U33" s="313">
        <v>0</v>
      </c>
      <c r="V33" s="311">
        <v>0</v>
      </c>
      <c r="W33" s="315">
        <v>0</v>
      </c>
      <c r="X33" s="310">
        <v>0</v>
      </c>
      <c r="Y33" s="313">
        <v>0</v>
      </c>
      <c r="Z33" s="311">
        <v>0</v>
      </c>
      <c r="AA33" s="312">
        <v>0</v>
      </c>
      <c r="AB33" s="313">
        <v>28</v>
      </c>
      <c r="AC33" s="313">
        <v>17</v>
      </c>
      <c r="AD33" s="313">
        <v>8</v>
      </c>
      <c r="AE33" s="313">
        <v>1</v>
      </c>
      <c r="AF33" s="313">
        <v>2</v>
      </c>
      <c r="AG33" s="311">
        <v>56</v>
      </c>
      <c r="AH33" s="315">
        <v>56</v>
      </c>
      <c r="AI33" s="310">
        <v>0</v>
      </c>
      <c r="AJ33" s="313">
        <v>0</v>
      </c>
      <c r="AK33" s="311">
        <v>0</v>
      </c>
      <c r="AL33" s="312">
        <v>0</v>
      </c>
      <c r="AM33" s="313">
        <v>0</v>
      </c>
      <c r="AN33" s="313">
        <v>2</v>
      </c>
      <c r="AO33" s="313">
        <v>1</v>
      </c>
      <c r="AP33" s="313">
        <v>0</v>
      </c>
      <c r="AQ33" s="313">
        <v>0</v>
      </c>
      <c r="AR33" s="311">
        <v>3</v>
      </c>
      <c r="AS33" s="315">
        <v>3</v>
      </c>
      <c r="AT33" s="310">
        <v>0</v>
      </c>
      <c r="AU33" s="313">
        <v>1</v>
      </c>
      <c r="AV33" s="311">
        <v>1</v>
      </c>
      <c r="AW33" s="312">
        <v>0</v>
      </c>
      <c r="AX33" s="313">
        <v>6</v>
      </c>
      <c r="AY33" s="313">
        <v>9</v>
      </c>
      <c r="AZ33" s="313">
        <v>4</v>
      </c>
      <c r="BA33" s="313">
        <v>3</v>
      </c>
      <c r="BB33" s="313">
        <v>3</v>
      </c>
      <c r="BC33" s="311">
        <v>25</v>
      </c>
      <c r="BD33" s="315">
        <v>26</v>
      </c>
      <c r="BE33" s="310">
        <v>0</v>
      </c>
      <c r="BF33" s="313">
        <v>0</v>
      </c>
      <c r="BG33" s="311">
        <v>0</v>
      </c>
      <c r="BH33" s="312">
        <v>0</v>
      </c>
      <c r="BI33" s="313">
        <v>7</v>
      </c>
      <c r="BJ33" s="313">
        <v>10</v>
      </c>
      <c r="BK33" s="313">
        <v>13</v>
      </c>
      <c r="BL33" s="313">
        <v>9</v>
      </c>
      <c r="BM33" s="313">
        <v>3</v>
      </c>
      <c r="BN33" s="314">
        <v>42</v>
      </c>
      <c r="BO33" s="315">
        <v>42</v>
      </c>
      <c r="BP33" s="310">
        <v>0</v>
      </c>
      <c r="BQ33" s="313">
        <v>0</v>
      </c>
      <c r="BR33" s="311">
        <v>0</v>
      </c>
      <c r="BS33" s="312">
        <v>0</v>
      </c>
      <c r="BT33" s="313">
        <v>0</v>
      </c>
      <c r="BU33" s="313">
        <v>0</v>
      </c>
      <c r="BV33" s="313">
        <v>0</v>
      </c>
      <c r="BW33" s="313">
        <v>0</v>
      </c>
      <c r="BX33" s="313">
        <v>0</v>
      </c>
      <c r="BY33" s="311">
        <v>0</v>
      </c>
      <c r="BZ33" s="315">
        <v>0</v>
      </c>
      <c r="CA33" s="310">
        <v>0</v>
      </c>
      <c r="CB33" s="313">
        <v>0</v>
      </c>
      <c r="CC33" s="311">
        <v>0</v>
      </c>
      <c r="CD33" s="312">
        <v>0</v>
      </c>
      <c r="CE33" s="313">
        <v>0</v>
      </c>
      <c r="CF33" s="313">
        <v>0</v>
      </c>
      <c r="CG33" s="313">
        <v>0</v>
      </c>
      <c r="CH33" s="313">
        <v>0</v>
      </c>
      <c r="CI33" s="313">
        <v>0</v>
      </c>
      <c r="CJ33" s="311">
        <v>0</v>
      </c>
      <c r="CK33" s="315">
        <v>0</v>
      </c>
      <c r="CL33" s="310">
        <v>0</v>
      </c>
      <c r="CM33" s="313">
        <v>0</v>
      </c>
      <c r="CN33" s="311">
        <v>0</v>
      </c>
      <c r="CO33" s="312">
        <v>0</v>
      </c>
      <c r="CP33" s="313">
        <v>0</v>
      </c>
      <c r="CQ33" s="313">
        <v>0</v>
      </c>
      <c r="CR33" s="313">
        <v>0</v>
      </c>
      <c r="CS33" s="313">
        <v>0</v>
      </c>
      <c r="CT33" s="313">
        <v>0</v>
      </c>
      <c r="CU33" s="311">
        <v>0</v>
      </c>
      <c r="CV33" s="315">
        <v>0</v>
      </c>
    </row>
    <row r="34" spans="1:100" ht="21" customHeight="1" x14ac:dyDescent="0.2">
      <c r="A34" s="297" t="s">
        <v>32</v>
      </c>
      <c r="B34" s="310">
        <v>0</v>
      </c>
      <c r="C34" s="313">
        <v>0</v>
      </c>
      <c r="D34" s="441">
        <v>0</v>
      </c>
      <c r="E34" s="312">
        <v>0</v>
      </c>
      <c r="F34" s="313">
        <v>3</v>
      </c>
      <c r="G34" s="313">
        <v>1</v>
      </c>
      <c r="H34" s="313">
        <v>2</v>
      </c>
      <c r="I34" s="313">
        <v>3</v>
      </c>
      <c r="J34" s="313">
        <v>0</v>
      </c>
      <c r="K34" s="314">
        <v>9</v>
      </c>
      <c r="L34" s="315">
        <v>9</v>
      </c>
      <c r="M34" s="310">
        <v>0</v>
      </c>
      <c r="N34" s="313">
        <v>0</v>
      </c>
      <c r="O34" s="311">
        <v>0</v>
      </c>
      <c r="P34" s="312">
        <v>0</v>
      </c>
      <c r="Q34" s="313">
        <v>0</v>
      </c>
      <c r="R34" s="313">
        <v>0</v>
      </c>
      <c r="S34" s="313">
        <v>0</v>
      </c>
      <c r="T34" s="313">
        <v>0</v>
      </c>
      <c r="U34" s="313">
        <v>0</v>
      </c>
      <c r="V34" s="311">
        <v>0</v>
      </c>
      <c r="W34" s="315">
        <v>0</v>
      </c>
      <c r="X34" s="310">
        <v>0</v>
      </c>
      <c r="Y34" s="313">
        <v>0</v>
      </c>
      <c r="Z34" s="311">
        <v>0</v>
      </c>
      <c r="AA34" s="312">
        <v>0</v>
      </c>
      <c r="AB34" s="313">
        <v>46</v>
      </c>
      <c r="AC34" s="313">
        <v>26</v>
      </c>
      <c r="AD34" s="313">
        <v>9</v>
      </c>
      <c r="AE34" s="313">
        <v>3</v>
      </c>
      <c r="AF34" s="313">
        <v>1</v>
      </c>
      <c r="AG34" s="311">
        <v>85</v>
      </c>
      <c r="AH34" s="315">
        <v>85</v>
      </c>
      <c r="AI34" s="310">
        <v>0</v>
      </c>
      <c r="AJ34" s="313">
        <v>0</v>
      </c>
      <c r="AK34" s="311">
        <v>0</v>
      </c>
      <c r="AL34" s="312">
        <v>0</v>
      </c>
      <c r="AM34" s="313">
        <v>2</v>
      </c>
      <c r="AN34" s="313">
        <v>0</v>
      </c>
      <c r="AO34" s="313">
        <v>2</v>
      </c>
      <c r="AP34" s="313">
        <v>0</v>
      </c>
      <c r="AQ34" s="313">
        <v>2</v>
      </c>
      <c r="AR34" s="311">
        <v>6</v>
      </c>
      <c r="AS34" s="315">
        <v>6</v>
      </c>
      <c r="AT34" s="310">
        <v>0</v>
      </c>
      <c r="AU34" s="313">
        <v>0</v>
      </c>
      <c r="AV34" s="311">
        <v>0</v>
      </c>
      <c r="AW34" s="312">
        <v>0</v>
      </c>
      <c r="AX34" s="313">
        <v>1</v>
      </c>
      <c r="AY34" s="313">
        <v>0</v>
      </c>
      <c r="AZ34" s="313">
        <v>2</v>
      </c>
      <c r="BA34" s="313">
        <v>2</v>
      </c>
      <c r="BB34" s="313">
        <v>0</v>
      </c>
      <c r="BC34" s="311">
        <v>5</v>
      </c>
      <c r="BD34" s="315">
        <v>5</v>
      </c>
      <c r="BE34" s="310">
        <v>0</v>
      </c>
      <c r="BF34" s="313">
        <v>0</v>
      </c>
      <c r="BG34" s="311">
        <v>0</v>
      </c>
      <c r="BH34" s="312">
        <v>0</v>
      </c>
      <c r="BI34" s="313">
        <v>3</v>
      </c>
      <c r="BJ34" s="313">
        <v>8</v>
      </c>
      <c r="BK34" s="313">
        <v>11</v>
      </c>
      <c r="BL34" s="313">
        <v>7</v>
      </c>
      <c r="BM34" s="313">
        <v>5</v>
      </c>
      <c r="BN34" s="314">
        <v>34</v>
      </c>
      <c r="BO34" s="315">
        <v>34</v>
      </c>
      <c r="BP34" s="310">
        <v>0</v>
      </c>
      <c r="BQ34" s="313">
        <v>0</v>
      </c>
      <c r="BR34" s="311">
        <v>0</v>
      </c>
      <c r="BS34" s="312">
        <v>0</v>
      </c>
      <c r="BT34" s="313">
        <v>0</v>
      </c>
      <c r="BU34" s="313">
        <v>0</v>
      </c>
      <c r="BV34" s="313">
        <v>0</v>
      </c>
      <c r="BW34" s="313">
        <v>0</v>
      </c>
      <c r="BX34" s="313">
        <v>0</v>
      </c>
      <c r="BY34" s="311">
        <v>0</v>
      </c>
      <c r="BZ34" s="315">
        <v>0</v>
      </c>
      <c r="CA34" s="310">
        <v>0</v>
      </c>
      <c r="CB34" s="313">
        <v>0</v>
      </c>
      <c r="CC34" s="311">
        <v>0</v>
      </c>
      <c r="CD34" s="312">
        <v>0</v>
      </c>
      <c r="CE34" s="313">
        <v>0</v>
      </c>
      <c r="CF34" s="313">
        <v>1</v>
      </c>
      <c r="CG34" s="313">
        <v>9</v>
      </c>
      <c r="CH34" s="313">
        <v>13</v>
      </c>
      <c r="CI34" s="313">
        <v>3</v>
      </c>
      <c r="CJ34" s="311">
        <v>26</v>
      </c>
      <c r="CK34" s="315">
        <v>26</v>
      </c>
      <c r="CL34" s="310">
        <v>0</v>
      </c>
      <c r="CM34" s="313">
        <v>0</v>
      </c>
      <c r="CN34" s="311">
        <v>0</v>
      </c>
      <c r="CO34" s="312">
        <v>0</v>
      </c>
      <c r="CP34" s="313">
        <v>0</v>
      </c>
      <c r="CQ34" s="313">
        <v>0</v>
      </c>
      <c r="CR34" s="313">
        <v>0</v>
      </c>
      <c r="CS34" s="313">
        <v>0</v>
      </c>
      <c r="CT34" s="313">
        <v>0</v>
      </c>
      <c r="CU34" s="311">
        <v>0</v>
      </c>
      <c r="CV34" s="315">
        <v>0</v>
      </c>
    </row>
    <row r="35" spans="1:100" ht="21" customHeight="1" x14ac:dyDescent="0.2">
      <c r="A35" s="297" t="s">
        <v>33</v>
      </c>
      <c r="B35" s="310">
        <v>0</v>
      </c>
      <c r="C35" s="313">
        <v>0</v>
      </c>
      <c r="D35" s="441">
        <v>0</v>
      </c>
      <c r="E35" s="312">
        <v>0</v>
      </c>
      <c r="F35" s="313">
        <v>0</v>
      </c>
      <c r="G35" s="313">
        <v>0</v>
      </c>
      <c r="H35" s="313">
        <v>0</v>
      </c>
      <c r="I35" s="313">
        <v>0</v>
      </c>
      <c r="J35" s="313">
        <v>0</v>
      </c>
      <c r="K35" s="314">
        <v>0</v>
      </c>
      <c r="L35" s="315">
        <v>0</v>
      </c>
      <c r="M35" s="310">
        <v>0</v>
      </c>
      <c r="N35" s="313">
        <v>0</v>
      </c>
      <c r="O35" s="311">
        <v>0</v>
      </c>
      <c r="P35" s="312">
        <v>0</v>
      </c>
      <c r="Q35" s="313">
        <v>0</v>
      </c>
      <c r="R35" s="313">
        <v>0</v>
      </c>
      <c r="S35" s="313">
        <v>0</v>
      </c>
      <c r="T35" s="313">
        <v>0</v>
      </c>
      <c r="U35" s="313">
        <v>0</v>
      </c>
      <c r="V35" s="311">
        <v>0</v>
      </c>
      <c r="W35" s="315">
        <v>0</v>
      </c>
      <c r="X35" s="310">
        <v>0</v>
      </c>
      <c r="Y35" s="313">
        <v>0</v>
      </c>
      <c r="Z35" s="311">
        <v>0</v>
      </c>
      <c r="AA35" s="312">
        <v>0</v>
      </c>
      <c r="AB35" s="313">
        <v>34</v>
      </c>
      <c r="AC35" s="313">
        <v>15</v>
      </c>
      <c r="AD35" s="313">
        <v>9</v>
      </c>
      <c r="AE35" s="313">
        <v>3</v>
      </c>
      <c r="AF35" s="313">
        <v>1</v>
      </c>
      <c r="AG35" s="311">
        <v>62</v>
      </c>
      <c r="AH35" s="315">
        <v>62</v>
      </c>
      <c r="AI35" s="310">
        <v>0</v>
      </c>
      <c r="AJ35" s="313">
        <v>0</v>
      </c>
      <c r="AK35" s="311">
        <v>0</v>
      </c>
      <c r="AL35" s="312">
        <v>0</v>
      </c>
      <c r="AM35" s="313">
        <v>0</v>
      </c>
      <c r="AN35" s="313">
        <v>0</v>
      </c>
      <c r="AO35" s="313">
        <v>0</v>
      </c>
      <c r="AP35" s="313">
        <v>0</v>
      </c>
      <c r="AQ35" s="313">
        <v>0</v>
      </c>
      <c r="AR35" s="311">
        <v>0</v>
      </c>
      <c r="AS35" s="315">
        <v>0</v>
      </c>
      <c r="AT35" s="310">
        <v>0</v>
      </c>
      <c r="AU35" s="313">
        <v>0</v>
      </c>
      <c r="AV35" s="311">
        <v>0</v>
      </c>
      <c r="AW35" s="312">
        <v>0</v>
      </c>
      <c r="AX35" s="313">
        <v>0</v>
      </c>
      <c r="AY35" s="313">
        <v>0</v>
      </c>
      <c r="AZ35" s="313">
        <v>0</v>
      </c>
      <c r="BA35" s="313">
        <v>0</v>
      </c>
      <c r="BB35" s="313">
        <v>0</v>
      </c>
      <c r="BC35" s="311">
        <v>0</v>
      </c>
      <c r="BD35" s="315">
        <v>0</v>
      </c>
      <c r="BE35" s="310">
        <v>0</v>
      </c>
      <c r="BF35" s="313">
        <v>3</v>
      </c>
      <c r="BG35" s="311">
        <v>3</v>
      </c>
      <c r="BH35" s="312">
        <v>0</v>
      </c>
      <c r="BI35" s="313">
        <v>3</v>
      </c>
      <c r="BJ35" s="313">
        <v>3</v>
      </c>
      <c r="BK35" s="313">
        <v>8</v>
      </c>
      <c r="BL35" s="313">
        <v>1</v>
      </c>
      <c r="BM35" s="313">
        <v>1</v>
      </c>
      <c r="BN35" s="314">
        <v>16</v>
      </c>
      <c r="BO35" s="315">
        <v>19</v>
      </c>
      <c r="BP35" s="310">
        <v>0</v>
      </c>
      <c r="BQ35" s="313">
        <v>0</v>
      </c>
      <c r="BR35" s="311">
        <v>0</v>
      </c>
      <c r="BS35" s="312">
        <v>0</v>
      </c>
      <c r="BT35" s="313">
        <v>0</v>
      </c>
      <c r="BU35" s="313">
        <v>0</v>
      </c>
      <c r="BV35" s="313">
        <v>0</v>
      </c>
      <c r="BW35" s="313">
        <v>0</v>
      </c>
      <c r="BX35" s="313">
        <v>0</v>
      </c>
      <c r="BY35" s="311">
        <v>0</v>
      </c>
      <c r="BZ35" s="315">
        <v>0</v>
      </c>
      <c r="CA35" s="310">
        <v>0</v>
      </c>
      <c r="CB35" s="313">
        <v>0</v>
      </c>
      <c r="CC35" s="311">
        <v>0</v>
      </c>
      <c r="CD35" s="312">
        <v>0</v>
      </c>
      <c r="CE35" s="313">
        <v>0</v>
      </c>
      <c r="CF35" s="313">
        <v>0</v>
      </c>
      <c r="CG35" s="313">
        <v>0</v>
      </c>
      <c r="CH35" s="313">
        <v>0</v>
      </c>
      <c r="CI35" s="313">
        <v>0</v>
      </c>
      <c r="CJ35" s="311">
        <v>0</v>
      </c>
      <c r="CK35" s="315">
        <v>0</v>
      </c>
      <c r="CL35" s="310">
        <v>0</v>
      </c>
      <c r="CM35" s="313">
        <v>0</v>
      </c>
      <c r="CN35" s="311">
        <v>0</v>
      </c>
      <c r="CO35" s="312">
        <v>0</v>
      </c>
      <c r="CP35" s="313">
        <v>6</v>
      </c>
      <c r="CQ35" s="313">
        <v>8</v>
      </c>
      <c r="CR35" s="313">
        <v>6</v>
      </c>
      <c r="CS35" s="313">
        <v>3</v>
      </c>
      <c r="CT35" s="313">
        <v>1</v>
      </c>
      <c r="CU35" s="311">
        <v>24</v>
      </c>
      <c r="CV35" s="315">
        <v>24</v>
      </c>
    </row>
    <row r="36" spans="1:100" ht="21" customHeight="1" x14ac:dyDescent="0.2">
      <c r="A36" s="297" t="s">
        <v>34</v>
      </c>
      <c r="B36" s="310">
        <v>0</v>
      </c>
      <c r="C36" s="313">
        <v>0</v>
      </c>
      <c r="D36" s="441">
        <v>0</v>
      </c>
      <c r="E36" s="312">
        <v>0</v>
      </c>
      <c r="F36" s="313">
        <v>0</v>
      </c>
      <c r="G36" s="313">
        <v>0</v>
      </c>
      <c r="H36" s="313">
        <v>0</v>
      </c>
      <c r="I36" s="313">
        <v>0</v>
      </c>
      <c r="J36" s="313">
        <v>0</v>
      </c>
      <c r="K36" s="314">
        <v>0</v>
      </c>
      <c r="L36" s="315">
        <v>0</v>
      </c>
      <c r="M36" s="310">
        <v>0</v>
      </c>
      <c r="N36" s="313">
        <v>0</v>
      </c>
      <c r="O36" s="311">
        <v>0</v>
      </c>
      <c r="P36" s="312">
        <v>0</v>
      </c>
      <c r="Q36" s="313">
        <v>0</v>
      </c>
      <c r="R36" s="313">
        <v>0</v>
      </c>
      <c r="S36" s="313">
        <v>0</v>
      </c>
      <c r="T36" s="313">
        <v>0</v>
      </c>
      <c r="U36" s="313">
        <v>0</v>
      </c>
      <c r="V36" s="311">
        <v>0</v>
      </c>
      <c r="W36" s="315">
        <v>0</v>
      </c>
      <c r="X36" s="310">
        <v>0</v>
      </c>
      <c r="Y36" s="313">
        <v>0</v>
      </c>
      <c r="Z36" s="311">
        <v>0</v>
      </c>
      <c r="AA36" s="312">
        <v>0</v>
      </c>
      <c r="AB36" s="313">
        <v>18</v>
      </c>
      <c r="AC36" s="313">
        <v>5</v>
      </c>
      <c r="AD36" s="313">
        <v>3</v>
      </c>
      <c r="AE36" s="313">
        <v>2</v>
      </c>
      <c r="AF36" s="313">
        <v>0</v>
      </c>
      <c r="AG36" s="311">
        <v>28</v>
      </c>
      <c r="AH36" s="315">
        <v>28</v>
      </c>
      <c r="AI36" s="310">
        <v>0</v>
      </c>
      <c r="AJ36" s="313">
        <v>0</v>
      </c>
      <c r="AK36" s="311">
        <v>0</v>
      </c>
      <c r="AL36" s="312">
        <v>0</v>
      </c>
      <c r="AM36" s="313">
        <v>0</v>
      </c>
      <c r="AN36" s="313">
        <v>0</v>
      </c>
      <c r="AO36" s="313">
        <v>0</v>
      </c>
      <c r="AP36" s="313">
        <v>1</v>
      </c>
      <c r="AQ36" s="313">
        <v>0</v>
      </c>
      <c r="AR36" s="311">
        <v>1</v>
      </c>
      <c r="AS36" s="315">
        <v>1</v>
      </c>
      <c r="AT36" s="310">
        <v>4</v>
      </c>
      <c r="AU36" s="313">
        <v>1</v>
      </c>
      <c r="AV36" s="311">
        <v>5</v>
      </c>
      <c r="AW36" s="312">
        <v>0</v>
      </c>
      <c r="AX36" s="313">
        <v>7</v>
      </c>
      <c r="AY36" s="313">
        <v>7</v>
      </c>
      <c r="AZ36" s="313">
        <v>3</v>
      </c>
      <c r="BA36" s="313">
        <v>2</v>
      </c>
      <c r="BB36" s="313">
        <v>1</v>
      </c>
      <c r="BC36" s="311">
        <v>20</v>
      </c>
      <c r="BD36" s="315">
        <v>25</v>
      </c>
      <c r="BE36" s="310">
        <v>0</v>
      </c>
      <c r="BF36" s="313">
        <v>0</v>
      </c>
      <c r="BG36" s="311">
        <v>0</v>
      </c>
      <c r="BH36" s="312">
        <v>0</v>
      </c>
      <c r="BI36" s="313">
        <v>3</v>
      </c>
      <c r="BJ36" s="313">
        <v>2</v>
      </c>
      <c r="BK36" s="313">
        <v>3</v>
      </c>
      <c r="BL36" s="313">
        <v>4</v>
      </c>
      <c r="BM36" s="313">
        <v>3</v>
      </c>
      <c r="BN36" s="314">
        <v>15</v>
      </c>
      <c r="BO36" s="315">
        <v>15</v>
      </c>
      <c r="BP36" s="310">
        <v>0</v>
      </c>
      <c r="BQ36" s="313">
        <v>0</v>
      </c>
      <c r="BR36" s="311">
        <v>0</v>
      </c>
      <c r="BS36" s="312">
        <v>0</v>
      </c>
      <c r="BT36" s="313">
        <v>0</v>
      </c>
      <c r="BU36" s="313">
        <v>0</v>
      </c>
      <c r="BV36" s="313">
        <v>0</v>
      </c>
      <c r="BW36" s="313">
        <v>0</v>
      </c>
      <c r="BX36" s="313">
        <v>0</v>
      </c>
      <c r="BY36" s="311">
        <v>0</v>
      </c>
      <c r="BZ36" s="315">
        <v>0</v>
      </c>
      <c r="CA36" s="310">
        <v>0</v>
      </c>
      <c r="CB36" s="313">
        <v>0</v>
      </c>
      <c r="CC36" s="311">
        <v>0</v>
      </c>
      <c r="CD36" s="312">
        <v>0</v>
      </c>
      <c r="CE36" s="313">
        <v>0</v>
      </c>
      <c r="CF36" s="313">
        <v>0</v>
      </c>
      <c r="CG36" s="313">
        <v>0</v>
      </c>
      <c r="CH36" s="313">
        <v>0</v>
      </c>
      <c r="CI36" s="313">
        <v>0</v>
      </c>
      <c r="CJ36" s="311">
        <v>0</v>
      </c>
      <c r="CK36" s="315">
        <v>0</v>
      </c>
      <c r="CL36" s="310">
        <v>0</v>
      </c>
      <c r="CM36" s="313">
        <v>0</v>
      </c>
      <c r="CN36" s="311">
        <v>0</v>
      </c>
      <c r="CO36" s="312">
        <v>0</v>
      </c>
      <c r="CP36" s="313">
        <v>6</v>
      </c>
      <c r="CQ36" s="313">
        <v>9</v>
      </c>
      <c r="CR36" s="313">
        <v>6</v>
      </c>
      <c r="CS36" s="313">
        <v>3</v>
      </c>
      <c r="CT36" s="313">
        <v>1</v>
      </c>
      <c r="CU36" s="311">
        <v>25</v>
      </c>
      <c r="CV36" s="315">
        <v>25</v>
      </c>
    </row>
    <row r="37" spans="1:100" ht="21" customHeight="1" x14ac:dyDescent="0.2">
      <c r="A37" s="297" t="s">
        <v>35</v>
      </c>
      <c r="B37" s="310">
        <v>0</v>
      </c>
      <c r="C37" s="313">
        <v>0</v>
      </c>
      <c r="D37" s="441">
        <v>0</v>
      </c>
      <c r="E37" s="312">
        <v>0</v>
      </c>
      <c r="F37" s="313">
        <v>0</v>
      </c>
      <c r="G37" s="313">
        <v>1</v>
      </c>
      <c r="H37" s="313">
        <v>1</v>
      </c>
      <c r="I37" s="313">
        <v>1</v>
      </c>
      <c r="J37" s="313">
        <v>0</v>
      </c>
      <c r="K37" s="314">
        <v>3</v>
      </c>
      <c r="L37" s="315">
        <v>3</v>
      </c>
      <c r="M37" s="310">
        <v>0</v>
      </c>
      <c r="N37" s="313">
        <v>0</v>
      </c>
      <c r="O37" s="311">
        <v>0</v>
      </c>
      <c r="P37" s="312">
        <v>0</v>
      </c>
      <c r="Q37" s="313">
        <v>0</v>
      </c>
      <c r="R37" s="313">
        <v>0</v>
      </c>
      <c r="S37" s="313">
        <v>0</v>
      </c>
      <c r="T37" s="313">
        <v>0</v>
      </c>
      <c r="U37" s="313">
        <v>0</v>
      </c>
      <c r="V37" s="311">
        <v>0</v>
      </c>
      <c r="W37" s="315">
        <v>0</v>
      </c>
      <c r="X37" s="310">
        <v>0</v>
      </c>
      <c r="Y37" s="313">
        <v>0</v>
      </c>
      <c r="Z37" s="311">
        <v>0</v>
      </c>
      <c r="AA37" s="312">
        <v>0</v>
      </c>
      <c r="AB37" s="313">
        <v>22</v>
      </c>
      <c r="AC37" s="313">
        <v>14</v>
      </c>
      <c r="AD37" s="313">
        <v>11</v>
      </c>
      <c r="AE37" s="313">
        <v>7</v>
      </c>
      <c r="AF37" s="313">
        <v>2</v>
      </c>
      <c r="AG37" s="311">
        <v>56</v>
      </c>
      <c r="AH37" s="315">
        <v>56</v>
      </c>
      <c r="AI37" s="310">
        <v>0</v>
      </c>
      <c r="AJ37" s="313">
        <v>0</v>
      </c>
      <c r="AK37" s="311">
        <v>0</v>
      </c>
      <c r="AL37" s="312">
        <v>0</v>
      </c>
      <c r="AM37" s="313">
        <v>0</v>
      </c>
      <c r="AN37" s="313">
        <v>0</v>
      </c>
      <c r="AO37" s="313">
        <v>0</v>
      </c>
      <c r="AP37" s="313">
        <v>0</v>
      </c>
      <c r="AQ37" s="313">
        <v>0</v>
      </c>
      <c r="AR37" s="311">
        <v>0</v>
      </c>
      <c r="AS37" s="315">
        <v>0</v>
      </c>
      <c r="AT37" s="310">
        <v>1</v>
      </c>
      <c r="AU37" s="313">
        <v>3</v>
      </c>
      <c r="AV37" s="311">
        <v>4</v>
      </c>
      <c r="AW37" s="312">
        <v>0</v>
      </c>
      <c r="AX37" s="313">
        <v>14</v>
      </c>
      <c r="AY37" s="313">
        <v>10</v>
      </c>
      <c r="AZ37" s="313">
        <v>13</v>
      </c>
      <c r="BA37" s="313">
        <v>3</v>
      </c>
      <c r="BB37" s="313">
        <v>3</v>
      </c>
      <c r="BC37" s="311">
        <v>43</v>
      </c>
      <c r="BD37" s="315">
        <v>47</v>
      </c>
      <c r="BE37" s="310">
        <v>0</v>
      </c>
      <c r="BF37" s="313">
        <v>1</v>
      </c>
      <c r="BG37" s="311">
        <v>1</v>
      </c>
      <c r="BH37" s="312">
        <v>0</v>
      </c>
      <c r="BI37" s="313">
        <v>10</v>
      </c>
      <c r="BJ37" s="313">
        <v>15</v>
      </c>
      <c r="BK37" s="313">
        <v>18</v>
      </c>
      <c r="BL37" s="313">
        <v>12</v>
      </c>
      <c r="BM37" s="313">
        <v>5</v>
      </c>
      <c r="BN37" s="314">
        <v>60</v>
      </c>
      <c r="BO37" s="315">
        <v>61</v>
      </c>
      <c r="BP37" s="310">
        <v>0</v>
      </c>
      <c r="BQ37" s="313">
        <v>0</v>
      </c>
      <c r="BR37" s="311">
        <v>0</v>
      </c>
      <c r="BS37" s="312">
        <v>0</v>
      </c>
      <c r="BT37" s="313">
        <v>0</v>
      </c>
      <c r="BU37" s="313">
        <v>0</v>
      </c>
      <c r="BV37" s="313">
        <v>0</v>
      </c>
      <c r="BW37" s="313">
        <v>0</v>
      </c>
      <c r="BX37" s="313">
        <v>0</v>
      </c>
      <c r="BY37" s="311">
        <v>0</v>
      </c>
      <c r="BZ37" s="315">
        <v>0</v>
      </c>
      <c r="CA37" s="310">
        <v>0</v>
      </c>
      <c r="CB37" s="313">
        <v>0</v>
      </c>
      <c r="CC37" s="311">
        <v>0</v>
      </c>
      <c r="CD37" s="312">
        <v>0</v>
      </c>
      <c r="CE37" s="313">
        <v>0</v>
      </c>
      <c r="CF37" s="313">
        <v>0</v>
      </c>
      <c r="CG37" s="313">
        <v>0</v>
      </c>
      <c r="CH37" s="313">
        <v>0</v>
      </c>
      <c r="CI37" s="313">
        <v>0</v>
      </c>
      <c r="CJ37" s="311">
        <v>0</v>
      </c>
      <c r="CK37" s="315">
        <v>0</v>
      </c>
      <c r="CL37" s="310">
        <v>0</v>
      </c>
      <c r="CM37" s="313">
        <v>0</v>
      </c>
      <c r="CN37" s="311">
        <v>0</v>
      </c>
      <c r="CO37" s="312">
        <v>0</v>
      </c>
      <c r="CP37" s="313">
        <v>0</v>
      </c>
      <c r="CQ37" s="313">
        <v>0</v>
      </c>
      <c r="CR37" s="313">
        <v>0</v>
      </c>
      <c r="CS37" s="313">
        <v>0</v>
      </c>
      <c r="CT37" s="313">
        <v>0</v>
      </c>
      <c r="CU37" s="311">
        <v>0</v>
      </c>
      <c r="CV37" s="315">
        <v>0</v>
      </c>
    </row>
    <row r="38" spans="1:100" ht="21" customHeight="1" x14ac:dyDescent="0.2">
      <c r="A38" s="297" t="s">
        <v>36</v>
      </c>
      <c r="B38" s="310">
        <v>0</v>
      </c>
      <c r="C38" s="313">
        <v>0</v>
      </c>
      <c r="D38" s="441">
        <v>0</v>
      </c>
      <c r="E38" s="312">
        <v>0</v>
      </c>
      <c r="F38" s="313">
        <v>0</v>
      </c>
      <c r="G38" s="313">
        <v>0</v>
      </c>
      <c r="H38" s="313">
        <v>0</v>
      </c>
      <c r="I38" s="313">
        <v>0</v>
      </c>
      <c r="J38" s="313">
        <v>0</v>
      </c>
      <c r="K38" s="314">
        <v>0</v>
      </c>
      <c r="L38" s="315">
        <v>0</v>
      </c>
      <c r="M38" s="310">
        <v>0</v>
      </c>
      <c r="N38" s="313">
        <v>0</v>
      </c>
      <c r="O38" s="311">
        <v>0</v>
      </c>
      <c r="P38" s="312">
        <v>0</v>
      </c>
      <c r="Q38" s="313">
        <v>0</v>
      </c>
      <c r="R38" s="313">
        <v>0</v>
      </c>
      <c r="S38" s="313">
        <v>0</v>
      </c>
      <c r="T38" s="313">
        <v>0</v>
      </c>
      <c r="U38" s="313">
        <v>0</v>
      </c>
      <c r="V38" s="311">
        <v>0</v>
      </c>
      <c r="W38" s="315">
        <v>0</v>
      </c>
      <c r="X38" s="310">
        <v>0</v>
      </c>
      <c r="Y38" s="313">
        <v>0</v>
      </c>
      <c r="Z38" s="311">
        <v>0</v>
      </c>
      <c r="AA38" s="312">
        <v>0</v>
      </c>
      <c r="AB38" s="313">
        <v>65</v>
      </c>
      <c r="AC38" s="313">
        <v>54</v>
      </c>
      <c r="AD38" s="313">
        <v>26</v>
      </c>
      <c r="AE38" s="313">
        <v>14</v>
      </c>
      <c r="AF38" s="313">
        <v>11</v>
      </c>
      <c r="AG38" s="311">
        <v>170</v>
      </c>
      <c r="AH38" s="315">
        <v>170</v>
      </c>
      <c r="AI38" s="310">
        <v>0</v>
      </c>
      <c r="AJ38" s="313">
        <v>0</v>
      </c>
      <c r="AK38" s="311">
        <v>0</v>
      </c>
      <c r="AL38" s="312">
        <v>0</v>
      </c>
      <c r="AM38" s="313">
        <v>0</v>
      </c>
      <c r="AN38" s="313">
        <v>0</v>
      </c>
      <c r="AO38" s="313">
        <v>0</v>
      </c>
      <c r="AP38" s="313">
        <v>0</v>
      </c>
      <c r="AQ38" s="313">
        <v>0</v>
      </c>
      <c r="AR38" s="311">
        <v>0</v>
      </c>
      <c r="AS38" s="315">
        <v>0</v>
      </c>
      <c r="AT38" s="310">
        <v>1</v>
      </c>
      <c r="AU38" s="313">
        <v>1</v>
      </c>
      <c r="AV38" s="311">
        <v>2</v>
      </c>
      <c r="AW38" s="312">
        <v>0</v>
      </c>
      <c r="AX38" s="313">
        <v>8</v>
      </c>
      <c r="AY38" s="313">
        <v>5</v>
      </c>
      <c r="AZ38" s="313">
        <v>5</v>
      </c>
      <c r="BA38" s="313">
        <v>2</v>
      </c>
      <c r="BB38" s="313">
        <v>0</v>
      </c>
      <c r="BC38" s="311">
        <v>20</v>
      </c>
      <c r="BD38" s="315">
        <v>22</v>
      </c>
      <c r="BE38" s="310">
        <v>0</v>
      </c>
      <c r="BF38" s="313">
        <v>0</v>
      </c>
      <c r="BG38" s="311">
        <v>0</v>
      </c>
      <c r="BH38" s="312">
        <v>0</v>
      </c>
      <c r="BI38" s="313">
        <v>5</v>
      </c>
      <c r="BJ38" s="313">
        <v>5</v>
      </c>
      <c r="BK38" s="313">
        <v>13</v>
      </c>
      <c r="BL38" s="313">
        <v>9</v>
      </c>
      <c r="BM38" s="313">
        <v>6</v>
      </c>
      <c r="BN38" s="314">
        <v>38</v>
      </c>
      <c r="BO38" s="315">
        <v>38</v>
      </c>
      <c r="BP38" s="310">
        <v>0</v>
      </c>
      <c r="BQ38" s="313">
        <v>0</v>
      </c>
      <c r="BR38" s="311">
        <v>0</v>
      </c>
      <c r="BS38" s="312">
        <v>0</v>
      </c>
      <c r="BT38" s="313">
        <v>0</v>
      </c>
      <c r="BU38" s="313">
        <v>0</v>
      </c>
      <c r="BV38" s="313">
        <v>0</v>
      </c>
      <c r="BW38" s="313">
        <v>0</v>
      </c>
      <c r="BX38" s="313">
        <v>0</v>
      </c>
      <c r="BY38" s="311">
        <v>0</v>
      </c>
      <c r="BZ38" s="315">
        <v>0</v>
      </c>
      <c r="CA38" s="310">
        <v>0</v>
      </c>
      <c r="CB38" s="313">
        <v>0</v>
      </c>
      <c r="CC38" s="311">
        <v>0</v>
      </c>
      <c r="CD38" s="312">
        <v>0</v>
      </c>
      <c r="CE38" s="313">
        <v>0</v>
      </c>
      <c r="CF38" s="313">
        <v>0</v>
      </c>
      <c r="CG38" s="313">
        <v>0</v>
      </c>
      <c r="CH38" s="313">
        <v>0</v>
      </c>
      <c r="CI38" s="313">
        <v>0</v>
      </c>
      <c r="CJ38" s="311">
        <v>0</v>
      </c>
      <c r="CK38" s="315">
        <v>0</v>
      </c>
      <c r="CL38" s="310">
        <v>0</v>
      </c>
      <c r="CM38" s="313">
        <v>0</v>
      </c>
      <c r="CN38" s="311">
        <v>0</v>
      </c>
      <c r="CO38" s="312">
        <v>0</v>
      </c>
      <c r="CP38" s="313">
        <v>0</v>
      </c>
      <c r="CQ38" s="313">
        <v>0</v>
      </c>
      <c r="CR38" s="313">
        <v>0</v>
      </c>
      <c r="CS38" s="313">
        <v>0</v>
      </c>
      <c r="CT38" s="313">
        <v>0</v>
      </c>
      <c r="CU38" s="311">
        <v>0</v>
      </c>
      <c r="CV38" s="315">
        <v>0</v>
      </c>
    </row>
    <row r="39" spans="1:100" ht="21" customHeight="1" thickBot="1" x14ac:dyDescent="0.25">
      <c r="A39" s="298" t="s">
        <v>37</v>
      </c>
      <c r="B39" s="316">
        <v>0</v>
      </c>
      <c r="C39" s="319">
        <v>0</v>
      </c>
      <c r="D39" s="442">
        <v>0</v>
      </c>
      <c r="E39" s="318">
        <v>0</v>
      </c>
      <c r="F39" s="319">
        <v>0</v>
      </c>
      <c r="G39" s="319">
        <v>0</v>
      </c>
      <c r="H39" s="319">
        <v>0</v>
      </c>
      <c r="I39" s="319">
        <v>0</v>
      </c>
      <c r="J39" s="319">
        <v>1</v>
      </c>
      <c r="K39" s="320">
        <v>1</v>
      </c>
      <c r="L39" s="321">
        <v>1</v>
      </c>
      <c r="M39" s="316">
        <v>0</v>
      </c>
      <c r="N39" s="319">
        <v>0</v>
      </c>
      <c r="O39" s="317">
        <v>0</v>
      </c>
      <c r="P39" s="318">
        <v>0</v>
      </c>
      <c r="Q39" s="319">
        <v>0</v>
      </c>
      <c r="R39" s="319">
        <v>0</v>
      </c>
      <c r="S39" s="319">
        <v>0</v>
      </c>
      <c r="T39" s="319">
        <v>0</v>
      </c>
      <c r="U39" s="319">
        <v>0</v>
      </c>
      <c r="V39" s="317">
        <v>0</v>
      </c>
      <c r="W39" s="321">
        <v>0</v>
      </c>
      <c r="X39" s="316">
        <v>0</v>
      </c>
      <c r="Y39" s="319">
        <v>0</v>
      </c>
      <c r="Z39" s="317">
        <v>0</v>
      </c>
      <c r="AA39" s="318">
        <v>0</v>
      </c>
      <c r="AB39" s="319">
        <v>13</v>
      </c>
      <c r="AC39" s="319">
        <v>11</v>
      </c>
      <c r="AD39" s="319">
        <v>6</v>
      </c>
      <c r="AE39" s="319">
        <v>0</v>
      </c>
      <c r="AF39" s="319">
        <v>3</v>
      </c>
      <c r="AG39" s="317">
        <v>33</v>
      </c>
      <c r="AH39" s="321">
        <v>33</v>
      </c>
      <c r="AI39" s="316">
        <v>0</v>
      </c>
      <c r="AJ39" s="319">
        <v>0</v>
      </c>
      <c r="AK39" s="317">
        <v>0</v>
      </c>
      <c r="AL39" s="318">
        <v>0</v>
      </c>
      <c r="AM39" s="319">
        <v>1</v>
      </c>
      <c r="AN39" s="319">
        <v>0</v>
      </c>
      <c r="AO39" s="319">
        <v>1</v>
      </c>
      <c r="AP39" s="319">
        <v>1</v>
      </c>
      <c r="AQ39" s="319">
        <v>0</v>
      </c>
      <c r="AR39" s="317">
        <v>3</v>
      </c>
      <c r="AS39" s="321">
        <v>3</v>
      </c>
      <c r="AT39" s="316">
        <v>0</v>
      </c>
      <c r="AU39" s="319">
        <v>0</v>
      </c>
      <c r="AV39" s="317">
        <v>0</v>
      </c>
      <c r="AW39" s="318">
        <v>0</v>
      </c>
      <c r="AX39" s="319">
        <v>0</v>
      </c>
      <c r="AY39" s="319">
        <v>0</v>
      </c>
      <c r="AZ39" s="319">
        <v>0</v>
      </c>
      <c r="BA39" s="319">
        <v>0</v>
      </c>
      <c r="BB39" s="319">
        <v>0</v>
      </c>
      <c r="BC39" s="317">
        <v>0</v>
      </c>
      <c r="BD39" s="321">
        <v>0</v>
      </c>
      <c r="BE39" s="316">
        <v>0</v>
      </c>
      <c r="BF39" s="319">
        <v>0</v>
      </c>
      <c r="BG39" s="317">
        <v>0</v>
      </c>
      <c r="BH39" s="318">
        <v>0</v>
      </c>
      <c r="BI39" s="319">
        <v>1</v>
      </c>
      <c r="BJ39" s="319">
        <v>1</v>
      </c>
      <c r="BK39" s="319">
        <v>3</v>
      </c>
      <c r="BL39" s="319">
        <v>0</v>
      </c>
      <c r="BM39" s="319">
        <v>0</v>
      </c>
      <c r="BN39" s="320">
        <v>5</v>
      </c>
      <c r="BO39" s="321">
        <v>5</v>
      </c>
      <c r="BP39" s="316">
        <v>0</v>
      </c>
      <c r="BQ39" s="319">
        <v>0</v>
      </c>
      <c r="BR39" s="317">
        <v>0</v>
      </c>
      <c r="BS39" s="318">
        <v>0</v>
      </c>
      <c r="BT39" s="319">
        <v>0</v>
      </c>
      <c r="BU39" s="319">
        <v>0</v>
      </c>
      <c r="BV39" s="319">
        <v>0</v>
      </c>
      <c r="BW39" s="319">
        <v>0</v>
      </c>
      <c r="BX39" s="319">
        <v>0</v>
      </c>
      <c r="BY39" s="317">
        <v>0</v>
      </c>
      <c r="BZ39" s="321">
        <v>0</v>
      </c>
      <c r="CA39" s="316">
        <v>0</v>
      </c>
      <c r="CB39" s="319">
        <v>0</v>
      </c>
      <c r="CC39" s="317">
        <v>0</v>
      </c>
      <c r="CD39" s="318">
        <v>0</v>
      </c>
      <c r="CE39" s="319">
        <v>0</v>
      </c>
      <c r="CF39" s="319">
        <v>0</v>
      </c>
      <c r="CG39" s="319">
        <v>0</v>
      </c>
      <c r="CH39" s="319">
        <v>0</v>
      </c>
      <c r="CI39" s="319">
        <v>0</v>
      </c>
      <c r="CJ39" s="317">
        <v>0</v>
      </c>
      <c r="CK39" s="321">
        <v>0</v>
      </c>
      <c r="CL39" s="316">
        <v>0</v>
      </c>
      <c r="CM39" s="319">
        <v>0</v>
      </c>
      <c r="CN39" s="317">
        <v>0</v>
      </c>
      <c r="CO39" s="318">
        <v>0</v>
      </c>
      <c r="CP39" s="319">
        <v>0</v>
      </c>
      <c r="CQ39" s="319">
        <v>0</v>
      </c>
      <c r="CR39" s="319">
        <v>0</v>
      </c>
      <c r="CS39" s="319">
        <v>0</v>
      </c>
      <c r="CT39" s="319">
        <v>0</v>
      </c>
      <c r="CU39" s="317">
        <v>0</v>
      </c>
      <c r="CV39" s="321">
        <v>0</v>
      </c>
    </row>
  </sheetData>
  <mergeCells count="39">
    <mergeCell ref="CL3:CV3"/>
    <mergeCell ref="CO4:CU4"/>
    <mergeCell ref="CL4:CN4"/>
    <mergeCell ref="CA4:CC4"/>
    <mergeCell ref="AT4:AV4"/>
    <mergeCell ref="AW4:BC4"/>
    <mergeCell ref="CD4:CJ4"/>
    <mergeCell ref="BE4:BG4"/>
    <mergeCell ref="BH4:BN4"/>
    <mergeCell ref="BP4:BR4"/>
    <mergeCell ref="BS4:BY4"/>
    <mergeCell ref="CA3:CK3"/>
    <mergeCell ref="CV4:CV5"/>
    <mergeCell ref="CK4:CK5"/>
    <mergeCell ref="A3:A5"/>
    <mergeCell ref="AH4:AH5"/>
    <mergeCell ref="AI4:AK4"/>
    <mergeCell ref="B3:L3"/>
    <mergeCell ref="M3:W3"/>
    <mergeCell ref="X3:AH3"/>
    <mergeCell ref="AI3:AS3"/>
    <mergeCell ref="AL4:AR4"/>
    <mergeCell ref="AS4:AS5"/>
    <mergeCell ref="B4:D4"/>
    <mergeCell ref="E4:K4"/>
    <mergeCell ref="L4:L5"/>
    <mergeCell ref="W4:W5"/>
    <mergeCell ref="X4:Z4"/>
    <mergeCell ref="AA4:AG4"/>
    <mergeCell ref="M4:O4"/>
    <mergeCell ref="P4:V4"/>
    <mergeCell ref="AT3:BD3"/>
    <mergeCell ref="H1:I1"/>
    <mergeCell ref="K1:L1"/>
    <mergeCell ref="BZ4:BZ5"/>
    <mergeCell ref="BE3:BO3"/>
    <mergeCell ref="BP3:BZ3"/>
    <mergeCell ref="BO4:BO5"/>
    <mergeCell ref="BD4:BD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1"/>
    <col min="4" max="4" width="10.33203125" style="291" customWidth="1"/>
    <col min="5" max="5" width="7.6640625" style="291" customWidth="1"/>
    <col min="6" max="6" width="8.44140625" style="291" customWidth="1"/>
    <col min="7" max="7" width="8.77734375" style="291" customWidth="1"/>
    <col min="8" max="15" width="9" style="291"/>
    <col min="16" max="16" width="7.21875" style="291" customWidth="1"/>
    <col min="17" max="26" width="9" style="291"/>
    <col min="27" max="27" width="7.6640625" style="291" customWidth="1"/>
    <col min="28" max="37" width="9" style="291"/>
    <col min="38" max="38" width="7.6640625" style="291" customWidth="1"/>
    <col min="39" max="48" width="9" style="291"/>
    <col min="49" max="49" width="7.6640625" style="291" customWidth="1"/>
    <col min="50" max="59" width="9" style="291"/>
    <col min="60" max="60" width="7.21875" style="291" customWidth="1"/>
    <col min="61" max="70" width="9" style="291"/>
    <col min="71" max="71" width="7.21875" style="291" customWidth="1"/>
    <col min="72" max="81" width="9" style="291"/>
    <col min="82" max="82" width="7.33203125" style="291" customWidth="1"/>
    <col min="83" max="92" width="9" style="291"/>
    <col min="93" max="93" width="7.44140625" style="291" customWidth="1"/>
    <col min="94" max="16384" width="9" style="291"/>
  </cols>
  <sheetData>
    <row r="1" spans="1:100" ht="22.5" customHeight="1" x14ac:dyDescent="0.2">
      <c r="A1" s="322" t="s">
        <v>124</v>
      </c>
      <c r="H1" s="470">
        <f>第１表!F2</f>
        <v>4</v>
      </c>
      <c r="I1" s="470"/>
      <c r="J1" s="283">
        <f>第１表!G2</f>
        <v>2</v>
      </c>
      <c r="K1" s="471">
        <f>IF(J1&lt;3,J1+12-2,J1-2)</f>
        <v>12</v>
      </c>
      <c r="L1" s="471"/>
    </row>
    <row r="2" spans="1:100" s="323" customFormat="1" ht="21" customHeight="1" thickBot="1" x14ac:dyDescent="0.25">
      <c r="A2" s="322" t="s">
        <v>131</v>
      </c>
    </row>
    <row r="3" spans="1:100" ht="23.25" customHeight="1" thickBot="1" x14ac:dyDescent="0.25">
      <c r="A3" s="484"/>
      <c r="B3" s="475" t="s">
        <v>94</v>
      </c>
      <c r="C3" s="476"/>
      <c r="D3" s="476"/>
      <c r="E3" s="476"/>
      <c r="F3" s="476"/>
      <c r="G3" s="476"/>
      <c r="H3" s="476"/>
      <c r="I3" s="476"/>
      <c r="J3" s="476"/>
      <c r="K3" s="476"/>
      <c r="L3" s="477"/>
      <c r="M3" s="475" t="s">
        <v>88</v>
      </c>
      <c r="N3" s="476"/>
      <c r="O3" s="476"/>
      <c r="P3" s="476"/>
      <c r="Q3" s="476"/>
      <c r="R3" s="476"/>
      <c r="S3" s="476"/>
      <c r="T3" s="476"/>
      <c r="U3" s="476"/>
      <c r="V3" s="476"/>
      <c r="W3" s="477"/>
      <c r="X3" s="475" t="s">
        <v>142</v>
      </c>
      <c r="Y3" s="476"/>
      <c r="Z3" s="476"/>
      <c r="AA3" s="476"/>
      <c r="AB3" s="476"/>
      <c r="AC3" s="476"/>
      <c r="AD3" s="476"/>
      <c r="AE3" s="476"/>
      <c r="AF3" s="476"/>
      <c r="AG3" s="476"/>
      <c r="AH3" s="477"/>
      <c r="AI3" s="475" t="s">
        <v>90</v>
      </c>
      <c r="AJ3" s="476"/>
      <c r="AK3" s="476"/>
      <c r="AL3" s="476"/>
      <c r="AM3" s="476"/>
      <c r="AN3" s="476"/>
      <c r="AO3" s="476"/>
      <c r="AP3" s="476"/>
      <c r="AQ3" s="476"/>
      <c r="AR3" s="476"/>
      <c r="AS3" s="477"/>
      <c r="AT3" s="488" t="s">
        <v>89</v>
      </c>
      <c r="AU3" s="489"/>
      <c r="AV3" s="489"/>
      <c r="AW3" s="489"/>
      <c r="AX3" s="489"/>
      <c r="AY3" s="489"/>
      <c r="AZ3" s="489"/>
      <c r="BA3" s="489"/>
      <c r="BB3" s="489"/>
      <c r="BC3" s="489"/>
      <c r="BD3" s="490"/>
      <c r="BE3" s="488" t="s">
        <v>91</v>
      </c>
      <c r="BF3" s="489"/>
      <c r="BG3" s="489"/>
      <c r="BH3" s="489"/>
      <c r="BI3" s="489"/>
      <c r="BJ3" s="489"/>
      <c r="BK3" s="489"/>
      <c r="BL3" s="489"/>
      <c r="BM3" s="489"/>
      <c r="BN3" s="489"/>
      <c r="BO3" s="490"/>
      <c r="BP3" s="488" t="s">
        <v>92</v>
      </c>
      <c r="BQ3" s="489"/>
      <c r="BR3" s="489"/>
      <c r="BS3" s="489"/>
      <c r="BT3" s="489"/>
      <c r="BU3" s="489"/>
      <c r="BV3" s="489"/>
      <c r="BW3" s="489"/>
      <c r="BX3" s="489"/>
      <c r="BY3" s="489"/>
      <c r="BZ3" s="490"/>
      <c r="CA3" s="488" t="s">
        <v>93</v>
      </c>
      <c r="CB3" s="489"/>
      <c r="CC3" s="489"/>
      <c r="CD3" s="489"/>
      <c r="CE3" s="489"/>
      <c r="CF3" s="489"/>
      <c r="CG3" s="489"/>
      <c r="CH3" s="489"/>
      <c r="CI3" s="489"/>
      <c r="CJ3" s="489"/>
      <c r="CK3" s="490"/>
      <c r="CL3" s="489" t="s">
        <v>141</v>
      </c>
      <c r="CM3" s="489"/>
      <c r="CN3" s="489"/>
      <c r="CO3" s="489"/>
      <c r="CP3" s="489"/>
      <c r="CQ3" s="489"/>
      <c r="CR3" s="489"/>
      <c r="CS3" s="489"/>
      <c r="CT3" s="489"/>
      <c r="CU3" s="489"/>
      <c r="CV3" s="490"/>
    </row>
    <row r="4" spans="1:100" ht="22.5" customHeight="1" x14ac:dyDescent="0.2">
      <c r="A4" s="485"/>
      <c r="B4" s="483" t="s">
        <v>61</v>
      </c>
      <c r="C4" s="479"/>
      <c r="D4" s="480"/>
      <c r="E4" s="478" t="s">
        <v>62</v>
      </c>
      <c r="F4" s="479"/>
      <c r="G4" s="479"/>
      <c r="H4" s="479"/>
      <c r="I4" s="479"/>
      <c r="J4" s="479"/>
      <c r="K4" s="487"/>
      <c r="L4" s="481" t="s">
        <v>52</v>
      </c>
      <c r="M4" s="483" t="s">
        <v>61</v>
      </c>
      <c r="N4" s="479"/>
      <c r="O4" s="480"/>
      <c r="P4" s="478" t="s">
        <v>62</v>
      </c>
      <c r="Q4" s="479"/>
      <c r="R4" s="479"/>
      <c r="S4" s="479"/>
      <c r="T4" s="479"/>
      <c r="U4" s="479"/>
      <c r="V4" s="480"/>
      <c r="W4" s="481" t="s">
        <v>52</v>
      </c>
      <c r="X4" s="483" t="s">
        <v>61</v>
      </c>
      <c r="Y4" s="479"/>
      <c r="Z4" s="480"/>
      <c r="AA4" s="478" t="s">
        <v>62</v>
      </c>
      <c r="AB4" s="479"/>
      <c r="AC4" s="479"/>
      <c r="AD4" s="479"/>
      <c r="AE4" s="479"/>
      <c r="AF4" s="479"/>
      <c r="AG4" s="480"/>
      <c r="AH4" s="481" t="s">
        <v>52</v>
      </c>
      <c r="AI4" s="483" t="s">
        <v>61</v>
      </c>
      <c r="AJ4" s="479"/>
      <c r="AK4" s="480"/>
      <c r="AL4" s="478" t="s">
        <v>62</v>
      </c>
      <c r="AM4" s="479"/>
      <c r="AN4" s="479"/>
      <c r="AO4" s="479"/>
      <c r="AP4" s="479"/>
      <c r="AQ4" s="479"/>
      <c r="AR4" s="480"/>
      <c r="AS4" s="481" t="s">
        <v>52</v>
      </c>
      <c r="AT4" s="506" t="s">
        <v>61</v>
      </c>
      <c r="AU4" s="504"/>
      <c r="AV4" s="505"/>
      <c r="AW4" s="503" t="s">
        <v>62</v>
      </c>
      <c r="AX4" s="504"/>
      <c r="AY4" s="504"/>
      <c r="AZ4" s="504"/>
      <c r="BA4" s="504"/>
      <c r="BB4" s="504"/>
      <c r="BC4" s="505"/>
      <c r="BD4" s="501" t="s">
        <v>52</v>
      </c>
      <c r="BE4" s="506" t="s">
        <v>61</v>
      </c>
      <c r="BF4" s="504"/>
      <c r="BG4" s="505"/>
      <c r="BH4" s="503" t="s">
        <v>62</v>
      </c>
      <c r="BI4" s="504"/>
      <c r="BJ4" s="504"/>
      <c r="BK4" s="504"/>
      <c r="BL4" s="504"/>
      <c r="BM4" s="504"/>
      <c r="BN4" s="505"/>
      <c r="BO4" s="501" t="s">
        <v>52</v>
      </c>
      <c r="BP4" s="506" t="s">
        <v>61</v>
      </c>
      <c r="BQ4" s="504"/>
      <c r="BR4" s="505"/>
      <c r="BS4" s="503" t="s">
        <v>62</v>
      </c>
      <c r="BT4" s="504"/>
      <c r="BU4" s="504"/>
      <c r="BV4" s="504"/>
      <c r="BW4" s="504"/>
      <c r="BX4" s="504"/>
      <c r="BY4" s="505"/>
      <c r="BZ4" s="501" t="s">
        <v>52</v>
      </c>
      <c r="CA4" s="506" t="s">
        <v>61</v>
      </c>
      <c r="CB4" s="504"/>
      <c r="CC4" s="505"/>
      <c r="CD4" s="503" t="s">
        <v>62</v>
      </c>
      <c r="CE4" s="504"/>
      <c r="CF4" s="504"/>
      <c r="CG4" s="504"/>
      <c r="CH4" s="504"/>
      <c r="CI4" s="504"/>
      <c r="CJ4" s="505"/>
      <c r="CK4" s="501" t="s">
        <v>52</v>
      </c>
      <c r="CL4" s="506" t="s">
        <v>61</v>
      </c>
      <c r="CM4" s="504"/>
      <c r="CN4" s="505"/>
      <c r="CO4" s="503" t="s">
        <v>62</v>
      </c>
      <c r="CP4" s="504"/>
      <c r="CQ4" s="504"/>
      <c r="CR4" s="504"/>
      <c r="CS4" s="504"/>
      <c r="CT4" s="504"/>
      <c r="CU4" s="505"/>
      <c r="CV4" s="501" t="s">
        <v>52</v>
      </c>
    </row>
    <row r="5" spans="1:100" ht="34.5" customHeight="1" thickBot="1" x14ac:dyDescent="0.25">
      <c r="A5" s="486"/>
      <c r="B5" s="357" t="s">
        <v>43</v>
      </c>
      <c r="C5" s="295" t="s">
        <v>44</v>
      </c>
      <c r="D5" s="439" t="s">
        <v>45</v>
      </c>
      <c r="E5" s="302" t="s">
        <v>83</v>
      </c>
      <c r="F5" s="295" t="s">
        <v>47</v>
      </c>
      <c r="G5" s="295" t="s">
        <v>48</v>
      </c>
      <c r="H5" s="295" t="s">
        <v>49</v>
      </c>
      <c r="I5" s="295" t="s">
        <v>50</v>
      </c>
      <c r="J5" s="295" t="s">
        <v>51</v>
      </c>
      <c r="K5" s="303" t="s">
        <v>45</v>
      </c>
      <c r="L5" s="482"/>
      <c r="M5" s="357" t="s">
        <v>43</v>
      </c>
      <c r="N5" s="295" t="s">
        <v>44</v>
      </c>
      <c r="O5" s="301" t="s">
        <v>45</v>
      </c>
      <c r="P5" s="302" t="s">
        <v>83</v>
      </c>
      <c r="Q5" s="295" t="s">
        <v>47</v>
      </c>
      <c r="R5" s="295" t="s">
        <v>48</v>
      </c>
      <c r="S5" s="295" t="s">
        <v>49</v>
      </c>
      <c r="T5" s="295" t="s">
        <v>50</v>
      </c>
      <c r="U5" s="295" t="s">
        <v>51</v>
      </c>
      <c r="V5" s="301" t="s">
        <v>45</v>
      </c>
      <c r="W5" s="482"/>
      <c r="X5" s="357" t="s">
        <v>43</v>
      </c>
      <c r="Y5" s="295" t="s">
        <v>44</v>
      </c>
      <c r="Z5" s="301" t="s">
        <v>45</v>
      </c>
      <c r="AA5" s="302" t="s">
        <v>83</v>
      </c>
      <c r="AB5" s="295" t="s">
        <v>47</v>
      </c>
      <c r="AC5" s="295" t="s">
        <v>48</v>
      </c>
      <c r="AD5" s="295" t="s">
        <v>49</v>
      </c>
      <c r="AE5" s="295" t="s">
        <v>50</v>
      </c>
      <c r="AF5" s="295" t="s">
        <v>51</v>
      </c>
      <c r="AG5" s="301" t="s">
        <v>45</v>
      </c>
      <c r="AH5" s="482"/>
      <c r="AI5" s="379" t="s">
        <v>43</v>
      </c>
      <c r="AJ5" s="295" t="s">
        <v>44</v>
      </c>
      <c r="AK5" s="301" t="s">
        <v>45</v>
      </c>
      <c r="AL5" s="302" t="s">
        <v>83</v>
      </c>
      <c r="AM5" s="295" t="s">
        <v>47</v>
      </c>
      <c r="AN5" s="295" t="s">
        <v>48</v>
      </c>
      <c r="AO5" s="295" t="s">
        <v>49</v>
      </c>
      <c r="AP5" s="295" t="s">
        <v>50</v>
      </c>
      <c r="AQ5" s="295" t="s">
        <v>51</v>
      </c>
      <c r="AR5" s="301" t="s">
        <v>45</v>
      </c>
      <c r="AS5" s="482"/>
      <c r="AT5" s="379" t="s">
        <v>43</v>
      </c>
      <c r="AU5" s="295" t="s">
        <v>44</v>
      </c>
      <c r="AV5" s="301" t="s">
        <v>45</v>
      </c>
      <c r="AW5" s="302" t="s">
        <v>83</v>
      </c>
      <c r="AX5" s="295" t="s">
        <v>47</v>
      </c>
      <c r="AY5" s="295" t="s">
        <v>48</v>
      </c>
      <c r="AZ5" s="295" t="s">
        <v>49</v>
      </c>
      <c r="BA5" s="295" t="s">
        <v>50</v>
      </c>
      <c r="BB5" s="295" t="s">
        <v>51</v>
      </c>
      <c r="BC5" s="301" t="s">
        <v>45</v>
      </c>
      <c r="BD5" s="502"/>
      <c r="BE5" s="379" t="s">
        <v>43</v>
      </c>
      <c r="BF5" s="295" t="s">
        <v>44</v>
      </c>
      <c r="BG5" s="301" t="s">
        <v>45</v>
      </c>
      <c r="BH5" s="302" t="s">
        <v>83</v>
      </c>
      <c r="BI5" s="295" t="s">
        <v>47</v>
      </c>
      <c r="BJ5" s="295" t="s">
        <v>48</v>
      </c>
      <c r="BK5" s="295" t="s">
        <v>49</v>
      </c>
      <c r="BL5" s="295" t="s">
        <v>50</v>
      </c>
      <c r="BM5" s="295" t="s">
        <v>51</v>
      </c>
      <c r="BN5" s="301" t="s">
        <v>45</v>
      </c>
      <c r="BO5" s="502"/>
      <c r="BP5" s="379" t="s">
        <v>43</v>
      </c>
      <c r="BQ5" s="295" t="s">
        <v>44</v>
      </c>
      <c r="BR5" s="301" t="s">
        <v>45</v>
      </c>
      <c r="BS5" s="302" t="s">
        <v>83</v>
      </c>
      <c r="BT5" s="295" t="s">
        <v>47</v>
      </c>
      <c r="BU5" s="295" t="s">
        <v>48</v>
      </c>
      <c r="BV5" s="295" t="s">
        <v>49</v>
      </c>
      <c r="BW5" s="295" t="s">
        <v>50</v>
      </c>
      <c r="BX5" s="295" t="s">
        <v>51</v>
      </c>
      <c r="BY5" s="301" t="s">
        <v>45</v>
      </c>
      <c r="BZ5" s="502"/>
      <c r="CA5" s="379" t="s">
        <v>43</v>
      </c>
      <c r="CB5" s="295" t="s">
        <v>44</v>
      </c>
      <c r="CC5" s="301" t="s">
        <v>45</v>
      </c>
      <c r="CD5" s="302" t="s">
        <v>83</v>
      </c>
      <c r="CE5" s="295" t="s">
        <v>47</v>
      </c>
      <c r="CF5" s="295" t="s">
        <v>48</v>
      </c>
      <c r="CG5" s="295" t="s">
        <v>49</v>
      </c>
      <c r="CH5" s="295" t="s">
        <v>50</v>
      </c>
      <c r="CI5" s="295" t="s">
        <v>51</v>
      </c>
      <c r="CJ5" s="301" t="s">
        <v>45</v>
      </c>
      <c r="CK5" s="502"/>
      <c r="CL5" s="379" t="s">
        <v>43</v>
      </c>
      <c r="CM5" s="295" t="s">
        <v>44</v>
      </c>
      <c r="CN5" s="301" t="s">
        <v>45</v>
      </c>
      <c r="CO5" s="302" t="s">
        <v>83</v>
      </c>
      <c r="CP5" s="295" t="s">
        <v>47</v>
      </c>
      <c r="CQ5" s="295" t="s">
        <v>48</v>
      </c>
      <c r="CR5" s="295" t="s">
        <v>49</v>
      </c>
      <c r="CS5" s="295" t="s">
        <v>50</v>
      </c>
      <c r="CT5" s="295" t="s">
        <v>51</v>
      </c>
      <c r="CU5" s="301" t="s">
        <v>45</v>
      </c>
      <c r="CV5" s="502"/>
    </row>
    <row r="6" spans="1:100" ht="21" customHeight="1" x14ac:dyDescent="0.2">
      <c r="A6" s="296" t="s">
        <v>4</v>
      </c>
      <c r="B6" s="304">
        <v>0</v>
      </c>
      <c r="C6" s="307">
        <v>0</v>
      </c>
      <c r="D6" s="440">
        <v>0</v>
      </c>
      <c r="E6" s="306">
        <v>0</v>
      </c>
      <c r="F6" s="307">
        <v>25</v>
      </c>
      <c r="G6" s="307">
        <v>29</v>
      </c>
      <c r="H6" s="307">
        <v>19</v>
      </c>
      <c r="I6" s="307">
        <v>25</v>
      </c>
      <c r="J6" s="307">
        <v>12</v>
      </c>
      <c r="K6" s="308">
        <v>110</v>
      </c>
      <c r="L6" s="309">
        <v>110</v>
      </c>
      <c r="M6" s="304">
        <v>0</v>
      </c>
      <c r="N6" s="307">
        <v>0</v>
      </c>
      <c r="O6" s="305">
        <v>0</v>
      </c>
      <c r="P6" s="306">
        <v>0</v>
      </c>
      <c r="Q6" s="307">
        <v>16</v>
      </c>
      <c r="R6" s="307">
        <v>36</v>
      </c>
      <c r="S6" s="307">
        <v>37</v>
      </c>
      <c r="T6" s="307">
        <v>35</v>
      </c>
      <c r="U6" s="307">
        <v>32</v>
      </c>
      <c r="V6" s="305">
        <v>156</v>
      </c>
      <c r="W6" s="309">
        <v>156</v>
      </c>
      <c r="X6" s="304">
        <v>0</v>
      </c>
      <c r="Y6" s="307">
        <v>0</v>
      </c>
      <c r="Z6" s="305">
        <v>0</v>
      </c>
      <c r="AA6" s="306">
        <v>0</v>
      </c>
      <c r="AB6" s="307">
        <v>959</v>
      </c>
      <c r="AC6" s="307">
        <v>795</v>
      </c>
      <c r="AD6" s="307">
        <v>360</v>
      </c>
      <c r="AE6" s="307">
        <v>166</v>
      </c>
      <c r="AF6" s="307">
        <v>68</v>
      </c>
      <c r="AG6" s="305">
        <v>2348</v>
      </c>
      <c r="AH6" s="309">
        <v>2348</v>
      </c>
      <c r="AI6" s="304">
        <v>1</v>
      </c>
      <c r="AJ6" s="307">
        <v>2</v>
      </c>
      <c r="AK6" s="305">
        <v>3</v>
      </c>
      <c r="AL6" s="306">
        <v>0</v>
      </c>
      <c r="AM6" s="307">
        <v>74</v>
      </c>
      <c r="AN6" s="307">
        <v>88</v>
      </c>
      <c r="AO6" s="307">
        <v>67</v>
      </c>
      <c r="AP6" s="307">
        <v>35</v>
      </c>
      <c r="AQ6" s="307">
        <v>20</v>
      </c>
      <c r="AR6" s="305">
        <v>284</v>
      </c>
      <c r="AS6" s="309">
        <v>287</v>
      </c>
      <c r="AT6" s="304">
        <v>15</v>
      </c>
      <c r="AU6" s="307">
        <v>10</v>
      </c>
      <c r="AV6" s="305">
        <v>25</v>
      </c>
      <c r="AW6" s="306">
        <v>0</v>
      </c>
      <c r="AX6" s="307">
        <v>90</v>
      </c>
      <c r="AY6" s="307">
        <v>93</v>
      </c>
      <c r="AZ6" s="307">
        <v>66</v>
      </c>
      <c r="BA6" s="307">
        <v>68</v>
      </c>
      <c r="BB6" s="307">
        <v>19</v>
      </c>
      <c r="BC6" s="305">
        <v>336</v>
      </c>
      <c r="BD6" s="309">
        <v>361</v>
      </c>
      <c r="BE6" s="304">
        <v>0</v>
      </c>
      <c r="BF6" s="307">
        <v>1</v>
      </c>
      <c r="BG6" s="305">
        <v>1</v>
      </c>
      <c r="BH6" s="306">
        <v>0</v>
      </c>
      <c r="BI6" s="307">
        <v>112</v>
      </c>
      <c r="BJ6" s="307">
        <v>167</v>
      </c>
      <c r="BK6" s="307">
        <v>176</v>
      </c>
      <c r="BL6" s="307">
        <v>113</v>
      </c>
      <c r="BM6" s="307">
        <v>39</v>
      </c>
      <c r="BN6" s="308">
        <v>607</v>
      </c>
      <c r="BO6" s="309">
        <v>608</v>
      </c>
      <c r="BP6" s="304">
        <v>0</v>
      </c>
      <c r="BQ6" s="307">
        <v>0</v>
      </c>
      <c r="BR6" s="305">
        <v>0</v>
      </c>
      <c r="BS6" s="306">
        <v>0</v>
      </c>
      <c r="BT6" s="307">
        <v>1</v>
      </c>
      <c r="BU6" s="307">
        <v>6</v>
      </c>
      <c r="BV6" s="307">
        <v>6</v>
      </c>
      <c r="BW6" s="307">
        <v>10</v>
      </c>
      <c r="BX6" s="307">
        <v>3</v>
      </c>
      <c r="BY6" s="305">
        <v>26</v>
      </c>
      <c r="BZ6" s="309">
        <v>26</v>
      </c>
      <c r="CA6" s="304">
        <v>0</v>
      </c>
      <c r="CB6" s="307">
        <v>0</v>
      </c>
      <c r="CC6" s="305">
        <v>0</v>
      </c>
      <c r="CD6" s="306">
        <v>0</v>
      </c>
      <c r="CE6" s="307">
        <v>0</v>
      </c>
      <c r="CF6" s="307">
        <v>1</v>
      </c>
      <c r="CG6" s="307">
        <v>17</v>
      </c>
      <c r="CH6" s="307">
        <v>12</v>
      </c>
      <c r="CI6" s="307">
        <v>11</v>
      </c>
      <c r="CJ6" s="305">
        <v>41</v>
      </c>
      <c r="CK6" s="309">
        <v>41</v>
      </c>
      <c r="CL6" s="304">
        <v>0</v>
      </c>
      <c r="CM6" s="307">
        <v>0</v>
      </c>
      <c r="CN6" s="305">
        <v>0</v>
      </c>
      <c r="CO6" s="306">
        <v>0</v>
      </c>
      <c r="CP6" s="307">
        <v>17</v>
      </c>
      <c r="CQ6" s="307">
        <v>16</v>
      </c>
      <c r="CR6" s="307">
        <v>21</v>
      </c>
      <c r="CS6" s="307">
        <v>17</v>
      </c>
      <c r="CT6" s="307">
        <v>32</v>
      </c>
      <c r="CU6" s="305">
        <v>103</v>
      </c>
      <c r="CV6" s="309">
        <v>103</v>
      </c>
    </row>
    <row r="7" spans="1:100" ht="21" customHeight="1" x14ac:dyDescent="0.2">
      <c r="A7" s="297" t="s">
        <v>5</v>
      </c>
      <c r="B7" s="310">
        <v>0</v>
      </c>
      <c r="C7" s="313">
        <v>0</v>
      </c>
      <c r="D7" s="441">
        <v>0</v>
      </c>
      <c r="E7" s="312">
        <v>0</v>
      </c>
      <c r="F7" s="313">
        <v>11</v>
      </c>
      <c r="G7" s="313">
        <v>15</v>
      </c>
      <c r="H7" s="313">
        <v>11</v>
      </c>
      <c r="I7" s="313">
        <v>14</v>
      </c>
      <c r="J7" s="313">
        <v>4</v>
      </c>
      <c r="K7" s="314">
        <v>55</v>
      </c>
      <c r="L7" s="315">
        <v>55</v>
      </c>
      <c r="M7" s="310">
        <v>0</v>
      </c>
      <c r="N7" s="313">
        <v>0</v>
      </c>
      <c r="O7" s="311">
        <v>0</v>
      </c>
      <c r="P7" s="312">
        <v>0</v>
      </c>
      <c r="Q7" s="313">
        <v>12</v>
      </c>
      <c r="R7" s="313">
        <v>29</v>
      </c>
      <c r="S7" s="313">
        <v>28</v>
      </c>
      <c r="T7" s="313">
        <v>27</v>
      </c>
      <c r="U7" s="313">
        <v>22</v>
      </c>
      <c r="V7" s="311">
        <v>118</v>
      </c>
      <c r="W7" s="315">
        <v>118</v>
      </c>
      <c r="X7" s="310">
        <v>0</v>
      </c>
      <c r="Y7" s="313">
        <v>0</v>
      </c>
      <c r="Z7" s="311">
        <v>0</v>
      </c>
      <c r="AA7" s="312">
        <v>0</v>
      </c>
      <c r="AB7" s="313">
        <v>335</v>
      </c>
      <c r="AC7" s="313">
        <v>381</v>
      </c>
      <c r="AD7" s="313">
        <v>185</v>
      </c>
      <c r="AE7" s="313">
        <v>67</v>
      </c>
      <c r="AF7" s="313">
        <v>37</v>
      </c>
      <c r="AG7" s="311">
        <v>1005</v>
      </c>
      <c r="AH7" s="315">
        <v>1005</v>
      </c>
      <c r="AI7" s="310">
        <v>1</v>
      </c>
      <c r="AJ7" s="313">
        <v>2</v>
      </c>
      <c r="AK7" s="311">
        <v>3</v>
      </c>
      <c r="AL7" s="312">
        <v>0</v>
      </c>
      <c r="AM7" s="313">
        <v>32</v>
      </c>
      <c r="AN7" s="313">
        <v>44</v>
      </c>
      <c r="AO7" s="313">
        <v>31</v>
      </c>
      <c r="AP7" s="313">
        <v>25</v>
      </c>
      <c r="AQ7" s="313">
        <v>13</v>
      </c>
      <c r="AR7" s="311">
        <v>145</v>
      </c>
      <c r="AS7" s="315">
        <v>148</v>
      </c>
      <c r="AT7" s="310">
        <v>5</v>
      </c>
      <c r="AU7" s="313">
        <v>7</v>
      </c>
      <c r="AV7" s="311">
        <v>12</v>
      </c>
      <c r="AW7" s="312">
        <v>0</v>
      </c>
      <c r="AX7" s="313">
        <v>29</v>
      </c>
      <c r="AY7" s="313">
        <v>36</v>
      </c>
      <c r="AZ7" s="313">
        <v>28</v>
      </c>
      <c r="BA7" s="313">
        <v>31</v>
      </c>
      <c r="BB7" s="313">
        <v>8</v>
      </c>
      <c r="BC7" s="311">
        <v>132</v>
      </c>
      <c r="BD7" s="315">
        <v>144</v>
      </c>
      <c r="BE7" s="310">
        <v>0</v>
      </c>
      <c r="BF7" s="313">
        <v>1</v>
      </c>
      <c r="BG7" s="311">
        <v>1</v>
      </c>
      <c r="BH7" s="312">
        <v>0</v>
      </c>
      <c r="BI7" s="313">
        <v>35</v>
      </c>
      <c r="BJ7" s="313">
        <v>73</v>
      </c>
      <c r="BK7" s="313">
        <v>71</v>
      </c>
      <c r="BL7" s="313">
        <v>36</v>
      </c>
      <c r="BM7" s="313">
        <v>16</v>
      </c>
      <c r="BN7" s="314">
        <v>231</v>
      </c>
      <c r="BO7" s="315">
        <v>232</v>
      </c>
      <c r="BP7" s="310">
        <v>0</v>
      </c>
      <c r="BQ7" s="313">
        <v>0</v>
      </c>
      <c r="BR7" s="311">
        <v>0</v>
      </c>
      <c r="BS7" s="312">
        <v>0</v>
      </c>
      <c r="BT7" s="313">
        <v>0</v>
      </c>
      <c r="BU7" s="313">
        <v>0</v>
      </c>
      <c r="BV7" s="313">
        <v>0</v>
      </c>
      <c r="BW7" s="313">
        <v>0</v>
      </c>
      <c r="BX7" s="313">
        <v>0</v>
      </c>
      <c r="BY7" s="311">
        <v>0</v>
      </c>
      <c r="BZ7" s="315">
        <v>0</v>
      </c>
      <c r="CA7" s="310">
        <v>0</v>
      </c>
      <c r="CB7" s="313">
        <v>0</v>
      </c>
      <c r="CC7" s="311">
        <v>0</v>
      </c>
      <c r="CD7" s="312">
        <v>0</v>
      </c>
      <c r="CE7" s="313">
        <v>0</v>
      </c>
      <c r="CF7" s="313">
        <v>1</v>
      </c>
      <c r="CG7" s="313">
        <v>2</v>
      </c>
      <c r="CH7" s="313">
        <v>2</v>
      </c>
      <c r="CI7" s="313">
        <v>2</v>
      </c>
      <c r="CJ7" s="311">
        <v>7</v>
      </c>
      <c r="CK7" s="315">
        <v>7</v>
      </c>
      <c r="CL7" s="310">
        <v>0</v>
      </c>
      <c r="CM7" s="313">
        <v>0</v>
      </c>
      <c r="CN7" s="311">
        <v>0</v>
      </c>
      <c r="CO7" s="312">
        <v>0</v>
      </c>
      <c r="CP7" s="313">
        <v>3</v>
      </c>
      <c r="CQ7" s="313">
        <v>5</v>
      </c>
      <c r="CR7" s="313">
        <v>6</v>
      </c>
      <c r="CS7" s="313">
        <v>2</v>
      </c>
      <c r="CT7" s="313">
        <v>23</v>
      </c>
      <c r="CU7" s="311">
        <v>39</v>
      </c>
      <c r="CV7" s="315">
        <v>39</v>
      </c>
    </row>
    <row r="8" spans="1:100" ht="21" customHeight="1" x14ac:dyDescent="0.2">
      <c r="A8" s="297" t="s">
        <v>6</v>
      </c>
      <c r="B8" s="310">
        <v>0</v>
      </c>
      <c r="C8" s="313">
        <v>0</v>
      </c>
      <c r="D8" s="441">
        <v>0</v>
      </c>
      <c r="E8" s="312">
        <v>0</v>
      </c>
      <c r="F8" s="313">
        <v>6</v>
      </c>
      <c r="G8" s="313">
        <v>6</v>
      </c>
      <c r="H8" s="313">
        <v>3</v>
      </c>
      <c r="I8" s="313">
        <v>7</v>
      </c>
      <c r="J8" s="313">
        <v>3</v>
      </c>
      <c r="K8" s="314">
        <v>25</v>
      </c>
      <c r="L8" s="315">
        <v>25</v>
      </c>
      <c r="M8" s="310">
        <v>0</v>
      </c>
      <c r="N8" s="313">
        <v>0</v>
      </c>
      <c r="O8" s="311">
        <v>0</v>
      </c>
      <c r="P8" s="312">
        <v>0</v>
      </c>
      <c r="Q8" s="313">
        <v>2</v>
      </c>
      <c r="R8" s="313">
        <v>6</v>
      </c>
      <c r="S8" s="313">
        <v>7</v>
      </c>
      <c r="T8" s="313">
        <v>8</v>
      </c>
      <c r="U8" s="313">
        <v>8</v>
      </c>
      <c r="V8" s="311">
        <v>31</v>
      </c>
      <c r="W8" s="315">
        <v>31</v>
      </c>
      <c r="X8" s="310">
        <v>0</v>
      </c>
      <c r="Y8" s="313">
        <v>0</v>
      </c>
      <c r="Z8" s="311">
        <v>0</v>
      </c>
      <c r="AA8" s="312">
        <v>0</v>
      </c>
      <c r="AB8" s="313">
        <v>116</v>
      </c>
      <c r="AC8" s="313">
        <v>81</v>
      </c>
      <c r="AD8" s="313">
        <v>39</v>
      </c>
      <c r="AE8" s="313">
        <v>27</v>
      </c>
      <c r="AF8" s="313">
        <v>6</v>
      </c>
      <c r="AG8" s="311">
        <v>269</v>
      </c>
      <c r="AH8" s="315">
        <v>269</v>
      </c>
      <c r="AI8" s="310">
        <v>0</v>
      </c>
      <c r="AJ8" s="313">
        <v>0</v>
      </c>
      <c r="AK8" s="311">
        <v>0</v>
      </c>
      <c r="AL8" s="312">
        <v>0</v>
      </c>
      <c r="AM8" s="313">
        <v>15</v>
      </c>
      <c r="AN8" s="313">
        <v>13</v>
      </c>
      <c r="AO8" s="313">
        <v>13</v>
      </c>
      <c r="AP8" s="313">
        <v>4</v>
      </c>
      <c r="AQ8" s="313">
        <v>4</v>
      </c>
      <c r="AR8" s="311">
        <v>49</v>
      </c>
      <c r="AS8" s="315">
        <v>49</v>
      </c>
      <c r="AT8" s="310">
        <v>4</v>
      </c>
      <c r="AU8" s="313">
        <v>1</v>
      </c>
      <c r="AV8" s="311">
        <v>5</v>
      </c>
      <c r="AW8" s="312">
        <v>0</v>
      </c>
      <c r="AX8" s="313">
        <v>12</v>
      </c>
      <c r="AY8" s="313">
        <v>17</v>
      </c>
      <c r="AZ8" s="313">
        <v>8</v>
      </c>
      <c r="BA8" s="313">
        <v>10</v>
      </c>
      <c r="BB8" s="313">
        <v>2</v>
      </c>
      <c r="BC8" s="311">
        <v>49</v>
      </c>
      <c r="BD8" s="315">
        <v>54</v>
      </c>
      <c r="BE8" s="310">
        <v>0</v>
      </c>
      <c r="BF8" s="313">
        <v>0</v>
      </c>
      <c r="BG8" s="311">
        <v>0</v>
      </c>
      <c r="BH8" s="312">
        <v>0</v>
      </c>
      <c r="BI8" s="313">
        <v>17</v>
      </c>
      <c r="BJ8" s="313">
        <v>25</v>
      </c>
      <c r="BK8" s="313">
        <v>31</v>
      </c>
      <c r="BL8" s="313">
        <v>19</v>
      </c>
      <c r="BM8" s="313">
        <v>7</v>
      </c>
      <c r="BN8" s="314">
        <v>99</v>
      </c>
      <c r="BO8" s="315">
        <v>99</v>
      </c>
      <c r="BP8" s="310">
        <v>0</v>
      </c>
      <c r="BQ8" s="313">
        <v>0</v>
      </c>
      <c r="BR8" s="311">
        <v>0</v>
      </c>
      <c r="BS8" s="312">
        <v>0</v>
      </c>
      <c r="BT8" s="313">
        <v>0</v>
      </c>
      <c r="BU8" s="313">
        <v>0</v>
      </c>
      <c r="BV8" s="313">
        <v>0</v>
      </c>
      <c r="BW8" s="313">
        <v>0</v>
      </c>
      <c r="BX8" s="313">
        <v>0</v>
      </c>
      <c r="BY8" s="311">
        <v>0</v>
      </c>
      <c r="BZ8" s="315">
        <v>0</v>
      </c>
      <c r="CA8" s="310">
        <v>0</v>
      </c>
      <c r="CB8" s="313">
        <v>0</v>
      </c>
      <c r="CC8" s="311">
        <v>0</v>
      </c>
      <c r="CD8" s="312">
        <v>0</v>
      </c>
      <c r="CE8" s="313">
        <v>0</v>
      </c>
      <c r="CF8" s="313">
        <v>0</v>
      </c>
      <c r="CG8" s="313">
        <v>8</v>
      </c>
      <c r="CH8" s="313">
        <v>3</v>
      </c>
      <c r="CI8" s="313">
        <v>2</v>
      </c>
      <c r="CJ8" s="311">
        <v>13</v>
      </c>
      <c r="CK8" s="315">
        <v>13</v>
      </c>
      <c r="CL8" s="310">
        <v>0</v>
      </c>
      <c r="CM8" s="313">
        <v>0</v>
      </c>
      <c r="CN8" s="311">
        <v>0</v>
      </c>
      <c r="CO8" s="312">
        <v>0</v>
      </c>
      <c r="CP8" s="313">
        <v>4</v>
      </c>
      <c r="CQ8" s="313">
        <v>4</v>
      </c>
      <c r="CR8" s="313">
        <v>5</v>
      </c>
      <c r="CS8" s="313">
        <v>5</v>
      </c>
      <c r="CT8" s="313">
        <v>3</v>
      </c>
      <c r="CU8" s="311">
        <v>21</v>
      </c>
      <c r="CV8" s="315">
        <v>21</v>
      </c>
    </row>
    <row r="9" spans="1:100" ht="21" customHeight="1" x14ac:dyDescent="0.2">
      <c r="A9" s="297" t="s">
        <v>14</v>
      </c>
      <c r="B9" s="310">
        <v>0</v>
      </c>
      <c r="C9" s="313">
        <v>0</v>
      </c>
      <c r="D9" s="441">
        <v>0</v>
      </c>
      <c r="E9" s="312">
        <v>0</v>
      </c>
      <c r="F9" s="313">
        <v>1</v>
      </c>
      <c r="G9" s="313">
        <v>2</v>
      </c>
      <c r="H9" s="313">
        <v>0</v>
      </c>
      <c r="I9" s="313">
        <v>2</v>
      </c>
      <c r="J9" s="313">
        <v>0</v>
      </c>
      <c r="K9" s="314">
        <v>5</v>
      </c>
      <c r="L9" s="315">
        <v>5</v>
      </c>
      <c r="M9" s="310">
        <v>0</v>
      </c>
      <c r="N9" s="313">
        <v>0</v>
      </c>
      <c r="O9" s="311">
        <v>0</v>
      </c>
      <c r="P9" s="312">
        <v>0</v>
      </c>
      <c r="Q9" s="313">
        <v>0</v>
      </c>
      <c r="R9" s="313">
        <v>0</v>
      </c>
      <c r="S9" s="313">
        <v>0</v>
      </c>
      <c r="T9" s="313">
        <v>0</v>
      </c>
      <c r="U9" s="313">
        <v>0</v>
      </c>
      <c r="V9" s="311">
        <v>0</v>
      </c>
      <c r="W9" s="315">
        <v>0</v>
      </c>
      <c r="X9" s="310">
        <v>0</v>
      </c>
      <c r="Y9" s="313">
        <v>0</v>
      </c>
      <c r="Z9" s="311">
        <v>0</v>
      </c>
      <c r="AA9" s="312">
        <v>0</v>
      </c>
      <c r="AB9" s="313">
        <v>81</v>
      </c>
      <c r="AC9" s="313">
        <v>70</v>
      </c>
      <c r="AD9" s="313">
        <v>32</v>
      </c>
      <c r="AE9" s="313">
        <v>9</v>
      </c>
      <c r="AF9" s="313">
        <v>5</v>
      </c>
      <c r="AG9" s="311">
        <v>197</v>
      </c>
      <c r="AH9" s="315">
        <v>197</v>
      </c>
      <c r="AI9" s="310">
        <v>0</v>
      </c>
      <c r="AJ9" s="313">
        <v>0</v>
      </c>
      <c r="AK9" s="311">
        <v>0</v>
      </c>
      <c r="AL9" s="312">
        <v>0</v>
      </c>
      <c r="AM9" s="313">
        <v>1</v>
      </c>
      <c r="AN9" s="313">
        <v>1</v>
      </c>
      <c r="AO9" s="313">
        <v>0</v>
      </c>
      <c r="AP9" s="313">
        <v>2</v>
      </c>
      <c r="AQ9" s="313">
        <v>1</v>
      </c>
      <c r="AR9" s="311">
        <v>5</v>
      </c>
      <c r="AS9" s="315">
        <v>5</v>
      </c>
      <c r="AT9" s="310">
        <v>0</v>
      </c>
      <c r="AU9" s="313">
        <v>1</v>
      </c>
      <c r="AV9" s="311">
        <v>1</v>
      </c>
      <c r="AW9" s="312">
        <v>0</v>
      </c>
      <c r="AX9" s="313">
        <v>11</v>
      </c>
      <c r="AY9" s="313">
        <v>5</v>
      </c>
      <c r="AZ9" s="313">
        <v>6</v>
      </c>
      <c r="BA9" s="313">
        <v>6</v>
      </c>
      <c r="BB9" s="313">
        <v>1</v>
      </c>
      <c r="BC9" s="311">
        <v>29</v>
      </c>
      <c r="BD9" s="315">
        <v>30</v>
      </c>
      <c r="BE9" s="310">
        <v>0</v>
      </c>
      <c r="BF9" s="313">
        <v>0</v>
      </c>
      <c r="BG9" s="311">
        <v>0</v>
      </c>
      <c r="BH9" s="312">
        <v>0</v>
      </c>
      <c r="BI9" s="313">
        <v>8</v>
      </c>
      <c r="BJ9" s="313">
        <v>11</v>
      </c>
      <c r="BK9" s="313">
        <v>14</v>
      </c>
      <c r="BL9" s="313">
        <v>17</v>
      </c>
      <c r="BM9" s="313">
        <v>3</v>
      </c>
      <c r="BN9" s="314">
        <v>53</v>
      </c>
      <c r="BO9" s="315">
        <v>53</v>
      </c>
      <c r="BP9" s="310">
        <v>0</v>
      </c>
      <c r="BQ9" s="313">
        <v>0</v>
      </c>
      <c r="BR9" s="311">
        <v>0</v>
      </c>
      <c r="BS9" s="312">
        <v>0</v>
      </c>
      <c r="BT9" s="313">
        <v>0</v>
      </c>
      <c r="BU9" s="313">
        <v>0</v>
      </c>
      <c r="BV9" s="313">
        <v>0</v>
      </c>
      <c r="BW9" s="313">
        <v>0</v>
      </c>
      <c r="BX9" s="313">
        <v>0</v>
      </c>
      <c r="BY9" s="311">
        <v>0</v>
      </c>
      <c r="BZ9" s="315">
        <v>0</v>
      </c>
      <c r="CA9" s="310">
        <v>0</v>
      </c>
      <c r="CB9" s="313">
        <v>0</v>
      </c>
      <c r="CC9" s="311">
        <v>0</v>
      </c>
      <c r="CD9" s="312">
        <v>0</v>
      </c>
      <c r="CE9" s="313">
        <v>0</v>
      </c>
      <c r="CF9" s="313">
        <v>0</v>
      </c>
      <c r="CG9" s="313">
        <v>1</v>
      </c>
      <c r="CH9" s="313">
        <v>0</v>
      </c>
      <c r="CI9" s="313">
        <v>0</v>
      </c>
      <c r="CJ9" s="311">
        <v>1</v>
      </c>
      <c r="CK9" s="315">
        <v>1</v>
      </c>
      <c r="CL9" s="310">
        <v>0</v>
      </c>
      <c r="CM9" s="313">
        <v>0</v>
      </c>
      <c r="CN9" s="311">
        <v>0</v>
      </c>
      <c r="CO9" s="312">
        <v>0</v>
      </c>
      <c r="CP9" s="313">
        <v>1</v>
      </c>
      <c r="CQ9" s="313">
        <v>1</v>
      </c>
      <c r="CR9" s="313">
        <v>0</v>
      </c>
      <c r="CS9" s="313">
        <v>1</v>
      </c>
      <c r="CT9" s="313">
        <v>1</v>
      </c>
      <c r="CU9" s="311">
        <v>4</v>
      </c>
      <c r="CV9" s="315">
        <v>4</v>
      </c>
    </row>
    <row r="10" spans="1:100" ht="21" customHeight="1" x14ac:dyDescent="0.2">
      <c r="A10" s="297" t="s">
        <v>7</v>
      </c>
      <c r="B10" s="310">
        <v>0</v>
      </c>
      <c r="C10" s="313">
        <v>0</v>
      </c>
      <c r="D10" s="441">
        <v>0</v>
      </c>
      <c r="E10" s="312">
        <v>0</v>
      </c>
      <c r="F10" s="313">
        <v>0</v>
      </c>
      <c r="G10" s="313">
        <v>0</v>
      </c>
      <c r="H10" s="313">
        <v>0</v>
      </c>
      <c r="I10" s="313">
        <v>0</v>
      </c>
      <c r="J10" s="313">
        <v>0</v>
      </c>
      <c r="K10" s="314">
        <v>0</v>
      </c>
      <c r="L10" s="315">
        <v>0</v>
      </c>
      <c r="M10" s="310">
        <v>0</v>
      </c>
      <c r="N10" s="313">
        <v>0</v>
      </c>
      <c r="O10" s="311">
        <v>0</v>
      </c>
      <c r="P10" s="312">
        <v>0</v>
      </c>
      <c r="Q10" s="313">
        <v>0</v>
      </c>
      <c r="R10" s="313">
        <v>0</v>
      </c>
      <c r="S10" s="313">
        <v>0</v>
      </c>
      <c r="T10" s="313">
        <v>0</v>
      </c>
      <c r="U10" s="313">
        <v>0</v>
      </c>
      <c r="V10" s="311">
        <v>0</v>
      </c>
      <c r="W10" s="315">
        <v>0</v>
      </c>
      <c r="X10" s="310">
        <v>0</v>
      </c>
      <c r="Y10" s="313">
        <v>0</v>
      </c>
      <c r="Z10" s="311">
        <v>0</v>
      </c>
      <c r="AA10" s="312">
        <v>0</v>
      </c>
      <c r="AB10" s="313">
        <v>85</v>
      </c>
      <c r="AC10" s="313">
        <v>42</v>
      </c>
      <c r="AD10" s="313">
        <v>20</v>
      </c>
      <c r="AE10" s="313">
        <v>7</v>
      </c>
      <c r="AF10" s="313">
        <v>1</v>
      </c>
      <c r="AG10" s="311">
        <v>155</v>
      </c>
      <c r="AH10" s="315">
        <v>155</v>
      </c>
      <c r="AI10" s="310">
        <v>0</v>
      </c>
      <c r="AJ10" s="313">
        <v>0</v>
      </c>
      <c r="AK10" s="311">
        <v>0</v>
      </c>
      <c r="AL10" s="312">
        <v>0</v>
      </c>
      <c r="AM10" s="313">
        <v>8</v>
      </c>
      <c r="AN10" s="313">
        <v>14</v>
      </c>
      <c r="AO10" s="313">
        <v>6</v>
      </c>
      <c r="AP10" s="313">
        <v>0</v>
      </c>
      <c r="AQ10" s="313">
        <v>0</v>
      </c>
      <c r="AR10" s="311">
        <v>28</v>
      </c>
      <c r="AS10" s="315">
        <v>28</v>
      </c>
      <c r="AT10" s="310">
        <v>1</v>
      </c>
      <c r="AU10" s="313">
        <v>0</v>
      </c>
      <c r="AV10" s="311">
        <v>1</v>
      </c>
      <c r="AW10" s="312">
        <v>0</v>
      </c>
      <c r="AX10" s="313">
        <v>6</v>
      </c>
      <c r="AY10" s="313">
        <v>5</v>
      </c>
      <c r="AZ10" s="313">
        <v>0</v>
      </c>
      <c r="BA10" s="313">
        <v>1</v>
      </c>
      <c r="BB10" s="313">
        <v>0</v>
      </c>
      <c r="BC10" s="311">
        <v>12</v>
      </c>
      <c r="BD10" s="315">
        <v>13</v>
      </c>
      <c r="BE10" s="310">
        <v>0</v>
      </c>
      <c r="BF10" s="313">
        <v>0</v>
      </c>
      <c r="BG10" s="311">
        <v>0</v>
      </c>
      <c r="BH10" s="312">
        <v>0</v>
      </c>
      <c r="BI10" s="313">
        <v>14</v>
      </c>
      <c r="BJ10" s="313">
        <v>5</v>
      </c>
      <c r="BK10" s="313">
        <v>17</v>
      </c>
      <c r="BL10" s="313">
        <v>8</v>
      </c>
      <c r="BM10" s="313">
        <v>2</v>
      </c>
      <c r="BN10" s="314">
        <v>46</v>
      </c>
      <c r="BO10" s="315">
        <v>46</v>
      </c>
      <c r="BP10" s="310">
        <v>0</v>
      </c>
      <c r="BQ10" s="313">
        <v>0</v>
      </c>
      <c r="BR10" s="311">
        <v>0</v>
      </c>
      <c r="BS10" s="312">
        <v>0</v>
      </c>
      <c r="BT10" s="313">
        <v>0</v>
      </c>
      <c r="BU10" s="313">
        <v>0</v>
      </c>
      <c r="BV10" s="313">
        <v>0</v>
      </c>
      <c r="BW10" s="313">
        <v>0</v>
      </c>
      <c r="BX10" s="313">
        <v>0</v>
      </c>
      <c r="BY10" s="311">
        <v>0</v>
      </c>
      <c r="BZ10" s="315">
        <v>0</v>
      </c>
      <c r="CA10" s="310">
        <v>0</v>
      </c>
      <c r="CB10" s="313">
        <v>0</v>
      </c>
      <c r="CC10" s="311">
        <v>0</v>
      </c>
      <c r="CD10" s="312">
        <v>0</v>
      </c>
      <c r="CE10" s="313">
        <v>0</v>
      </c>
      <c r="CF10" s="313">
        <v>0</v>
      </c>
      <c r="CG10" s="313">
        <v>0</v>
      </c>
      <c r="CH10" s="313">
        <v>0</v>
      </c>
      <c r="CI10" s="313">
        <v>0</v>
      </c>
      <c r="CJ10" s="311">
        <v>0</v>
      </c>
      <c r="CK10" s="315">
        <v>0</v>
      </c>
      <c r="CL10" s="310">
        <v>0</v>
      </c>
      <c r="CM10" s="313">
        <v>0</v>
      </c>
      <c r="CN10" s="311">
        <v>0</v>
      </c>
      <c r="CO10" s="312">
        <v>0</v>
      </c>
      <c r="CP10" s="313">
        <v>1</v>
      </c>
      <c r="CQ10" s="313">
        <v>0</v>
      </c>
      <c r="CR10" s="313">
        <v>1</v>
      </c>
      <c r="CS10" s="313">
        <v>2</v>
      </c>
      <c r="CT10" s="313">
        <v>1</v>
      </c>
      <c r="CU10" s="311">
        <v>5</v>
      </c>
      <c r="CV10" s="315">
        <v>5</v>
      </c>
    </row>
    <row r="11" spans="1:100" ht="21" customHeight="1" x14ac:dyDescent="0.2">
      <c r="A11" s="297" t="s">
        <v>8</v>
      </c>
      <c r="B11" s="310">
        <v>0</v>
      </c>
      <c r="C11" s="313">
        <v>0</v>
      </c>
      <c r="D11" s="441">
        <v>0</v>
      </c>
      <c r="E11" s="312">
        <v>0</v>
      </c>
      <c r="F11" s="313">
        <v>2</v>
      </c>
      <c r="G11" s="313">
        <v>0</v>
      </c>
      <c r="H11" s="313">
        <v>0</v>
      </c>
      <c r="I11" s="313">
        <v>0</v>
      </c>
      <c r="J11" s="313">
        <v>0</v>
      </c>
      <c r="K11" s="314">
        <v>2</v>
      </c>
      <c r="L11" s="315">
        <v>2</v>
      </c>
      <c r="M11" s="310">
        <v>0</v>
      </c>
      <c r="N11" s="313">
        <v>0</v>
      </c>
      <c r="O11" s="311">
        <v>0</v>
      </c>
      <c r="P11" s="312">
        <v>0</v>
      </c>
      <c r="Q11" s="313">
        <v>0</v>
      </c>
      <c r="R11" s="313">
        <v>0</v>
      </c>
      <c r="S11" s="313">
        <v>0</v>
      </c>
      <c r="T11" s="313">
        <v>0</v>
      </c>
      <c r="U11" s="313">
        <v>1</v>
      </c>
      <c r="V11" s="311">
        <v>1</v>
      </c>
      <c r="W11" s="315">
        <v>1</v>
      </c>
      <c r="X11" s="310">
        <v>0</v>
      </c>
      <c r="Y11" s="313">
        <v>0</v>
      </c>
      <c r="Z11" s="311">
        <v>0</v>
      </c>
      <c r="AA11" s="312">
        <v>0</v>
      </c>
      <c r="AB11" s="313">
        <v>42</v>
      </c>
      <c r="AC11" s="313">
        <v>35</v>
      </c>
      <c r="AD11" s="313">
        <v>8</v>
      </c>
      <c r="AE11" s="313">
        <v>8</v>
      </c>
      <c r="AF11" s="313">
        <v>1</v>
      </c>
      <c r="AG11" s="311">
        <v>94</v>
      </c>
      <c r="AH11" s="315">
        <v>94</v>
      </c>
      <c r="AI11" s="310">
        <v>0</v>
      </c>
      <c r="AJ11" s="313">
        <v>0</v>
      </c>
      <c r="AK11" s="311">
        <v>0</v>
      </c>
      <c r="AL11" s="312">
        <v>0</v>
      </c>
      <c r="AM11" s="313">
        <v>1</v>
      </c>
      <c r="AN11" s="313">
        <v>0</v>
      </c>
      <c r="AO11" s="313">
        <v>0</v>
      </c>
      <c r="AP11" s="313">
        <v>0</v>
      </c>
      <c r="AQ11" s="313">
        <v>0</v>
      </c>
      <c r="AR11" s="311">
        <v>1</v>
      </c>
      <c r="AS11" s="315">
        <v>1</v>
      </c>
      <c r="AT11" s="310">
        <v>1</v>
      </c>
      <c r="AU11" s="313">
        <v>0</v>
      </c>
      <c r="AV11" s="311">
        <v>1</v>
      </c>
      <c r="AW11" s="312">
        <v>0</v>
      </c>
      <c r="AX11" s="313">
        <v>6</v>
      </c>
      <c r="AY11" s="313">
        <v>7</v>
      </c>
      <c r="AZ11" s="313">
        <v>1</v>
      </c>
      <c r="BA11" s="313">
        <v>2</v>
      </c>
      <c r="BB11" s="313">
        <v>0</v>
      </c>
      <c r="BC11" s="311">
        <v>16</v>
      </c>
      <c r="BD11" s="315">
        <v>17</v>
      </c>
      <c r="BE11" s="310">
        <v>0</v>
      </c>
      <c r="BF11" s="313">
        <v>0</v>
      </c>
      <c r="BG11" s="311">
        <v>0</v>
      </c>
      <c r="BH11" s="312">
        <v>0</v>
      </c>
      <c r="BI11" s="313">
        <v>3</v>
      </c>
      <c r="BJ11" s="313">
        <v>3</v>
      </c>
      <c r="BK11" s="313">
        <v>5</v>
      </c>
      <c r="BL11" s="313">
        <v>3</v>
      </c>
      <c r="BM11" s="313">
        <v>1</v>
      </c>
      <c r="BN11" s="314">
        <v>15</v>
      </c>
      <c r="BO11" s="315">
        <v>15</v>
      </c>
      <c r="BP11" s="310">
        <v>0</v>
      </c>
      <c r="BQ11" s="313">
        <v>0</v>
      </c>
      <c r="BR11" s="311">
        <v>0</v>
      </c>
      <c r="BS11" s="312">
        <v>0</v>
      </c>
      <c r="BT11" s="313">
        <v>0</v>
      </c>
      <c r="BU11" s="313">
        <v>0</v>
      </c>
      <c r="BV11" s="313">
        <v>0</v>
      </c>
      <c r="BW11" s="313">
        <v>3</v>
      </c>
      <c r="BX11" s="313">
        <v>0</v>
      </c>
      <c r="BY11" s="311">
        <v>3</v>
      </c>
      <c r="BZ11" s="315">
        <v>3</v>
      </c>
      <c r="CA11" s="310">
        <v>0</v>
      </c>
      <c r="CB11" s="313">
        <v>0</v>
      </c>
      <c r="CC11" s="311">
        <v>0</v>
      </c>
      <c r="CD11" s="312">
        <v>0</v>
      </c>
      <c r="CE11" s="313">
        <v>0</v>
      </c>
      <c r="CF11" s="313">
        <v>0</v>
      </c>
      <c r="CG11" s="313">
        <v>1</v>
      </c>
      <c r="CH11" s="313">
        <v>0</v>
      </c>
      <c r="CI11" s="313">
        <v>0</v>
      </c>
      <c r="CJ11" s="311">
        <v>1</v>
      </c>
      <c r="CK11" s="315">
        <v>1</v>
      </c>
      <c r="CL11" s="310">
        <v>0</v>
      </c>
      <c r="CM11" s="313">
        <v>0</v>
      </c>
      <c r="CN11" s="311">
        <v>0</v>
      </c>
      <c r="CO11" s="312">
        <v>0</v>
      </c>
      <c r="CP11" s="313">
        <v>2</v>
      </c>
      <c r="CQ11" s="313">
        <v>1</v>
      </c>
      <c r="CR11" s="313">
        <v>0</v>
      </c>
      <c r="CS11" s="313">
        <v>2</v>
      </c>
      <c r="CT11" s="313">
        <v>0</v>
      </c>
      <c r="CU11" s="311">
        <v>5</v>
      </c>
      <c r="CV11" s="315">
        <v>5</v>
      </c>
    </row>
    <row r="12" spans="1:100" ht="21" customHeight="1" x14ac:dyDescent="0.2">
      <c r="A12" s="297" t="s">
        <v>9</v>
      </c>
      <c r="B12" s="310">
        <v>0</v>
      </c>
      <c r="C12" s="313">
        <v>0</v>
      </c>
      <c r="D12" s="441">
        <v>0</v>
      </c>
      <c r="E12" s="312">
        <v>0</v>
      </c>
      <c r="F12" s="313">
        <v>1</v>
      </c>
      <c r="G12" s="313">
        <v>0</v>
      </c>
      <c r="H12" s="313">
        <v>0</v>
      </c>
      <c r="I12" s="313">
        <v>0</v>
      </c>
      <c r="J12" s="313">
        <v>1</v>
      </c>
      <c r="K12" s="314">
        <v>2</v>
      </c>
      <c r="L12" s="315">
        <v>2</v>
      </c>
      <c r="M12" s="310">
        <v>0</v>
      </c>
      <c r="N12" s="313">
        <v>0</v>
      </c>
      <c r="O12" s="311">
        <v>0</v>
      </c>
      <c r="P12" s="312">
        <v>0</v>
      </c>
      <c r="Q12" s="313">
        <v>0</v>
      </c>
      <c r="R12" s="313">
        <v>0</v>
      </c>
      <c r="S12" s="313">
        <v>0</v>
      </c>
      <c r="T12" s="313">
        <v>0</v>
      </c>
      <c r="U12" s="313">
        <v>0</v>
      </c>
      <c r="V12" s="311">
        <v>0</v>
      </c>
      <c r="W12" s="315">
        <v>0</v>
      </c>
      <c r="X12" s="310">
        <v>0</v>
      </c>
      <c r="Y12" s="313">
        <v>0</v>
      </c>
      <c r="Z12" s="311">
        <v>0</v>
      </c>
      <c r="AA12" s="312">
        <v>0</v>
      </c>
      <c r="AB12" s="313">
        <v>42</v>
      </c>
      <c r="AC12" s="313">
        <v>29</v>
      </c>
      <c r="AD12" s="313">
        <v>15</v>
      </c>
      <c r="AE12" s="313">
        <v>13</v>
      </c>
      <c r="AF12" s="313">
        <v>0</v>
      </c>
      <c r="AG12" s="311">
        <v>99</v>
      </c>
      <c r="AH12" s="315">
        <v>99</v>
      </c>
      <c r="AI12" s="310">
        <v>0</v>
      </c>
      <c r="AJ12" s="313">
        <v>0</v>
      </c>
      <c r="AK12" s="311">
        <v>0</v>
      </c>
      <c r="AL12" s="312">
        <v>0</v>
      </c>
      <c r="AM12" s="313">
        <v>1</v>
      </c>
      <c r="AN12" s="313">
        <v>1</v>
      </c>
      <c r="AO12" s="313">
        <v>2</v>
      </c>
      <c r="AP12" s="313">
        <v>0</v>
      </c>
      <c r="AQ12" s="313">
        <v>0</v>
      </c>
      <c r="AR12" s="311">
        <v>4</v>
      </c>
      <c r="AS12" s="315">
        <v>4</v>
      </c>
      <c r="AT12" s="310">
        <v>1</v>
      </c>
      <c r="AU12" s="313">
        <v>0</v>
      </c>
      <c r="AV12" s="311">
        <v>1</v>
      </c>
      <c r="AW12" s="312">
        <v>0</v>
      </c>
      <c r="AX12" s="313">
        <v>3</v>
      </c>
      <c r="AY12" s="313">
        <v>1</v>
      </c>
      <c r="AZ12" s="313">
        <v>1</v>
      </c>
      <c r="BA12" s="313">
        <v>1</v>
      </c>
      <c r="BB12" s="313">
        <v>0</v>
      </c>
      <c r="BC12" s="311">
        <v>6</v>
      </c>
      <c r="BD12" s="315">
        <v>7</v>
      </c>
      <c r="BE12" s="310">
        <v>0</v>
      </c>
      <c r="BF12" s="313">
        <v>0</v>
      </c>
      <c r="BG12" s="311">
        <v>0</v>
      </c>
      <c r="BH12" s="312">
        <v>0</v>
      </c>
      <c r="BI12" s="313">
        <v>3</v>
      </c>
      <c r="BJ12" s="313">
        <v>4</v>
      </c>
      <c r="BK12" s="313">
        <v>8</v>
      </c>
      <c r="BL12" s="313">
        <v>1</v>
      </c>
      <c r="BM12" s="313">
        <v>3</v>
      </c>
      <c r="BN12" s="314">
        <v>19</v>
      </c>
      <c r="BO12" s="315">
        <v>19</v>
      </c>
      <c r="BP12" s="310">
        <v>0</v>
      </c>
      <c r="BQ12" s="313">
        <v>0</v>
      </c>
      <c r="BR12" s="311">
        <v>0</v>
      </c>
      <c r="BS12" s="312">
        <v>0</v>
      </c>
      <c r="BT12" s="313">
        <v>1</v>
      </c>
      <c r="BU12" s="313">
        <v>1</v>
      </c>
      <c r="BV12" s="313">
        <v>2</v>
      </c>
      <c r="BW12" s="313">
        <v>0</v>
      </c>
      <c r="BX12" s="313">
        <v>0</v>
      </c>
      <c r="BY12" s="311">
        <v>4</v>
      </c>
      <c r="BZ12" s="315">
        <v>4</v>
      </c>
      <c r="CA12" s="310">
        <v>0</v>
      </c>
      <c r="CB12" s="313">
        <v>0</v>
      </c>
      <c r="CC12" s="311">
        <v>0</v>
      </c>
      <c r="CD12" s="312">
        <v>0</v>
      </c>
      <c r="CE12" s="313">
        <v>0</v>
      </c>
      <c r="CF12" s="313">
        <v>0</v>
      </c>
      <c r="CG12" s="313">
        <v>0</v>
      </c>
      <c r="CH12" s="313">
        <v>0</v>
      </c>
      <c r="CI12" s="313">
        <v>0</v>
      </c>
      <c r="CJ12" s="311">
        <v>0</v>
      </c>
      <c r="CK12" s="315">
        <v>0</v>
      </c>
      <c r="CL12" s="310">
        <v>0</v>
      </c>
      <c r="CM12" s="313">
        <v>0</v>
      </c>
      <c r="CN12" s="311">
        <v>0</v>
      </c>
      <c r="CO12" s="312">
        <v>0</v>
      </c>
      <c r="CP12" s="313">
        <v>0</v>
      </c>
      <c r="CQ12" s="313">
        <v>1</v>
      </c>
      <c r="CR12" s="313">
        <v>4</v>
      </c>
      <c r="CS12" s="313">
        <v>0</v>
      </c>
      <c r="CT12" s="313">
        <v>0</v>
      </c>
      <c r="CU12" s="311">
        <v>5</v>
      </c>
      <c r="CV12" s="315">
        <v>5</v>
      </c>
    </row>
    <row r="13" spans="1:100" ht="21" customHeight="1" x14ac:dyDescent="0.2">
      <c r="A13" s="297" t="s">
        <v>10</v>
      </c>
      <c r="B13" s="310">
        <v>0</v>
      </c>
      <c r="C13" s="313">
        <v>0</v>
      </c>
      <c r="D13" s="441">
        <v>0</v>
      </c>
      <c r="E13" s="312">
        <v>0</v>
      </c>
      <c r="F13" s="313">
        <v>2</v>
      </c>
      <c r="G13" s="313">
        <v>1</v>
      </c>
      <c r="H13" s="313">
        <v>0</v>
      </c>
      <c r="I13" s="313">
        <v>0</v>
      </c>
      <c r="J13" s="313">
        <v>0</v>
      </c>
      <c r="K13" s="314">
        <v>3</v>
      </c>
      <c r="L13" s="315">
        <v>3</v>
      </c>
      <c r="M13" s="310">
        <v>0</v>
      </c>
      <c r="N13" s="313">
        <v>0</v>
      </c>
      <c r="O13" s="311">
        <v>0</v>
      </c>
      <c r="P13" s="312">
        <v>0</v>
      </c>
      <c r="Q13" s="313">
        <v>2</v>
      </c>
      <c r="R13" s="313">
        <v>1</v>
      </c>
      <c r="S13" s="313">
        <v>2</v>
      </c>
      <c r="T13" s="313">
        <v>0</v>
      </c>
      <c r="U13" s="313">
        <v>1</v>
      </c>
      <c r="V13" s="311">
        <v>6</v>
      </c>
      <c r="W13" s="315">
        <v>6</v>
      </c>
      <c r="X13" s="310">
        <v>0</v>
      </c>
      <c r="Y13" s="313">
        <v>0</v>
      </c>
      <c r="Z13" s="311">
        <v>0</v>
      </c>
      <c r="AA13" s="312">
        <v>0</v>
      </c>
      <c r="AB13" s="313">
        <v>49</v>
      </c>
      <c r="AC13" s="313">
        <v>23</v>
      </c>
      <c r="AD13" s="313">
        <v>4</v>
      </c>
      <c r="AE13" s="313">
        <v>1</v>
      </c>
      <c r="AF13" s="313">
        <v>3</v>
      </c>
      <c r="AG13" s="311">
        <v>80</v>
      </c>
      <c r="AH13" s="315">
        <v>80</v>
      </c>
      <c r="AI13" s="310">
        <v>0</v>
      </c>
      <c r="AJ13" s="313">
        <v>0</v>
      </c>
      <c r="AK13" s="311">
        <v>0</v>
      </c>
      <c r="AL13" s="312">
        <v>0</v>
      </c>
      <c r="AM13" s="313">
        <v>2</v>
      </c>
      <c r="AN13" s="313">
        <v>4</v>
      </c>
      <c r="AO13" s="313">
        <v>2</v>
      </c>
      <c r="AP13" s="313">
        <v>1</v>
      </c>
      <c r="AQ13" s="313">
        <v>0</v>
      </c>
      <c r="AR13" s="311">
        <v>9</v>
      </c>
      <c r="AS13" s="315">
        <v>9</v>
      </c>
      <c r="AT13" s="310">
        <v>0</v>
      </c>
      <c r="AU13" s="313">
        <v>0</v>
      </c>
      <c r="AV13" s="311">
        <v>0</v>
      </c>
      <c r="AW13" s="312">
        <v>0</v>
      </c>
      <c r="AX13" s="313">
        <v>5</v>
      </c>
      <c r="AY13" s="313">
        <v>4</v>
      </c>
      <c r="AZ13" s="313">
        <v>5</v>
      </c>
      <c r="BA13" s="313">
        <v>7</v>
      </c>
      <c r="BB13" s="313">
        <v>1</v>
      </c>
      <c r="BC13" s="311">
        <v>22</v>
      </c>
      <c r="BD13" s="315">
        <v>22</v>
      </c>
      <c r="BE13" s="310">
        <v>0</v>
      </c>
      <c r="BF13" s="313">
        <v>0</v>
      </c>
      <c r="BG13" s="311">
        <v>0</v>
      </c>
      <c r="BH13" s="312">
        <v>0</v>
      </c>
      <c r="BI13" s="313">
        <v>7</v>
      </c>
      <c r="BJ13" s="313">
        <v>11</v>
      </c>
      <c r="BK13" s="313">
        <v>6</v>
      </c>
      <c r="BL13" s="313">
        <v>10</v>
      </c>
      <c r="BM13" s="313">
        <v>4</v>
      </c>
      <c r="BN13" s="314">
        <v>38</v>
      </c>
      <c r="BO13" s="315">
        <v>38</v>
      </c>
      <c r="BP13" s="310">
        <v>0</v>
      </c>
      <c r="BQ13" s="313">
        <v>0</v>
      </c>
      <c r="BR13" s="311">
        <v>0</v>
      </c>
      <c r="BS13" s="312">
        <v>0</v>
      </c>
      <c r="BT13" s="313">
        <v>0</v>
      </c>
      <c r="BU13" s="313">
        <v>4</v>
      </c>
      <c r="BV13" s="313">
        <v>4</v>
      </c>
      <c r="BW13" s="313">
        <v>2</v>
      </c>
      <c r="BX13" s="313">
        <v>3</v>
      </c>
      <c r="BY13" s="311">
        <v>13</v>
      </c>
      <c r="BZ13" s="315">
        <v>13</v>
      </c>
      <c r="CA13" s="310">
        <v>0</v>
      </c>
      <c r="CB13" s="313">
        <v>0</v>
      </c>
      <c r="CC13" s="311">
        <v>0</v>
      </c>
      <c r="CD13" s="312">
        <v>0</v>
      </c>
      <c r="CE13" s="313">
        <v>0</v>
      </c>
      <c r="CF13" s="313">
        <v>0</v>
      </c>
      <c r="CG13" s="313">
        <v>1</v>
      </c>
      <c r="CH13" s="313">
        <v>2</v>
      </c>
      <c r="CI13" s="313">
        <v>3</v>
      </c>
      <c r="CJ13" s="311">
        <v>6</v>
      </c>
      <c r="CK13" s="315">
        <v>6</v>
      </c>
      <c r="CL13" s="310">
        <v>0</v>
      </c>
      <c r="CM13" s="313">
        <v>0</v>
      </c>
      <c r="CN13" s="311">
        <v>0</v>
      </c>
      <c r="CO13" s="312">
        <v>0</v>
      </c>
      <c r="CP13" s="313">
        <v>0</v>
      </c>
      <c r="CQ13" s="313">
        <v>0</v>
      </c>
      <c r="CR13" s="313">
        <v>2</v>
      </c>
      <c r="CS13" s="313">
        <v>1</v>
      </c>
      <c r="CT13" s="313">
        <v>1</v>
      </c>
      <c r="CU13" s="311">
        <v>4</v>
      </c>
      <c r="CV13" s="315">
        <v>4</v>
      </c>
    </row>
    <row r="14" spans="1:100" ht="21" customHeight="1" x14ac:dyDescent="0.2">
      <c r="A14" s="297" t="s">
        <v>11</v>
      </c>
      <c r="B14" s="310">
        <v>0</v>
      </c>
      <c r="C14" s="313">
        <v>0</v>
      </c>
      <c r="D14" s="441">
        <v>0</v>
      </c>
      <c r="E14" s="312">
        <v>0</v>
      </c>
      <c r="F14" s="313">
        <v>1</v>
      </c>
      <c r="G14" s="313">
        <v>0</v>
      </c>
      <c r="H14" s="313">
        <v>2</v>
      </c>
      <c r="I14" s="313">
        <v>0</v>
      </c>
      <c r="J14" s="313">
        <v>0</v>
      </c>
      <c r="K14" s="314">
        <v>3</v>
      </c>
      <c r="L14" s="315">
        <v>3</v>
      </c>
      <c r="M14" s="310">
        <v>0</v>
      </c>
      <c r="N14" s="313">
        <v>0</v>
      </c>
      <c r="O14" s="311">
        <v>0</v>
      </c>
      <c r="P14" s="312">
        <v>0</v>
      </c>
      <c r="Q14" s="313">
        <v>0</v>
      </c>
      <c r="R14" s="313">
        <v>0</v>
      </c>
      <c r="S14" s="313">
        <v>0</v>
      </c>
      <c r="T14" s="313">
        <v>0</v>
      </c>
      <c r="U14" s="313">
        <v>0</v>
      </c>
      <c r="V14" s="311">
        <v>0</v>
      </c>
      <c r="W14" s="315">
        <v>0</v>
      </c>
      <c r="X14" s="310">
        <v>0</v>
      </c>
      <c r="Y14" s="313">
        <v>0</v>
      </c>
      <c r="Z14" s="311">
        <v>0</v>
      </c>
      <c r="AA14" s="312">
        <v>0</v>
      </c>
      <c r="AB14" s="313">
        <v>35</v>
      </c>
      <c r="AC14" s="313">
        <v>6</v>
      </c>
      <c r="AD14" s="313">
        <v>14</v>
      </c>
      <c r="AE14" s="313">
        <v>4</v>
      </c>
      <c r="AF14" s="313">
        <v>3</v>
      </c>
      <c r="AG14" s="311">
        <v>62</v>
      </c>
      <c r="AH14" s="315">
        <v>62</v>
      </c>
      <c r="AI14" s="310">
        <v>0</v>
      </c>
      <c r="AJ14" s="313">
        <v>0</v>
      </c>
      <c r="AK14" s="311">
        <v>0</v>
      </c>
      <c r="AL14" s="312">
        <v>0</v>
      </c>
      <c r="AM14" s="313">
        <v>5</v>
      </c>
      <c r="AN14" s="313">
        <v>2</v>
      </c>
      <c r="AO14" s="313">
        <v>0</v>
      </c>
      <c r="AP14" s="313">
        <v>0</v>
      </c>
      <c r="AQ14" s="313">
        <v>0</v>
      </c>
      <c r="AR14" s="311">
        <v>7</v>
      </c>
      <c r="AS14" s="315">
        <v>7</v>
      </c>
      <c r="AT14" s="310">
        <v>0</v>
      </c>
      <c r="AU14" s="313">
        <v>0</v>
      </c>
      <c r="AV14" s="311">
        <v>0</v>
      </c>
      <c r="AW14" s="312">
        <v>0</v>
      </c>
      <c r="AX14" s="313">
        <v>1</v>
      </c>
      <c r="AY14" s="313">
        <v>0</v>
      </c>
      <c r="AZ14" s="313">
        <v>3</v>
      </c>
      <c r="BA14" s="313">
        <v>2</v>
      </c>
      <c r="BB14" s="313">
        <v>0</v>
      </c>
      <c r="BC14" s="311">
        <v>6</v>
      </c>
      <c r="BD14" s="315">
        <v>6</v>
      </c>
      <c r="BE14" s="310">
        <v>0</v>
      </c>
      <c r="BF14" s="313">
        <v>0</v>
      </c>
      <c r="BG14" s="311">
        <v>0</v>
      </c>
      <c r="BH14" s="312">
        <v>0</v>
      </c>
      <c r="BI14" s="313">
        <v>2</v>
      </c>
      <c r="BJ14" s="313">
        <v>1</v>
      </c>
      <c r="BK14" s="313">
        <v>1</v>
      </c>
      <c r="BL14" s="313">
        <v>3</v>
      </c>
      <c r="BM14" s="313">
        <v>0</v>
      </c>
      <c r="BN14" s="314">
        <v>7</v>
      </c>
      <c r="BO14" s="315">
        <v>7</v>
      </c>
      <c r="BP14" s="310">
        <v>0</v>
      </c>
      <c r="BQ14" s="313">
        <v>0</v>
      </c>
      <c r="BR14" s="311">
        <v>0</v>
      </c>
      <c r="BS14" s="312">
        <v>0</v>
      </c>
      <c r="BT14" s="313">
        <v>0</v>
      </c>
      <c r="BU14" s="313">
        <v>0</v>
      </c>
      <c r="BV14" s="313">
        <v>0</v>
      </c>
      <c r="BW14" s="313">
        <v>0</v>
      </c>
      <c r="BX14" s="313">
        <v>0</v>
      </c>
      <c r="BY14" s="311">
        <v>0</v>
      </c>
      <c r="BZ14" s="315">
        <v>0</v>
      </c>
      <c r="CA14" s="310">
        <v>0</v>
      </c>
      <c r="CB14" s="313">
        <v>0</v>
      </c>
      <c r="CC14" s="311">
        <v>0</v>
      </c>
      <c r="CD14" s="312">
        <v>0</v>
      </c>
      <c r="CE14" s="313">
        <v>0</v>
      </c>
      <c r="CF14" s="313">
        <v>0</v>
      </c>
      <c r="CG14" s="313">
        <v>0</v>
      </c>
      <c r="CH14" s="313">
        <v>0</v>
      </c>
      <c r="CI14" s="313">
        <v>0</v>
      </c>
      <c r="CJ14" s="311">
        <v>0</v>
      </c>
      <c r="CK14" s="315">
        <v>0</v>
      </c>
      <c r="CL14" s="310">
        <v>0</v>
      </c>
      <c r="CM14" s="313">
        <v>0</v>
      </c>
      <c r="CN14" s="311">
        <v>0</v>
      </c>
      <c r="CO14" s="312">
        <v>0</v>
      </c>
      <c r="CP14" s="313">
        <v>0</v>
      </c>
      <c r="CQ14" s="313">
        <v>1</v>
      </c>
      <c r="CR14" s="313">
        <v>0</v>
      </c>
      <c r="CS14" s="313">
        <v>0</v>
      </c>
      <c r="CT14" s="313">
        <v>0</v>
      </c>
      <c r="CU14" s="311">
        <v>1</v>
      </c>
      <c r="CV14" s="315">
        <v>1</v>
      </c>
    </row>
    <row r="15" spans="1:100" ht="21" customHeight="1" x14ac:dyDescent="0.2">
      <c r="A15" s="297" t="s">
        <v>12</v>
      </c>
      <c r="B15" s="310">
        <v>0</v>
      </c>
      <c r="C15" s="313">
        <v>0</v>
      </c>
      <c r="D15" s="441">
        <v>0</v>
      </c>
      <c r="E15" s="312">
        <v>0</v>
      </c>
      <c r="F15" s="313">
        <v>0</v>
      </c>
      <c r="G15" s="313">
        <v>0</v>
      </c>
      <c r="H15" s="313">
        <v>0</v>
      </c>
      <c r="I15" s="313">
        <v>0</v>
      </c>
      <c r="J15" s="313">
        <v>0</v>
      </c>
      <c r="K15" s="314">
        <v>0</v>
      </c>
      <c r="L15" s="315">
        <v>0</v>
      </c>
      <c r="M15" s="310">
        <v>0</v>
      </c>
      <c r="N15" s="313">
        <v>0</v>
      </c>
      <c r="O15" s="311">
        <v>0</v>
      </c>
      <c r="P15" s="312">
        <v>0</v>
      </c>
      <c r="Q15" s="313">
        <v>0</v>
      </c>
      <c r="R15" s="313">
        <v>0</v>
      </c>
      <c r="S15" s="313">
        <v>0</v>
      </c>
      <c r="T15" s="313">
        <v>0</v>
      </c>
      <c r="U15" s="313">
        <v>0</v>
      </c>
      <c r="V15" s="311">
        <v>0</v>
      </c>
      <c r="W15" s="315">
        <v>0</v>
      </c>
      <c r="X15" s="310">
        <v>0</v>
      </c>
      <c r="Y15" s="313">
        <v>0</v>
      </c>
      <c r="Z15" s="311">
        <v>0</v>
      </c>
      <c r="AA15" s="312">
        <v>0</v>
      </c>
      <c r="AB15" s="313">
        <v>31</v>
      </c>
      <c r="AC15" s="313">
        <v>19</v>
      </c>
      <c r="AD15" s="313">
        <v>12</v>
      </c>
      <c r="AE15" s="313">
        <v>4</v>
      </c>
      <c r="AF15" s="313">
        <v>4</v>
      </c>
      <c r="AG15" s="311">
        <v>70</v>
      </c>
      <c r="AH15" s="315">
        <v>70</v>
      </c>
      <c r="AI15" s="310">
        <v>0</v>
      </c>
      <c r="AJ15" s="313">
        <v>0</v>
      </c>
      <c r="AK15" s="311">
        <v>0</v>
      </c>
      <c r="AL15" s="312">
        <v>0</v>
      </c>
      <c r="AM15" s="313">
        <v>0</v>
      </c>
      <c r="AN15" s="313">
        <v>0</v>
      </c>
      <c r="AO15" s="313">
        <v>0</v>
      </c>
      <c r="AP15" s="313">
        <v>0</v>
      </c>
      <c r="AQ15" s="313">
        <v>0</v>
      </c>
      <c r="AR15" s="311">
        <v>0</v>
      </c>
      <c r="AS15" s="315">
        <v>0</v>
      </c>
      <c r="AT15" s="310">
        <v>0</v>
      </c>
      <c r="AU15" s="313">
        <v>0</v>
      </c>
      <c r="AV15" s="311">
        <v>0</v>
      </c>
      <c r="AW15" s="312">
        <v>0</v>
      </c>
      <c r="AX15" s="313">
        <v>1</v>
      </c>
      <c r="AY15" s="313">
        <v>3</v>
      </c>
      <c r="AZ15" s="313">
        <v>3</v>
      </c>
      <c r="BA15" s="313">
        <v>3</v>
      </c>
      <c r="BB15" s="313">
        <v>3</v>
      </c>
      <c r="BC15" s="311">
        <v>13</v>
      </c>
      <c r="BD15" s="315">
        <v>13</v>
      </c>
      <c r="BE15" s="310">
        <v>0</v>
      </c>
      <c r="BF15" s="313">
        <v>0</v>
      </c>
      <c r="BG15" s="311">
        <v>0</v>
      </c>
      <c r="BH15" s="312">
        <v>0</v>
      </c>
      <c r="BI15" s="313">
        <v>5</v>
      </c>
      <c r="BJ15" s="313">
        <v>3</v>
      </c>
      <c r="BK15" s="313">
        <v>1</v>
      </c>
      <c r="BL15" s="313">
        <v>4</v>
      </c>
      <c r="BM15" s="313">
        <v>0</v>
      </c>
      <c r="BN15" s="314">
        <v>13</v>
      </c>
      <c r="BO15" s="315">
        <v>13</v>
      </c>
      <c r="BP15" s="310">
        <v>0</v>
      </c>
      <c r="BQ15" s="313">
        <v>0</v>
      </c>
      <c r="BR15" s="311">
        <v>0</v>
      </c>
      <c r="BS15" s="312">
        <v>0</v>
      </c>
      <c r="BT15" s="313">
        <v>0</v>
      </c>
      <c r="BU15" s="313">
        <v>1</v>
      </c>
      <c r="BV15" s="313">
        <v>0</v>
      </c>
      <c r="BW15" s="313">
        <v>4</v>
      </c>
      <c r="BX15" s="313">
        <v>0</v>
      </c>
      <c r="BY15" s="311">
        <v>5</v>
      </c>
      <c r="BZ15" s="315">
        <v>5</v>
      </c>
      <c r="CA15" s="310">
        <v>0</v>
      </c>
      <c r="CB15" s="313">
        <v>0</v>
      </c>
      <c r="CC15" s="311">
        <v>0</v>
      </c>
      <c r="CD15" s="312">
        <v>0</v>
      </c>
      <c r="CE15" s="313">
        <v>0</v>
      </c>
      <c r="CF15" s="313">
        <v>0</v>
      </c>
      <c r="CG15" s="313">
        <v>0</v>
      </c>
      <c r="CH15" s="313">
        <v>1</v>
      </c>
      <c r="CI15" s="313">
        <v>1</v>
      </c>
      <c r="CJ15" s="311">
        <v>2</v>
      </c>
      <c r="CK15" s="315">
        <v>2</v>
      </c>
      <c r="CL15" s="310">
        <v>0</v>
      </c>
      <c r="CM15" s="313">
        <v>0</v>
      </c>
      <c r="CN15" s="311">
        <v>0</v>
      </c>
      <c r="CO15" s="312">
        <v>0</v>
      </c>
      <c r="CP15" s="313">
        <v>2</v>
      </c>
      <c r="CQ15" s="313">
        <v>1</v>
      </c>
      <c r="CR15" s="313">
        <v>1</v>
      </c>
      <c r="CS15" s="313">
        <v>2</v>
      </c>
      <c r="CT15" s="313">
        <v>2</v>
      </c>
      <c r="CU15" s="311">
        <v>8</v>
      </c>
      <c r="CV15" s="315">
        <v>8</v>
      </c>
    </row>
    <row r="16" spans="1:100" ht="21" customHeight="1" x14ac:dyDescent="0.2">
      <c r="A16" s="297" t="s">
        <v>13</v>
      </c>
      <c r="B16" s="310">
        <v>0</v>
      </c>
      <c r="C16" s="313">
        <v>0</v>
      </c>
      <c r="D16" s="441">
        <v>0</v>
      </c>
      <c r="E16" s="312">
        <v>0</v>
      </c>
      <c r="F16" s="313">
        <v>0</v>
      </c>
      <c r="G16" s="313">
        <v>0</v>
      </c>
      <c r="H16" s="313">
        <v>0</v>
      </c>
      <c r="I16" s="313">
        <v>0</v>
      </c>
      <c r="J16" s="313">
        <v>0</v>
      </c>
      <c r="K16" s="314">
        <v>0</v>
      </c>
      <c r="L16" s="315">
        <v>0</v>
      </c>
      <c r="M16" s="310">
        <v>0</v>
      </c>
      <c r="N16" s="313">
        <v>0</v>
      </c>
      <c r="O16" s="311">
        <v>0</v>
      </c>
      <c r="P16" s="312">
        <v>0</v>
      </c>
      <c r="Q16" s="313">
        <v>0</v>
      </c>
      <c r="R16" s="313">
        <v>0</v>
      </c>
      <c r="S16" s="313">
        <v>0</v>
      </c>
      <c r="T16" s="313">
        <v>0</v>
      </c>
      <c r="U16" s="313">
        <v>0</v>
      </c>
      <c r="V16" s="311">
        <v>0</v>
      </c>
      <c r="W16" s="315">
        <v>0</v>
      </c>
      <c r="X16" s="310">
        <v>0</v>
      </c>
      <c r="Y16" s="313">
        <v>0</v>
      </c>
      <c r="Z16" s="311">
        <v>0</v>
      </c>
      <c r="AA16" s="312">
        <v>0</v>
      </c>
      <c r="AB16" s="313">
        <v>13</v>
      </c>
      <c r="AC16" s="313">
        <v>10</v>
      </c>
      <c r="AD16" s="313">
        <v>3</v>
      </c>
      <c r="AE16" s="313">
        <v>2</v>
      </c>
      <c r="AF16" s="313">
        <v>2</v>
      </c>
      <c r="AG16" s="311">
        <v>30</v>
      </c>
      <c r="AH16" s="315">
        <v>30</v>
      </c>
      <c r="AI16" s="310">
        <v>0</v>
      </c>
      <c r="AJ16" s="313">
        <v>0</v>
      </c>
      <c r="AK16" s="311">
        <v>0</v>
      </c>
      <c r="AL16" s="312">
        <v>0</v>
      </c>
      <c r="AM16" s="313">
        <v>0</v>
      </c>
      <c r="AN16" s="313">
        <v>1</v>
      </c>
      <c r="AO16" s="313">
        <v>2</v>
      </c>
      <c r="AP16" s="313">
        <v>1</v>
      </c>
      <c r="AQ16" s="313">
        <v>0</v>
      </c>
      <c r="AR16" s="311">
        <v>4</v>
      </c>
      <c r="AS16" s="315">
        <v>4</v>
      </c>
      <c r="AT16" s="310">
        <v>0</v>
      </c>
      <c r="AU16" s="313">
        <v>0</v>
      </c>
      <c r="AV16" s="311">
        <v>0</v>
      </c>
      <c r="AW16" s="312">
        <v>0</v>
      </c>
      <c r="AX16" s="313">
        <v>1</v>
      </c>
      <c r="AY16" s="313">
        <v>2</v>
      </c>
      <c r="AZ16" s="313">
        <v>0</v>
      </c>
      <c r="BA16" s="313">
        <v>1</v>
      </c>
      <c r="BB16" s="313">
        <v>0</v>
      </c>
      <c r="BC16" s="311">
        <v>4</v>
      </c>
      <c r="BD16" s="315">
        <v>4</v>
      </c>
      <c r="BE16" s="310">
        <v>0</v>
      </c>
      <c r="BF16" s="313">
        <v>0</v>
      </c>
      <c r="BG16" s="311">
        <v>0</v>
      </c>
      <c r="BH16" s="312">
        <v>0</v>
      </c>
      <c r="BI16" s="313">
        <v>0</v>
      </c>
      <c r="BJ16" s="313">
        <v>0</v>
      </c>
      <c r="BK16" s="313">
        <v>2</v>
      </c>
      <c r="BL16" s="313">
        <v>2</v>
      </c>
      <c r="BM16" s="313">
        <v>0</v>
      </c>
      <c r="BN16" s="314">
        <v>4</v>
      </c>
      <c r="BO16" s="315">
        <v>4</v>
      </c>
      <c r="BP16" s="310">
        <v>0</v>
      </c>
      <c r="BQ16" s="313">
        <v>0</v>
      </c>
      <c r="BR16" s="311">
        <v>0</v>
      </c>
      <c r="BS16" s="312">
        <v>0</v>
      </c>
      <c r="BT16" s="313">
        <v>0</v>
      </c>
      <c r="BU16" s="313">
        <v>0</v>
      </c>
      <c r="BV16" s="313">
        <v>0</v>
      </c>
      <c r="BW16" s="313">
        <v>1</v>
      </c>
      <c r="BX16" s="313">
        <v>0</v>
      </c>
      <c r="BY16" s="311">
        <v>1</v>
      </c>
      <c r="BZ16" s="315">
        <v>1</v>
      </c>
      <c r="CA16" s="310">
        <v>0</v>
      </c>
      <c r="CB16" s="313">
        <v>0</v>
      </c>
      <c r="CC16" s="311">
        <v>0</v>
      </c>
      <c r="CD16" s="312">
        <v>0</v>
      </c>
      <c r="CE16" s="313">
        <v>0</v>
      </c>
      <c r="CF16" s="313">
        <v>0</v>
      </c>
      <c r="CG16" s="313">
        <v>0</v>
      </c>
      <c r="CH16" s="313">
        <v>0</v>
      </c>
      <c r="CI16" s="313">
        <v>0</v>
      </c>
      <c r="CJ16" s="311">
        <v>0</v>
      </c>
      <c r="CK16" s="315">
        <v>0</v>
      </c>
      <c r="CL16" s="310">
        <v>0</v>
      </c>
      <c r="CM16" s="313">
        <v>0</v>
      </c>
      <c r="CN16" s="311">
        <v>0</v>
      </c>
      <c r="CO16" s="312">
        <v>0</v>
      </c>
      <c r="CP16" s="313">
        <v>0</v>
      </c>
      <c r="CQ16" s="313">
        <v>0</v>
      </c>
      <c r="CR16" s="313">
        <v>0</v>
      </c>
      <c r="CS16" s="313">
        <v>0</v>
      </c>
      <c r="CT16" s="313">
        <v>0</v>
      </c>
      <c r="CU16" s="311">
        <v>0</v>
      </c>
      <c r="CV16" s="315">
        <v>0</v>
      </c>
    </row>
    <row r="17" spans="1:100" ht="21" customHeight="1" x14ac:dyDescent="0.2">
      <c r="A17" s="297" t="s">
        <v>15</v>
      </c>
      <c r="B17" s="310">
        <v>0</v>
      </c>
      <c r="C17" s="313">
        <v>0</v>
      </c>
      <c r="D17" s="441">
        <v>0</v>
      </c>
      <c r="E17" s="312">
        <v>0</v>
      </c>
      <c r="F17" s="313">
        <v>0</v>
      </c>
      <c r="G17" s="313">
        <v>0</v>
      </c>
      <c r="H17" s="313">
        <v>0</v>
      </c>
      <c r="I17" s="313">
        <v>0</v>
      </c>
      <c r="J17" s="313">
        <v>1</v>
      </c>
      <c r="K17" s="314">
        <v>1</v>
      </c>
      <c r="L17" s="315">
        <v>1</v>
      </c>
      <c r="M17" s="310">
        <v>0</v>
      </c>
      <c r="N17" s="313">
        <v>0</v>
      </c>
      <c r="O17" s="311">
        <v>0</v>
      </c>
      <c r="P17" s="312">
        <v>0</v>
      </c>
      <c r="Q17" s="313">
        <v>0</v>
      </c>
      <c r="R17" s="313">
        <v>0</v>
      </c>
      <c r="S17" s="313">
        <v>0</v>
      </c>
      <c r="T17" s="313">
        <v>0</v>
      </c>
      <c r="U17" s="313">
        <v>0</v>
      </c>
      <c r="V17" s="311">
        <v>0</v>
      </c>
      <c r="W17" s="315">
        <v>0</v>
      </c>
      <c r="X17" s="310">
        <v>0</v>
      </c>
      <c r="Y17" s="313">
        <v>0</v>
      </c>
      <c r="Z17" s="311">
        <v>0</v>
      </c>
      <c r="AA17" s="312">
        <v>0</v>
      </c>
      <c r="AB17" s="313">
        <v>6</v>
      </c>
      <c r="AC17" s="313">
        <v>8</v>
      </c>
      <c r="AD17" s="313">
        <v>1</v>
      </c>
      <c r="AE17" s="313">
        <v>1</v>
      </c>
      <c r="AF17" s="313">
        <v>0</v>
      </c>
      <c r="AG17" s="311">
        <v>16</v>
      </c>
      <c r="AH17" s="315">
        <v>16</v>
      </c>
      <c r="AI17" s="310">
        <v>0</v>
      </c>
      <c r="AJ17" s="313">
        <v>0</v>
      </c>
      <c r="AK17" s="311">
        <v>0</v>
      </c>
      <c r="AL17" s="312">
        <v>0</v>
      </c>
      <c r="AM17" s="313">
        <v>0</v>
      </c>
      <c r="AN17" s="313">
        <v>1</v>
      </c>
      <c r="AO17" s="313">
        <v>0</v>
      </c>
      <c r="AP17" s="313">
        <v>0</v>
      </c>
      <c r="AQ17" s="313">
        <v>0</v>
      </c>
      <c r="AR17" s="311">
        <v>1</v>
      </c>
      <c r="AS17" s="315">
        <v>1</v>
      </c>
      <c r="AT17" s="310">
        <v>0</v>
      </c>
      <c r="AU17" s="313">
        <v>0</v>
      </c>
      <c r="AV17" s="311">
        <v>0</v>
      </c>
      <c r="AW17" s="312">
        <v>0</v>
      </c>
      <c r="AX17" s="313">
        <v>0</v>
      </c>
      <c r="AY17" s="313">
        <v>2</v>
      </c>
      <c r="AZ17" s="313">
        <v>1</v>
      </c>
      <c r="BA17" s="313">
        <v>2</v>
      </c>
      <c r="BB17" s="313">
        <v>0</v>
      </c>
      <c r="BC17" s="311">
        <v>5</v>
      </c>
      <c r="BD17" s="315">
        <v>5</v>
      </c>
      <c r="BE17" s="310">
        <v>0</v>
      </c>
      <c r="BF17" s="313">
        <v>0</v>
      </c>
      <c r="BG17" s="311">
        <v>0</v>
      </c>
      <c r="BH17" s="312">
        <v>0</v>
      </c>
      <c r="BI17" s="313">
        <v>2</v>
      </c>
      <c r="BJ17" s="313">
        <v>2</v>
      </c>
      <c r="BK17" s="313">
        <v>0</v>
      </c>
      <c r="BL17" s="313">
        <v>1</v>
      </c>
      <c r="BM17" s="313">
        <v>0</v>
      </c>
      <c r="BN17" s="314">
        <v>5</v>
      </c>
      <c r="BO17" s="315">
        <v>5</v>
      </c>
      <c r="BP17" s="310">
        <v>0</v>
      </c>
      <c r="BQ17" s="313">
        <v>0</v>
      </c>
      <c r="BR17" s="311">
        <v>0</v>
      </c>
      <c r="BS17" s="312">
        <v>0</v>
      </c>
      <c r="BT17" s="313">
        <v>0</v>
      </c>
      <c r="BU17" s="313">
        <v>0</v>
      </c>
      <c r="BV17" s="313">
        <v>0</v>
      </c>
      <c r="BW17" s="313">
        <v>0</v>
      </c>
      <c r="BX17" s="313">
        <v>0</v>
      </c>
      <c r="BY17" s="311">
        <v>0</v>
      </c>
      <c r="BZ17" s="315">
        <v>0</v>
      </c>
      <c r="CA17" s="310">
        <v>0</v>
      </c>
      <c r="CB17" s="313">
        <v>0</v>
      </c>
      <c r="CC17" s="311">
        <v>0</v>
      </c>
      <c r="CD17" s="312">
        <v>0</v>
      </c>
      <c r="CE17" s="313">
        <v>0</v>
      </c>
      <c r="CF17" s="313">
        <v>0</v>
      </c>
      <c r="CG17" s="313">
        <v>0</v>
      </c>
      <c r="CH17" s="313">
        <v>0</v>
      </c>
      <c r="CI17" s="313">
        <v>0</v>
      </c>
      <c r="CJ17" s="311">
        <v>0</v>
      </c>
      <c r="CK17" s="315">
        <v>0</v>
      </c>
      <c r="CL17" s="310">
        <v>0</v>
      </c>
      <c r="CM17" s="313">
        <v>0</v>
      </c>
      <c r="CN17" s="311">
        <v>0</v>
      </c>
      <c r="CO17" s="312">
        <v>0</v>
      </c>
      <c r="CP17" s="313">
        <v>0</v>
      </c>
      <c r="CQ17" s="313">
        <v>0</v>
      </c>
      <c r="CR17" s="313">
        <v>0</v>
      </c>
      <c r="CS17" s="313">
        <v>0</v>
      </c>
      <c r="CT17" s="313">
        <v>0</v>
      </c>
      <c r="CU17" s="311">
        <v>0</v>
      </c>
      <c r="CV17" s="315">
        <v>0</v>
      </c>
    </row>
    <row r="18" spans="1:100" ht="21" customHeight="1" x14ac:dyDescent="0.2">
      <c r="A18" s="297" t="s">
        <v>16</v>
      </c>
      <c r="B18" s="310">
        <v>0</v>
      </c>
      <c r="C18" s="313">
        <v>0</v>
      </c>
      <c r="D18" s="441">
        <v>0</v>
      </c>
      <c r="E18" s="312">
        <v>0</v>
      </c>
      <c r="F18" s="313">
        <v>0</v>
      </c>
      <c r="G18" s="313">
        <v>1</v>
      </c>
      <c r="H18" s="313">
        <v>1</v>
      </c>
      <c r="I18" s="313">
        <v>2</v>
      </c>
      <c r="J18" s="313">
        <v>3</v>
      </c>
      <c r="K18" s="314">
        <v>7</v>
      </c>
      <c r="L18" s="315">
        <v>7</v>
      </c>
      <c r="M18" s="310">
        <v>0</v>
      </c>
      <c r="N18" s="313">
        <v>0</v>
      </c>
      <c r="O18" s="311">
        <v>0</v>
      </c>
      <c r="P18" s="312">
        <v>0</v>
      </c>
      <c r="Q18" s="313">
        <v>0</v>
      </c>
      <c r="R18" s="313">
        <v>0</v>
      </c>
      <c r="S18" s="313">
        <v>0</v>
      </c>
      <c r="T18" s="313">
        <v>0</v>
      </c>
      <c r="U18" s="313">
        <v>0</v>
      </c>
      <c r="V18" s="311">
        <v>0</v>
      </c>
      <c r="W18" s="315">
        <v>0</v>
      </c>
      <c r="X18" s="310">
        <v>0</v>
      </c>
      <c r="Y18" s="313">
        <v>0</v>
      </c>
      <c r="Z18" s="311">
        <v>0</v>
      </c>
      <c r="AA18" s="312">
        <v>0</v>
      </c>
      <c r="AB18" s="313">
        <v>10</v>
      </c>
      <c r="AC18" s="313">
        <v>17</v>
      </c>
      <c r="AD18" s="313">
        <v>4</v>
      </c>
      <c r="AE18" s="313">
        <v>1</v>
      </c>
      <c r="AF18" s="313">
        <v>2</v>
      </c>
      <c r="AG18" s="311">
        <v>34</v>
      </c>
      <c r="AH18" s="315">
        <v>34</v>
      </c>
      <c r="AI18" s="310">
        <v>0</v>
      </c>
      <c r="AJ18" s="313">
        <v>0</v>
      </c>
      <c r="AK18" s="311">
        <v>0</v>
      </c>
      <c r="AL18" s="312">
        <v>0</v>
      </c>
      <c r="AM18" s="313">
        <v>2</v>
      </c>
      <c r="AN18" s="313">
        <v>0</v>
      </c>
      <c r="AO18" s="313">
        <v>2</v>
      </c>
      <c r="AP18" s="313">
        <v>0</v>
      </c>
      <c r="AQ18" s="313">
        <v>0</v>
      </c>
      <c r="AR18" s="311">
        <v>4</v>
      </c>
      <c r="AS18" s="315">
        <v>4</v>
      </c>
      <c r="AT18" s="310">
        <v>0</v>
      </c>
      <c r="AU18" s="313">
        <v>0</v>
      </c>
      <c r="AV18" s="311">
        <v>0</v>
      </c>
      <c r="AW18" s="312">
        <v>0</v>
      </c>
      <c r="AX18" s="313">
        <v>0</v>
      </c>
      <c r="AY18" s="313">
        <v>1</v>
      </c>
      <c r="AZ18" s="313">
        <v>2</v>
      </c>
      <c r="BA18" s="313">
        <v>0</v>
      </c>
      <c r="BB18" s="313">
        <v>0</v>
      </c>
      <c r="BC18" s="311">
        <v>3</v>
      </c>
      <c r="BD18" s="315">
        <v>3</v>
      </c>
      <c r="BE18" s="310">
        <v>0</v>
      </c>
      <c r="BF18" s="313">
        <v>0</v>
      </c>
      <c r="BG18" s="311">
        <v>0</v>
      </c>
      <c r="BH18" s="312">
        <v>0</v>
      </c>
      <c r="BI18" s="313">
        <v>2</v>
      </c>
      <c r="BJ18" s="313">
        <v>6</v>
      </c>
      <c r="BK18" s="313">
        <v>1</v>
      </c>
      <c r="BL18" s="313">
        <v>1</v>
      </c>
      <c r="BM18" s="313">
        <v>2</v>
      </c>
      <c r="BN18" s="314">
        <v>12</v>
      </c>
      <c r="BO18" s="315">
        <v>12</v>
      </c>
      <c r="BP18" s="310">
        <v>0</v>
      </c>
      <c r="BQ18" s="313">
        <v>0</v>
      </c>
      <c r="BR18" s="311">
        <v>0</v>
      </c>
      <c r="BS18" s="312">
        <v>0</v>
      </c>
      <c r="BT18" s="313">
        <v>0</v>
      </c>
      <c r="BU18" s="313">
        <v>0</v>
      </c>
      <c r="BV18" s="313">
        <v>0</v>
      </c>
      <c r="BW18" s="313">
        <v>0</v>
      </c>
      <c r="BX18" s="313">
        <v>0</v>
      </c>
      <c r="BY18" s="311">
        <v>0</v>
      </c>
      <c r="BZ18" s="315">
        <v>0</v>
      </c>
      <c r="CA18" s="310">
        <v>0</v>
      </c>
      <c r="CB18" s="313">
        <v>0</v>
      </c>
      <c r="CC18" s="311">
        <v>0</v>
      </c>
      <c r="CD18" s="312">
        <v>0</v>
      </c>
      <c r="CE18" s="313">
        <v>0</v>
      </c>
      <c r="CF18" s="313">
        <v>0</v>
      </c>
      <c r="CG18" s="313">
        <v>0</v>
      </c>
      <c r="CH18" s="313">
        <v>0</v>
      </c>
      <c r="CI18" s="313">
        <v>0</v>
      </c>
      <c r="CJ18" s="311">
        <v>0</v>
      </c>
      <c r="CK18" s="315">
        <v>0</v>
      </c>
      <c r="CL18" s="310">
        <v>0</v>
      </c>
      <c r="CM18" s="313">
        <v>0</v>
      </c>
      <c r="CN18" s="311">
        <v>0</v>
      </c>
      <c r="CO18" s="312">
        <v>0</v>
      </c>
      <c r="CP18" s="313">
        <v>0</v>
      </c>
      <c r="CQ18" s="313">
        <v>1</v>
      </c>
      <c r="CR18" s="313">
        <v>1</v>
      </c>
      <c r="CS18" s="313">
        <v>0</v>
      </c>
      <c r="CT18" s="313">
        <v>0</v>
      </c>
      <c r="CU18" s="311">
        <v>2</v>
      </c>
      <c r="CV18" s="315">
        <v>2</v>
      </c>
    </row>
    <row r="19" spans="1:100" ht="21" customHeight="1" x14ac:dyDescent="0.2">
      <c r="A19" s="297" t="s">
        <v>17</v>
      </c>
      <c r="B19" s="310">
        <v>0</v>
      </c>
      <c r="C19" s="313">
        <v>0</v>
      </c>
      <c r="D19" s="441">
        <v>0</v>
      </c>
      <c r="E19" s="312">
        <v>0</v>
      </c>
      <c r="F19" s="313">
        <v>0</v>
      </c>
      <c r="G19" s="313">
        <v>1</v>
      </c>
      <c r="H19" s="313">
        <v>0</v>
      </c>
      <c r="I19" s="313">
        <v>0</v>
      </c>
      <c r="J19" s="313">
        <v>0</v>
      </c>
      <c r="K19" s="314">
        <v>1</v>
      </c>
      <c r="L19" s="315">
        <v>1</v>
      </c>
      <c r="M19" s="310">
        <v>0</v>
      </c>
      <c r="N19" s="313">
        <v>0</v>
      </c>
      <c r="O19" s="311">
        <v>0</v>
      </c>
      <c r="P19" s="312">
        <v>0</v>
      </c>
      <c r="Q19" s="313">
        <v>0</v>
      </c>
      <c r="R19" s="313">
        <v>0</v>
      </c>
      <c r="S19" s="313">
        <v>0</v>
      </c>
      <c r="T19" s="313">
        <v>0</v>
      </c>
      <c r="U19" s="313">
        <v>0</v>
      </c>
      <c r="V19" s="311">
        <v>0</v>
      </c>
      <c r="W19" s="315">
        <v>0</v>
      </c>
      <c r="X19" s="310">
        <v>0</v>
      </c>
      <c r="Y19" s="313">
        <v>0</v>
      </c>
      <c r="Z19" s="311">
        <v>0</v>
      </c>
      <c r="AA19" s="312">
        <v>0</v>
      </c>
      <c r="AB19" s="313">
        <v>16</v>
      </c>
      <c r="AC19" s="313">
        <v>11</v>
      </c>
      <c r="AD19" s="313">
        <v>6</v>
      </c>
      <c r="AE19" s="313">
        <v>6</v>
      </c>
      <c r="AF19" s="313">
        <v>0</v>
      </c>
      <c r="AG19" s="311">
        <v>39</v>
      </c>
      <c r="AH19" s="315">
        <v>39</v>
      </c>
      <c r="AI19" s="310">
        <v>0</v>
      </c>
      <c r="AJ19" s="313">
        <v>0</v>
      </c>
      <c r="AK19" s="311">
        <v>0</v>
      </c>
      <c r="AL19" s="312">
        <v>0</v>
      </c>
      <c r="AM19" s="313">
        <v>1</v>
      </c>
      <c r="AN19" s="313">
        <v>0</v>
      </c>
      <c r="AO19" s="313">
        <v>1</v>
      </c>
      <c r="AP19" s="313">
        <v>0</v>
      </c>
      <c r="AQ19" s="313">
        <v>1</v>
      </c>
      <c r="AR19" s="311">
        <v>3</v>
      </c>
      <c r="AS19" s="315">
        <v>3</v>
      </c>
      <c r="AT19" s="310">
        <v>0</v>
      </c>
      <c r="AU19" s="313">
        <v>0</v>
      </c>
      <c r="AV19" s="311">
        <v>0</v>
      </c>
      <c r="AW19" s="312">
        <v>0</v>
      </c>
      <c r="AX19" s="313">
        <v>0</v>
      </c>
      <c r="AY19" s="313">
        <v>3</v>
      </c>
      <c r="AZ19" s="313">
        <v>3</v>
      </c>
      <c r="BA19" s="313">
        <v>0</v>
      </c>
      <c r="BB19" s="313">
        <v>2</v>
      </c>
      <c r="BC19" s="311">
        <v>8</v>
      </c>
      <c r="BD19" s="315">
        <v>8</v>
      </c>
      <c r="BE19" s="310">
        <v>0</v>
      </c>
      <c r="BF19" s="313">
        <v>0</v>
      </c>
      <c r="BG19" s="311">
        <v>0</v>
      </c>
      <c r="BH19" s="312">
        <v>0</v>
      </c>
      <c r="BI19" s="313">
        <v>2</v>
      </c>
      <c r="BJ19" s="313">
        <v>2</v>
      </c>
      <c r="BK19" s="313">
        <v>2</v>
      </c>
      <c r="BL19" s="313">
        <v>1</v>
      </c>
      <c r="BM19" s="313">
        <v>0</v>
      </c>
      <c r="BN19" s="314">
        <v>7</v>
      </c>
      <c r="BO19" s="315">
        <v>7</v>
      </c>
      <c r="BP19" s="310">
        <v>0</v>
      </c>
      <c r="BQ19" s="313">
        <v>0</v>
      </c>
      <c r="BR19" s="311">
        <v>0</v>
      </c>
      <c r="BS19" s="312">
        <v>0</v>
      </c>
      <c r="BT19" s="313">
        <v>0</v>
      </c>
      <c r="BU19" s="313">
        <v>0</v>
      </c>
      <c r="BV19" s="313">
        <v>0</v>
      </c>
      <c r="BW19" s="313">
        <v>0</v>
      </c>
      <c r="BX19" s="313">
        <v>0</v>
      </c>
      <c r="BY19" s="311">
        <v>0</v>
      </c>
      <c r="BZ19" s="315">
        <v>0</v>
      </c>
      <c r="CA19" s="310">
        <v>0</v>
      </c>
      <c r="CB19" s="313">
        <v>0</v>
      </c>
      <c r="CC19" s="311">
        <v>0</v>
      </c>
      <c r="CD19" s="312">
        <v>0</v>
      </c>
      <c r="CE19" s="313">
        <v>0</v>
      </c>
      <c r="CF19" s="313">
        <v>0</v>
      </c>
      <c r="CG19" s="313">
        <v>1</v>
      </c>
      <c r="CH19" s="313">
        <v>0</v>
      </c>
      <c r="CI19" s="313">
        <v>1</v>
      </c>
      <c r="CJ19" s="311">
        <v>2</v>
      </c>
      <c r="CK19" s="315">
        <v>2</v>
      </c>
      <c r="CL19" s="310">
        <v>0</v>
      </c>
      <c r="CM19" s="313">
        <v>0</v>
      </c>
      <c r="CN19" s="311">
        <v>0</v>
      </c>
      <c r="CO19" s="312">
        <v>0</v>
      </c>
      <c r="CP19" s="313">
        <v>1</v>
      </c>
      <c r="CQ19" s="313">
        <v>0</v>
      </c>
      <c r="CR19" s="313">
        <v>0</v>
      </c>
      <c r="CS19" s="313">
        <v>0</v>
      </c>
      <c r="CT19" s="313">
        <v>0</v>
      </c>
      <c r="CU19" s="311">
        <v>1</v>
      </c>
      <c r="CV19" s="315">
        <v>1</v>
      </c>
    </row>
    <row r="20" spans="1:100" ht="21" customHeight="1" x14ac:dyDescent="0.2">
      <c r="A20" s="297" t="s">
        <v>18</v>
      </c>
      <c r="B20" s="310">
        <v>0</v>
      </c>
      <c r="C20" s="313">
        <v>0</v>
      </c>
      <c r="D20" s="441">
        <v>0</v>
      </c>
      <c r="E20" s="312">
        <v>0</v>
      </c>
      <c r="F20" s="313">
        <v>0</v>
      </c>
      <c r="G20" s="313">
        <v>0</v>
      </c>
      <c r="H20" s="313">
        <v>0</v>
      </c>
      <c r="I20" s="313">
        <v>0</v>
      </c>
      <c r="J20" s="313">
        <v>0</v>
      </c>
      <c r="K20" s="314">
        <v>0</v>
      </c>
      <c r="L20" s="315">
        <v>0</v>
      </c>
      <c r="M20" s="310">
        <v>0</v>
      </c>
      <c r="N20" s="313">
        <v>0</v>
      </c>
      <c r="O20" s="311">
        <v>0</v>
      </c>
      <c r="P20" s="312">
        <v>0</v>
      </c>
      <c r="Q20" s="313">
        <v>0</v>
      </c>
      <c r="R20" s="313">
        <v>0</v>
      </c>
      <c r="S20" s="313">
        <v>0</v>
      </c>
      <c r="T20" s="313">
        <v>0</v>
      </c>
      <c r="U20" s="313">
        <v>0</v>
      </c>
      <c r="V20" s="311">
        <v>0</v>
      </c>
      <c r="W20" s="315">
        <v>0</v>
      </c>
      <c r="X20" s="310">
        <v>0</v>
      </c>
      <c r="Y20" s="313">
        <v>0</v>
      </c>
      <c r="Z20" s="311">
        <v>0</v>
      </c>
      <c r="AA20" s="312">
        <v>0</v>
      </c>
      <c r="AB20" s="313">
        <v>22</v>
      </c>
      <c r="AC20" s="313">
        <v>22</v>
      </c>
      <c r="AD20" s="313">
        <v>2</v>
      </c>
      <c r="AE20" s="313">
        <v>1</v>
      </c>
      <c r="AF20" s="313">
        <v>0</v>
      </c>
      <c r="AG20" s="311">
        <v>47</v>
      </c>
      <c r="AH20" s="315">
        <v>47</v>
      </c>
      <c r="AI20" s="310">
        <v>0</v>
      </c>
      <c r="AJ20" s="313">
        <v>0</v>
      </c>
      <c r="AK20" s="311">
        <v>0</v>
      </c>
      <c r="AL20" s="312">
        <v>0</v>
      </c>
      <c r="AM20" s="313">
        <v>2</v>
      </c>
      <c r="AN20" s="313">
        <v>0</v>
      </c>
      <c r="AO20" s="313">
        <v>3</v>
      </c>
      <c r="AP20" s="313">
        <v>1</v>
      </c>
      <c r="AQ20" s="313">
        <v>1</v>
      </c>
      <c r="AR20" s="311">
        <v>7</v>
      </c>
      <c r="AS20" s="315">
        <v>7</v>
      </c>
      <c r="AT20" s="310">
        <v>2</v>
      </c>
      <c r="AU20" s="313">
        <v>0</v>
      </c>
      <c r="AV20" s="311">
        <v>2</v>
      </c>
      <c r="AW20" s="312">
        <v>0</v>
      </c>
      <c r="AX20" s="313">
        <v>4</v>
      </c>
      <c r="AY20" s="313">
        <v>3</v>
      </c>
      <c r="AZ20" s="313">
        <v>2</v>
      </c>
      <c r="BA20" s="313">
        <v>1</v>
      </c>
      <c r="BB20" s="313">
        <v>0</v>
      </c>
      <c r="BC20" s="311">
        <v>10</v>
      </c>
      <c r="BD20" s="315">
        <v>12</v>
      </c>
      <c r="BE20" s="310">
        <v>0</v>
      </c>
      <c r="BF20" s="313">
        <v>0</v>
      </c>
      <c r="BG20" s="311">
        <v>0</v>
      </c>
      <c r="BH20" s="312">
        <v>0</v>
      </c>
      <c r="BI20" s="313">
        <v>4</v>
      </c>
      <c r="BJ20" s="313">
        <v>5</v>
      </c>
      <c r="BK20" s="313">
        <v>4</v>
      </c>
      <c r="BL20" s="313">
        <v>2</v>
      </c>
      <c r="BM20" s="313">
        <v>1</v>
      </c>
      <c r="BN20" s="314">
        <v>16</v>
      </c>
      <c r="BO20" s="315">
        <v>16</v>
      </c>
      <c r="BP20" s="310">
        <v>0</v>
      </c>
      <c r="BQ20" s="313">
        <v>0</v>
      </c>
      <c r="BR20" s="311">
        <v>0</v>
      </c>
      <c r="BS20" s="312">
        <v>0</v>
      </c>
      <c r="BT20" s="313">
        <v>0</v>
      </c>
      <c r="BU20" s="313">
        <v>0</v>
      </c>
      <c r="BV20" s="313">
        <v>0</v>
      </c>
      <c r="BW20" s="313">
        <v>0</v>
      </c>
      <c r="BX20" s="313">
        <v>0</v>
      </c>
      <c r="BY20" s="311">
        <v>0</v>
      </c>
      <c r="BZ20" s="315">
        <v>0</v>
      </c>
      <c r="CA20" s="310">
        <v>0</v>
      </c>
      <c r="CB20" s="313">
        <v>0</v>
      </c>
      <c r="CC20" s="311">
        <v>0</v>
      </c>
      <c r="CD20" s="312">
        <v>0</v>
      </c>
      <c r="CE20" s="313">
        <v>0</v>
      </c>
      <c r="CF20" s="313">
        <v>0</v>
      </c>
      <c r="CG20" s="313">
        <v>0</v>
      </c>
      <c r="CH20" s="313">
        <v>0</v>
      </c>
      <c r="CI20" s="313">
        <v>0</v>
      </c>
      <c r="CJ20" s="311">
        <v>0</v>
      </c>
      <c r="CK20" s="315">
        <v>0</v>
      </c>
      <c r="CL20" s="310">
        <v>0</v>
      </c>
      <c r="CM20" s="313">
        <v>0</v>
      </c>
      <c r="CN20" s="311">
        <v>0</v>
      </c>
      <c r="CO20" s="312">
        <v>0</v>
      </c>
      <c r="CP20" s="313">
        <v>0</v>
      </c>
      <c r="CQ20" s="313">
        <v>0</v>
      </c>
      <c r="CR20" s="313">
        <v>0</v>
      </c>
      <c r="CS20" s="313">
        <v>2</v>
      </c>
      <c r="CT20" s="313">
        <v>0</v>
      </c>
      <c r="CU20" s="311">
        <v>2</v>
      </c>
      <c r="CV20" s="315">
        <v>2</v>
      </c>
    </row>
    <row r="21" spans="1:100" ht="21" customHeight="1" x14ac:dyDescent="0.2">
      <c r="A21" s="297" t="s">
        <v>19</v>
      </c>
      <c r="B21" s="310">
        <v>0</v>
      </c>
      <c r="C21" s="313">
        <v>0</v>
      </c>
      <c r="D21" s="441">
        <v>0</v>
      </c>
      <c r="E21" s="312">
        <v>0</v>
      </c>
      <c r="F21" s="313">
        <v>1</v>
      </c>
      <c r="G21" s="313">
        <v>0</v>
      </c>
      <c r="H21" s="313">
        <v>1</v>
      </c>
      <c r="I21" s="313">
        <v>0</v>
      </c>
      <c r="J21" s="313">
        <v>0</v>
      </c>
      <c r="K21" s="314">
        <v>2</v>
      </c>
      <c r="L21" s="315">
        <v>2</v>
      </c>
      <c r="M21" s="310">
        <v>0</v>
      </c>
      <c r="N21" s="313">
        <v>0</v>
      </c>
      <c r="O21" s="311">
        <v>0</v>
      </c>
      <c r="P21" s="312">
        <v>0</v>
      </c>
      <c r="Q21" s="313">
        <v>0</v>
      </c>
      <c r="R21" s="313">
        <v>0</v>
      </c>
      <c r="S21" s="313">
        <v>0</v>
      </c>
      <c r="T21" s="313">
        <v>0</v>
      </c>
      <c r="U21" s="313">
        <v>0</v>
      </c>
      <c r="V21" s="311">
        <v>0</v>
      </c>
      <c r="W21" s="315">
        <v>0</v>
      </c>
      <c r="X21" s="310">
        <v>0</v>
      </c>
      <c r="Y21" s="313">
        <v>0</v>
      </c>
      <c r="Z21" s="311">
        <v>0</v>
      </c>
      <c r="AA21" s="312">
        <v>0</v>
      </c>
      <c r="AB21" s="313">
        <v>7</v>
      </c>
      <c r="AC21" s="313">
        <v>5</v>
      </c>
      <c r="AD21" s="313">
        <v>0</v>
      </c>
      <c r="AE21" s="313">
        <v>2</v>
      </c>
      <c r="AF21" s="313">
        <v>0</v>
      </c>
      <c r="AG21" s="311">
        <v>14</v>
      </c>
      <c r="AH21" s="315">
        <v>14</v>
      </c>
      <c r="AI21" s="310">
        <v>0</v>
      </c>
      <c r="AJ21" s="313">
        <v>0</v>
      </c>
      <c r="AK21" s="311">
        <v>0</v>
      </c>
      <c r="AL21" s="312">
        <v>0</v>
      </c>
      <c r="AM21" s="313">
        <v>0</v>
      </c>
      <c r="AN21" s="313">
        <v>6</v>
      </c>
      <c r="AO21" s="313">
        <v>1</v>
      </c>
      <c r="AP21" s="313">
        <v>0</v>
      </c>
      <c r="AQ21" s="313">
        <v>0</v>
      </c>
      <c r="AR21" s="311">
        <v>7</v>
      </c>
      <c r="AS21" s="315">
        <v>7</v>
      </c>
      <c r="AT21" s="310">
        <v>0</v>
      </c>
      <c r="AU21" s="313">
        <v>1</v>
      </c>
      <c r="AV21" s="311">
        <v>1</v>
      </c>
      <c r="AW21" s="312">
        <v>0</v>
      </c>
      <c r="AX21" s="313">
        <v>1</v>
      </c>
      <c r="AY21" s="313">
        <v>2</v>
      </c>
      <c r="AZ21" s="313">
        <v>1</v>
      </c>
      <c r="BA21" s="313">
        <v>0</v>
      </c>
      <c r="BB21" s="313">
        <v>2</v>
      </c>
      <c r="BC21" s="311">
        <v>6</v>
      </c>
      <c r="BD21" s="315">
        <v>7</v>
      </c>
      <c r="BE21" s="310">
        <v>0</v>
      </c>
      <c r="BF21" s="313">
        <v>0</v>
      </c>
      <c r="BG21" s="311">
        <v>0</v>
      </c>
      <c r="BH21" s="312">
        <v>0</v>
      </c>
      <c r="BI21" s="313">
        <v>1</v>
      </c>
      <c r="BJ21" s="313">
        <v>1</v>
      </c>
      <c r="BK21" s="313">
        <v>0</v>
      </c>
      <c r="BL21" s="313">
        <v>0</v>
      </c>
      <c r="BM21" s="313">
        <v>0</v>
      </c>
      <c r="BN21" s="314">
        <v>2</v>
      </c>
      <c r="BO21" s="315">
        <v>2</v>
      </c>
      <c r="BP21" s="310">
        <v>0</v>
      </c>
      <c r="BQ21" s="313">
        <v>0</v>
      </c>
      <c r="BR21" s="311">
        <v>0</v>
      </c>
      <c r="BS21" s="312">
        <v>0</v>
      </c>
      <c r="BT21" s="313">
        <v>0</v>
      </c>
      <c r="BU21" s="313">
        <v>0</v>
      </c>
      <c r="BV21" s="313">
        <v>0</v>
      </c>
      <c r="BW21" s="313">
        <v>0</v>
      </c>
      <c r="BX21" s="313">
        <v>0</v>
      </c>
      <c r="BY21" s="311">
        <v>0</v>
      </c>
      <c r="BZ21" s="315">
        <v>0</v>
      </c>
      <c r="CA21" s="310">
        <v>0</v>
      </c>
      <c r="CB21" s="313">
        <v>0</v>
      </c>
      <c r="CC21" s="311">
        <v>0</v>
      </c>
      <c r="CD21" s="312">
        <v>0</v>
      </c>
      <c r="CE21" s="313">
        <v>0</v>
      </c>
      <c r="CF21" s="313">
        <v>0</v>
      </c>
      <c r="CG21" s="313">
        <v>0</v>
      </c>
      <c r="CH21" s="313">
        <v>0</v>
      </c>
      <c r="CI21" s="313">
        <v>0</v>
      </c>
      <c r="CJ21" s="311">
        <v>0</v>
      </c>
      <c r="CK21" s="315">
        <v>0</v>
      </c>
      <c r="CL21" s="310">
        <v>0</v>
      </c>
      <c r="CM21" s="313">
        <v>0</v>
      </c>
      <c r="CN21" s="311">
        <v>0</v>
      </c>
      <c r="CO21" s="312">
        <v>0</v>
      </c>
      <c r="CP21" s="313">
        <v>1</v>
      </c>
      <c r="CQ21" s="313">
        <v>0</v>
      </c>
      <c r="CR21" s="313">
        <v>0</v>
      </c>
      <c r="CS21" s="313">
        <v>0</v>
      </c>
      <c r="CT21" s="313">
        <v>1</v>
      </c>
      <c r="CU21" s="311">
        <v>2</v>
      </c>
      <c r="CV21" s="315">
        <v>2</v>
      </c>
    </row>
    <row r="22" spans="1:100" ht="21" customHeight="1" x14ac:dyDescent="0.2">
      <c r="A22" s="297" t="s">
        <v>20</v>
      </c>
      <c r="B22" s="310">
        <v>0</v>
      </c>
      <c r="C22" s="313">
        <v>0</v>
      </c>
      <c r="D22" s="441">
        <v>0</v>
      </c>
      <c r="E22" s="312">
        <v>0</v>
      </c>
      <c r="F22" s="313">
        <v>0</v>
      </c>
      <c r="G22" s="313">
        <v>0</v>
      </c>
      <c r="H22" s="313">
        <v>0</v>
      </c>
      <c r="I22" s="313">
        <v>0</v>
      </c>
      <c r="J22" s="313">
        <v>0</v>
      </c>
      <c r="K22" s="314">
        <v>0</v>
      </c>
      <c r="L22" s="315">
        <v>0</v>
      </c>
      <c r="M22" s="310">
        <v>0</v>
      </c>
      <c r="N22" s="313">
        <v>0</v>
      </c>
      <c r="O22" s="311">
        <v>0</v>
      </c>
      <c r="P22" s="312">
        <v>0</v>
      </c>
      <c r="Q22" s="313">
        <v>0</v>
      </c>
      <c r="R22" s="313">
        <v>0</v>
      </c>
      <c r="S22" s="313">
        <v>0</v>
      </c>
      <c r="T22" s="313">
        <v>0</v>
      </c>
      <c r="U22" s="313">
        <v>0</v>
      </c>
      <c r="V22" s="311">
        <v>0</v>
      </c>
      <c r="W22" s="315">
        <v>0</v>
      </c>
      <c r="X22" s="310">
        <v>0</v>
      </c>
      <c r="Y22" s="313">
        <v>0</v>
      </c>
      <c r="Z22" s="311">
        <v>0</v>
      </c>
      <c r="AA22" s="312">
        <v>0</v>
      </c>
      <c r="AB22" s="313">
        <v>16</v>
      </c>
      <c r="AC22" s="313">
        <v>9</v>
      </c>
      <c r="AD22" s="313">
        <v>4</v>
      </c>
      <c r="AE22" s="313">
        <v>0</v>
      </c>
      <c r="AF22" s="313">
        <v>0</v>
      </c>
      <c r="AG22" s="311">
        <v>29</v>
      </c>
      <c r="AH22" s="315">
        <v>29</v>
      </c>
      <c r="AI22" s="310">
        <v>0</v>
      </c>
      <c r="AJ22" s="313">
        <v>0</v>
      </c>
      <c r="AK22" s="311">
        <v>0</v>
      </c>
      <c r="AL22" s="312">
        <v>0</v>
      </c>
      <c r="AM22" s="313">
        <v>0</v>
      </c>
      <c r="AN22" s="313">
        <v>0</v>
      </c>
      <c r="AO22" s="313">
        <v>1</v>
      </c>
      <c r="AP22" s="313">
        <v>0</v>
      </c>
      <c r="AQ22" s="313">
        <v>0</v>
      </c>
      <c r="AR22" s="311">
        <v>1</v>
      </c>
      <c r="AS22" s="315">
        <v>1</v>
      </c>
      <c r="AT22" s="310">
        <v>0</v>
      </c>
      <c r="AU22" s="313">
        <v>0</v>
      </c>
      <c r="AV22" s="311">
        <v>0</v>
      </c>
      <c r="AW22" s="312">
        <v>0</v>
      </c>
      <c r="AX22" s="313">
        <v>0</v>
      </c>
      <c r="AY22" s="313">
        <v>0</v>
      </c>
      <c r="AZ22" s="313">
        <v>0</v>
      </c>
      <c r="BA22" s="313">
        <v>0</v>
      </c>
      <c r="BB22" s="313">
        <v>0</v>
      </c>
      <c r="BC22" s="311">
        <v>0</v>
      </c>
      <c r="BD22" s="315">
        <v>0</v>
      </c>
      <c r="BE22" s="310">
        <v>0</v>
      </c>
      <c r="BF22" s="313">
        <v>0</v>
      </c>
      <c r="BG22" s="311">
        <v>0</v>
      </c>
      <c r="BH22" s="312">
        <v>0</v>
      </c>
      <c r="BI22" s="313">
        <v>1</v>
      </c>
      <c r="BJ22" s="313">
        <v>2</v>
      </c>
      <c r="BK22" s="313">
        <v>1</v>
      </c>
      <c r="BL22" s="313">
        <v>2</v>
      </c>
      <c r="BM22" s="313">
        <v>0</v>
      </c>
      <c r="BN22" s="314">
        <v>6</v>
      </c>
      <c r="BO22" s="315">
        <v>6</v>
      </c>
      <c r="BP22" s="310">
        <v>0</v>
      </c>
      <c r="BQ22" s="313">
        <v>0</v>
      </c>
      <c r="BR22" s="311">
        <v>0</v>
      </c>
      <c r="BS22" s="312">
        <v>0</v>
      </c>
      <c r="BT22" s="313">
        <v>0</v>
      </c>
      <c r="BU22" s="313">
        <v>0</v>
      </c>
      <c r="BV22" s="313">
        <v>0</v>
      </c>
      <c r="BW22" s="313">
        <v>0</v>
      </c>
      <c r="BX22" s="313">
        <v>0</v>
      </c>
      <c r="BY22" s="311">
        <v>0</v>
      </c>
      <c r="BZ22" s="315">
        <v>0</v>
      </c>
      <c r="CA22" s="310">
        <v>0</v>
      </c>
      <c r="CB22" s="313">
        <v>0</v>
      </c>
      <c r="CC22" s="311">
        <v>0</v>
      </c>
      <c r="CD22" s="312">
        <v>0</v>
      </c>
      <c r="CE22" s="313">
        <v>0</v>
      </c>
      <c r="CF22" s="313">
        <v>0</v>
      </c>
      <c r="CG22" s="313">
        <v>0</v>
      </c>
      <c r="CH22" s="313">
        <v>0</v>
      </c>
      <c r="CI22" s="313">
        <v>0</v>
      </c>
      <c r="CJ22" s="311">
        <v>0</v>
      </c>
      <c r="CK22" s="315">
        <v>0</v>
      </c>
      <c r="CL22" s="310">
        <v>0</v>
      </c>
      <c r="CM22" s="313">
        <v>0</v>
      </c>
      <c r="CN22" s="311">
        <v>0</v>
      </c>
      <c r="CO22" s="312">
        <v>0</v>
      </c>
      <c r="CP22" s="313">
        <v>0</v>
      </c>
      <c r="CQ22" s="313">
        <v>0</v>
      </c>
      <c r="CR22" s="313">
        <v>0</v>
      </c>
      <c r="CS22" s="313">
        <v>0</v>
      </c>
      <c r="CT22" s="313">
        <v>0</v>
      </c>
      <c r="CU22" s="311">
        <v>0</v>
      </c>
      <c r="CV22" s="315">
        <v>0</v>
      </c>
    </row>
    <row r="23" spans="1:100" ht="21" customHeight="1" x14ac:dyDescent="0.2">
      <c r="A23" s="297" t="s">
        <v>21</v>
      </c>
      <c r="B23" s="310">
        <v>0</v>
      </c>
      <c r="C23" s="313">
        <v>0</v>
      </c>
      <c r="D23" s="441">
        <v>0</v>
      </c>
      <c r="E23" s="312">
        <v>0</v>
      </c>
      <c r="F23" s="313">
        <v>0</v>
      </c>
      <c r="G23" s="313">
        <v>0</v>
      </c>
      <c r="H23" s="313">
        <v>0</v>
      </c>
      <c r="I23" s="313">
        <v>0</v>
      </c>
      <c r="J23" s="313">
        <v>0</v>
      </c>
      <c r="K23" s="314">
        <v>0</v>
      </c>
      <c r="L23" s="315">
        <v>0</v>
      </c>
      <c r="M23" s="310">
        <v>0</v>
      </c>
      <c r="N23" s="313">
        <v>0</v>
      </c>
      <c r="O23" s="311">
        <v>0</v>
      </c>
      <c r="P23" s="312">
        <v>0</v>
      </c>
      <c r="Q23" s="313">
        <v>0</v>
      </c>
      <c r="R23" s="313">
        <v>0</v>
      </c>
      <c r="S23" s="313">
        <v>0</v>
      </c>
      <c r="T23" s="313">
        <v>0</v>
      </c>
      <c r="U23" s="313">
        <v>0</v>
      </c>
      <c r="V23" s="311">
        <v>0</v>
      </c>
      <c r="W23" s="315">
        <v>0</v>
      </c>
      <c r="X23" s="310">
        <v>0</v>
      </c>
      <c r="Y23" s="313">
        <v>0</v>
      </c>
      <c r="Z23" s="311">
        <v>0</v>
      </c>
      <c r="AA23" s="312">
        <v>0</v>
      </c>
      <c r="AB23" s="313">
        <v>14</v>
      </c>
      <c r="AC23" s="313">
        <v>11</v>
      </c>
      <c r="AD23" s="313">
        <v>5</v>
      </c>
      <c r="AE23" s="313">
        <v>4</v>
      </c>
      <c r="AF23" s="313">
        <v>1</v>
      </c>
      <c r="AG23" s="311">
        <v>35</v>
      </c>
      <c r="AH23" s="315">
        <v>35</v>
      </c>
      <c r="AI23" s="310">
        <v>0</v>
      </c>
      <c r="AJ23" s="313">
        <v>0</v>
      </c>
      <c r="AK23" s="311">
        <v>0</v>
      </c>
      <c r="AL23" s="312">
        <v>0</v>
      </c>
      <c r="AM23" s="313">
        <v>0</v>
      </c>
      <c r="AN23" s="313">
        <v>0</v>
      </c>
      <c r="AO23" s="313">
        <v>0</v>
      </c>
      <c r="AP23" s="313">
        <v>0</v>
      </c>
      <c r="AQ23" s="313">
        <v>0</v>
      </c>
      <c r="AR23" s="311">
        <v>0</v>
      </c>
      <c r="AS23" s="315">
        <v>0</v>
      </c>
      <c r="AT23" s="310">
        <v>0</v>
      </c>
      <c r="AU23" s="313">
        <v>0</v>
      </c>
      <c r="AV23" s="311">
        <v>0</v>
      </c>
      <c r="AW23" s="312">
        <v>0</v>
      </c>
      <c r="AX23" s="313">
        <v>0</v>
      </c>
      <c r="AY23" s="313">
        <v>0</v>
      </c>
      <c r="AZ23" s="313">
        <v>1</v>
      </c>
      <c r="BA23" s="313">
        <v>0</v>
      </c>
      <c r="BB23" s="313">
        <v>0</v>
      </c>
      <c r="BC23" s="311">
        <v>1</v>
      </c>
      <c r="BD23" s="315">
        <v>1</v>
      </c>
      <c r="BE23" s="310">
        <v>0</v>
      </c>
      <c r="BF23" s="313">
        <v>0</v>
      </c>
      <c r="BG23" s="311">
        <v>0</v>
      </c>
      <c r="BH23" s="312">
        <v>0</v>
      </c>
      <c r="BI23" s="313">
        <v>2</v>
      </c>
      <c r="BJ23" s="313">
        <v>0</v>
      </c>
      <c r="BK23" s="313">
        <v>1</v>
      </c>
      <c r="BL23" s="313">
        <v>1</v>
      </c>
      <c r="BM23" s="313">
        <v>0</v>
      </c>
      <c r="BN23" s="314">
        <v>4</v>
      </c>
      <c r="BO23" s="315">
        <v>4</v>
      </c>
      <c r="BP23" s="310">
        <v>0</v>
      </c>
      <c r="BQ23" s="313">
        <v>0</v>
      </c>
      <c r="BR23" s="311">
        <v>0</v>
      </c>
      <c r="BS23" s="312">
        <v>0</v>
      </c>
      <c r="BT23" s="313">
        <v>0</v>
      </c>
      <c r="BU23" s="313">
        <v>0</v>
      </c>
      <c r="BV23" s="313">
        <v>0</v>
      </c>
      <c r="BW23" s="313">
        <v>0</v>
      </c>
      <c r="BX23" s="313">
        <v>0</v>
      </c>
      <c r="BY23" s="311">
        <v>0</v>
      </c>
      <c r="BZ23" s="315">
        <v>0</v>
      </c>
      <c r="CA23" s="310">
        <v>0</v>
      </c>
      <c r="CB23" s="313">
        <v>0</v>
      </c>
      <c r="CC23" s="311">
        <v>0</v>
      </c>
      <c r="CD23" s="312">
        <v>0</v>
      </c>
      <c r="CE23" s="313">
        <v>0</v>
      </c>
      <c r="CF23" s="313">
        <v>0</v>
      </c>
      <c r="CG23" s="313">
        <v>0</v>
      </c>
      <c r="CH23" s="313">
        <v>0</v>
      </c>
      <c r="CI23" s="313">
        <v>0</v>
      </c>
      <c r="CJ23" s="311">
        <v>0</v>
      </c>
      <c r="CK23" s="315">
        <v>0</v>
      </c>
      <c r="CL23" s="310">
        <v>0</v>
      </c>
      <c r="CM23" s="313">
        <v>0</v>
      </c>
      <c r="CN23" s="311">
        <v>0</v>
      </c>
      <c r="CO23" s="312">
        <v>0</v>
      </c>
      <c r="CP23" s="313">
        <v>0</v>
      </c>
      <c r="CQ23" s="313">
        <v>0</v>
      </c>
      <c r="CR23" s="313">
        <v>0</v>
      </c>
      <c r="CS23" s="313">
        <v>0</v>
      </c>
      <c r="CT23" s="313">
        <v>0</v>
      </c>
      <c r="CU23" s="311">
        <v>0</v>
      </c>
      <c r="CV23" s="315">
        <v>0</v>
      </c>
    </row>
    <row r="24" spans="1:100" ht="21" customHeight="1" x14ac:dyDescent="0.2">
      <c r="A24" s="297" t="s">
        <v>22</v>
      </c>
      <c r="B24" s="310">
        <v>0</v>
      </c>
      <c r="C24" s="313">
        <v>0</v>
      </c>
      <c r="D24" s="441">
        <v>0</v>
      </c>
      <c r="E24" s="312">
        <v>0</v>
      </c>
      <c r="F24" s="313">
        <v>0</v>
      </c>
      <c r="G24" s="313">
        <v>0</v>
      </c>
      <c r="H24" s="313">
        <v>1</v>
      </c>
      <c r="I24" s="313">
        <v>0</v>
      </c>
      <c r="J24" s="313">
        <v>0</v>
      </c>
      <c r="K24" s="314">
        <v>1</v>
      </c>
      <c r="L24" s="315">
        <v>1</v>
      </c>
      <c r="M24" s="310">
        <v>0</v>
      </c>
      <c r="N24" s="313">
        <v>0</v>
      </c>
      <c r="O24" s="311">
        <v>0</v>
      </c>
      <c r="P24" s="312">
        <v>0</v>
      </c>
      <c r="Q24" s="313">
        <v>0</v>
      </c>
      <c r="R24" s="313">
        <v>0</v>
      </c>
      <c r="S24" s="313">
        <v>0</v>
      </c>
      <c r="T24" s="313">
        <v>0</v>
      </c>
      <c r="U24" s="313">
        <v>0</v>
      </c>
      <c r="V24" s="311">
        <v>0</v>
      </c>
      <c r="W24" s="315">
        <v>0</v>
      </c>
      <c r="X24" s="310">
        <v>0</v>
      </c>
      <c r="Y24" s="313">
        <v>0</v>
      </c>
      <c r="Z24" s="311">
        <v>0</v>
      </c>
      <c r="AA24" s="312">
        <v>0</v>
      </c>
      <c r="AB24" s="313">
        <v>6</v>
      </c>
      <c r="AC24" s="313">
        <v>3</v>
      </c>
      <c r="AD24" s="313">
        <v>1</v>
      </c>
      <c r="AE24" s="313">
        <v>2</v>
      </c>
      <c r="AF24" s="313">
        <v>0</v>
      </c>
      <c r="AG24" s="311">
        <v>12</v>
      </c>
      <c r="AH24" s="315">
        <v>12</v>
      </c>
      <c r="AI24" s="310">
        <v>0</v>
      </c>
      <c r="AJ24" s="313">
        <v>0</v>
      </c>
      <c r="AK24" s="311">
        <v>0</v>
      </c>
      <c r="AL24" s="312">
        <v>0</v>
      </c>
      <c r="AM24" s="313">
        <v>1</v>
      </c>
      <c r="AN24" s="313">
        <v>0</v>
      </c>
      <c r="AO24" s="313">
        <v>1</v>
      </c>
      <c r="AP24" s="313">
        <v>1</v>
      </c>
      <c r="AQ24" s="313">
        <v>0</v>
      </c>
      <c r="AR24" s="311">
        <v>3</v>
      </c>
      <c r="AS24" s="315">
        <v>3</v>
      </c>
      <c r="AT24" s="310">
        <v>0</v>
      </c>
      <c r="AU24" s="313">
        <v>0</v>
      </c>
      <c r="AV24" s="311">
        <v>0</v>
      </c>
      <c r="AW24" s="312">
        <v>0</v>
      </c>
      <c r="AX24" s="313">
        <v>6</v>
      </c>
      <c r="AY24" s="313">
        <v>1</v>
      </c>
      <c r="AZ24" s="313">
        <v>0</v>
      </c>
      <c r="BA24" s="313">
        <v>0</v>
      </c>
      <c r="BB24" s="313">
        <v>0</v>
      </c>
      <c r="BC24" s="311">
        <v>7</v>
      </c>
      <c r="BD24" s="315">
        <v>7</v>
      </c>
      <c r="BE24" s="310">
        <v>0</v>
      </c>
      <c r="BF24" s="313">
        <v>0</v>
      </c>
      <c r="BG24" s="311">
        <v>0</v>
      </c>
      <c r="BH24" s="312">
        <v>0</v>
      </c>
      <c r="BI24" s="313">
        <v>1</v>
      </c>
      <c r="BJ24" s="313">
        <v>2</v>
      </c>
      <c r="BK24" s="313">
        <v>0</v>
      </c>
      <c r="BL24" s="313">
        <v>0</v>
      </c>
      <c r="BM24" s="313">
        <v>0</v>
      </c>
      <c r="BN24" s="314">
        <v>3</v>
      </c>
      <c r="BO24" s="315">
        <v>3</v>
      </c>
      <c r="BP24" s="310">
        <v>0</v>
      </c>
      <c r="BQ24" s="313">
        <v>0</v>
      </c>
      <c r="BR24" s="311">
        <v>0</v>
      </c>
      <c r="BS24" s="312">
        <v>0</v>
      </c>
      <c r="BT24" s="313">
        <v>0</v>
      </c>
      <c r="BU24" s="313">
        <v>0</v>
      </c>
      <c r="BV24" s="313">
        <v>0</v>
      </c>
      <c r="BW24" s="313">
        <v>0</v>
      </c>
      <c r="BX24" s="313">
        <v>0</v>
      </c>
      <c r="BY24" s="311">
        <v>0</v>
      </c>
      <c r="BZ24" s="315">
        <v>0</v>
      </c>
      <c r="CA24" s="310">
        <v>0</v>
      </c>
      <c r="CB24" s="313">
        <v>0</v>
      </c>
      <c r="CC24" s="311">
        <v>0</v>
      </c>
      <c r="CD24" s="312">
        <v>0</v>
      </c>
      <c r="CE24" s="313">
        <v>0</v>
      </c>
      <c r="CF24" s="313">
        <v>0</v>
      </c>
      <c r="CG24" s="313">
        <v>0</v>
      </c>
      <c r="CH24" s="313">
        <v>3</v>
      </c>
      <c r="CI24" s="313">
        <v>1</v>
      </c>
      <c r="CJ24" s="311">
        <v>4</v>
      </c>
      <c r="CK24" s="315">
        <v>4</v>
      </c>
      <c r="CL24" s="310">
        <v>0</v>
      </c>
      <c r="CM24" s="313">
        <v>0</v>
      </c>
      <c r="CN24" s="311">
        <v>0</v>
      </c>
      <c r="CO24" s="312">
        <v>0</v>
      </c>
      <c r="CP24" s="313">
        <v>0</v>
      </c>
      <c r="CQ24" s="313">
        <v>0</v>
      </c>
      <c r="CR24" s="313">
        <v>0</v>
      </c>
      <c r="CS24" s="313">
        <v>0</v>
      </c>
      <c r="CT24" s="313">
        <v>0</v>
      </c>
      <c r="CU24" s="311">
        <v>0</v>
      </c>
      <c r="CV24" s="315">
        <v>0</v>
      </c>
    </row>
    <row r="25" spans="1:100" ht="21" customHeight="1" x14ac:dyDescent="0.2">
      <c r="A25" s="297" t="s">
        <v>23</v>
      </c>
      <c r="B25" s="310">
        <v>0</v>
      </c>
      <c r="C25" s="313">
        <v>0</v>
      </c>
      <c r="D25" s="441">
        <v>0</v>
      </c>
      <c r="E25" s="312">
        <v>0</v>
      </c>
      <c r="F25" s="313">
        <v>0</v>
      </c>
      <c r="G25" s="313">
        <v>0</v>
      </c>
      <c r="H25" s="313">
        <v>0</v>
      </c>
      <c r="I25" s="313">
        <v>0</v>
      </c>
      <c r="J25" s="313">
        <v>0</v>
      </c>
      <c r="K25" s="314">
        <v>0</v>
      </c>
      <c r="L25" s="315">
        <v>0</v>
      </c>
      <c r="M25" s="310">
        <v>0</v>
      </c>
      <c r="N25" s="313">
        <v>0</v>
      </c>
      <c r="O25" s="311">
        <v>0</v>
      </c>
      <c r="P25" s="312">
        <v>0</v>
      </c>
      <c r="Q25" s="313">
        <v>0</v>
      </c>
      <c r="R25" s="313">
        <v>0</v>
      </c>
      <c r="S25" s="313">
        <v>0</v>
      </c>
      <c r="T25" s="313">
        <v>0</v>
      </c>
      <c r="U25" s="313">
        <v>0</v>
      </c>
      <c r="V25" s="311">
        <v>0</v>
      </c>
      <c r="W25" s="315">
        <v>0</v>
      </c>
      <c r="X25" s="310">
        <v>0</v>
      </c>
      <c r="Y25" s="313">
        <v>0</v>
      </c>
      <c r="Z25" s="311">
        <v>0</v>
      </c>
      <c r="AA25" s="312">
        <v>0</v>
      </c>
      <c r="AB25" s="313">
        <v>3</v>
      </c>
      <c r="AC25" s="313">
        <v>1</v>
      </c>
      <c r="AD25" s="313">
        <v>1</v>
      </c>
      <c r="AE25" s="313">
        <v>2</v>
      </c>
      <c r="AF25" s="313">
        <v>0</v>
      </c>
      <c r="AG25" s="311">
        <v>7</v>
      </c>
      <c r="AH25" s="315">
        <v>7</v>
      </c>
      <c r="AI25" s="310">
        <v>0</v>
      </c>
      <c r="AJ25" s="313">
        <v>0</v>
      </c>
      <c r="AK25" s="311">
        <v>0</v>
      </c>
      <c r="AL25" s="312">
        <v>0</v>
      </c>
      <c r="AM25" s="313">
        <v>0</v>
      </c>
      <c r="AN25" s="313">
        <v>0</v>
      </c>
      <c r="AO25" s="313">
        <v>0</v>
      </c>
      <c r="AP25" s="313">
        <v>0</v>
      </c>
      <c r="AQ25" s="313">
        <v>0</v>
      </c>
      <c r="AR25" s="311">
        <v>0</v>
      </c>
      <c r="AS25" s="315">
        <v>0</v>
      </c>
      <c r="AT25" s="310">
        <v>0</v>
      </c>
      <c r="AU25" s="313">
        <v>0</v>
      </c>
      <c r="AV25" s="311">
        <v>0</v>
      </c>
      <c r="AW25" s="312">
        <v>0</v>
      </c>
      <c r="AX25" s="313">
        <v>0</v>
      </c>
      <c r="AY25" s="313">
        <v>0</v>
      </c>
      <c r="AZ25" s="313">
        <v>0</v>
      </c>
      <c r="BA25" s="313">
        <v>0</v>
      </c>
      <c r="BB25" s="313">
        <v>0</v>
      </c>
      <c r="BC25" s="311">
        <v>0</v>
      </c>
      <c r="BD25" s="315">
        <v>0</v>
      </c>
      <c r="BE25" s="310">
        <v>0</v>
      </c>
      <c r="BF25" s="313">
        <v>0</v>
      </c>
      <c r="BG25" s="311">
        <v>0</v>
      </c>
      <c r="BH25" s="312">
        <v>0</v>
      </c>
      <c r="BI25" s="313">
        <v>3</v>
      </c>
      <c r="BJ25" s="313">
        <v>3</v>
      </c>
      <c r="BK25" s="313">
        <v>0</v>
      </c>
      <c r="BL25" s="313">
        <v>0</v>
      </c>
      <c r="BM25" s="313">
        <v>0</v>
      </c>
      <c r="BN25" s="314">
        <v>6</v>
      </c>
      <c r="BO25" s="315">
        <v>6</v>
      </c>
      <c r="BP25" s="310">
        <v>0</v>
      </c>
      <c r="BQ25" s="313">
        <v>0</v>
      </c>
      <c r="BR25" s="311">
        <v>0</v>
      </c>
      <c r="BS25" s="312">
        <v>0</v>
      </c>
      <c r="BT25" s="313">
        <v>0</v>
      </c>
      <c r="BU25" s="313">
        <v>0</v>
      </c>
      <c r="BV25" s="313">
        <v>0</v>
      </c>
      <c r="BW25" s="313">
        <v>0</v>
      </c>
      <c r="BX25" s="313">
        <v>0</v>
      </c>
      <c r="BY25" s="311">
        <v>0</v>
      </c>
      <c r="BZ25" s="315">
        <v>0</v>
      </c>
      <c r="CA25" s="310">
        <v>0</v>
      </c>
      <c r="CB25" s="313">
        <v>0</v>
      </c>
      <c r="CC25" s="311">
        <v>0</v>
      </c>
      <c r="CD25" s="312">
        <v>0</v>
      </c>
      <c r="CE25" s="313">
        <v>0</v>
      </c>
      <c r="CF25" s="313">
        <v>0</v>
      </c>
      <c r="CG25" s="313">
        <v>0</v>
      </c>
      <c r="CH25" s="313">
        <v>0</v>
      </c>
      <c r="CI25" s="313">
        <v>0</v>
      </c>
      <c r="CJ25" s="311">
        <v>0</v>
      </c>
      <c r="CK25" s="315">
        <v>0</v>
      </c>
      <c r="CL25" s="310">
        <v>0</v>
      </c>
      <c r="CM25" s="313">
        <v>0</v>
      </c>
      <c r="CN25" s="311">
        <v>0</v>
      </c>
      <c r="CO25" s="312">
        <v>0</v>
      </c>
      <c r="CP25" s="313">
        <v>0</v>
      </c>
      <c r="CQ25" s="313">
        <v>0</v>
      </c>
      <c r="CR25" s="313">
        <v>0</v>
      </c>
      <c r="CS25" s="313">
        <v>0</v>
      </c>
      <c r="CT25" s="313">
        <v>0</v>
      </c>
      <c r="CU25" s="311">
        <v>0</v>
      </c>
      <c r="CV25" s="315">
        <v>0</v>
      </c>
    </row>
    <row r="26" spans="1:100" ht="21" customHeight="1" x14ac:dyDescent="0.2">
      <c r="A26" s="297" t="s">
        <v>24</v>
      </c>
      <c r="B26" s="310">
        <v>0</v>
      </c>
      <c r="C26" s="313">
        <v>0</v>
      </c>
      <c r="D26" s="441">
        <v>0</v>
      </c>
      <c r="E26" s="312">
        <v>0</v>
      </c>
      <c r="F26" s="313">
        <v>0</v>
      </c>
      <c r="G26" s="313">
        <v>0</v>
      </c>
      <c r="H26" s="313">
        <v>0</v>
      </c>
      <c r="I26" s="313">
        <v>0</v>
      </c>
      <c r="J26" s="313">
        <v>0</v>
      </c>
      <c r="K26" s="314">
        <v>0</v>
      </c>
      <c r="L26" s="315">
        <v>0</v>
      </c>
      <c r="M26" s="310">
        <v>0</v>
      </c>
      <c r="N26" s="313">
        <v>0</v>
      </c>
      <c r="O26" s="311">
        <v>0</v>
      </c>
      <c r="P26" s="312">
        <v>0</v>
      </c>
      <c r="Q26" s="313">
        <v>0</v>
      </c>
      <c r="R26" s="313">
        <v>0</v>
      </c>
      <c r="S26" s="313">
        <v>0</v>
      </c>
      <c r="T26" s="313">
        <v>0</v>
      </c>
      <c r="U26" s="313">
        <v>0</v>
      </c>
      <c r="V26" s="311">
        <v>0</v>
      </c>
      <c r="W26" s="315">
        <v>0</v>
      </c>
      <c r="X26" s="310">
        <v>0</v>
      </c>
      <c r="Y26" s="313">
        <v>0</v>
      </c>
      <c r="Z26" s="311">
        <v>0</v>
      </c>
      <c r="AA26" s="312">
        <v>0</v>
      </c>
      <c r="AB26" s="313">
        <v>5</v>
      </c>
      <c r="AC26" s="313">
        <v>1</v>
      </c>
      <c r="AD26" s="313">
        <v>3</v>
      </c>
      <c r="AE26" s="313">
        <v>2</v>
      </c>
      <c r="AF26" s="313">
        <v>0</v>
      </c>
      <c r="AG26" s="311">
        <v>11</v>
      </c>
      <c r="AH26" s="315">
        <v>11</v>
      </c>
      <c r="AI26" s="310">
        <v>0</v>
      </c>
      <c r="AJ26" s="313">
        <v>0</v>
      </c>
      <c r="AK26" s="311">
        <v>0</v>
      </c>
      <c r="AL26" s="312">
        <v>0</v>
      </c>
      <c r="AM26" s="313">
        <v>0</v>
      </c>
      <c r="AN26" s="313">
        <v>0</v>
      </c>
      <c r="AO26" s="313">
        <v>1</v>
      </c>
      <c r="AP26" s="313">
        <v>0</v>
      </c>
      <c r="AQ26" s="313">
        <v>0</v>
      </c>
      <c r="AR26" s="311">
        <v>1</v>
      </c>
      <c r="AS26" s="315">
        <v>1</v>
      </c>
      <c r="AT26" s="310">
        <v>1</v>
      </c>
      <c r="AU26" s="313">
        <v>0</v>
      </c>
      <c r="AV26" s="311">
        <v>1</v>
      </c>
      <c r="AW26" s="312">
        <v>0</v>
      </c>
      <c r="AX26" s="313">
        <v>2</v>
      </c>
      <c r="AY26" s="313">
        <v>0</v>
      </c>
      <c r="AZ26" s="313">
        <v>1</v>
      </c>
      <c r="BA26" s="313">
        <v>0</v>
      </c>
      <c r="BB26" s="313">
        <v>0</v>
      </c>
      <c r="BC26" s="311">
        <v>3</v>
      </c>
      <c r="BD26" s="315">
        <v>4</v>
      </c>
      <c r="BE26" s="310">
        <v>0</v>
      </c>
      <c r="BF26" s="313">
        <v>0</v>
      </c>
      <c r="BG26" s="311">
        <v>0</v>
      </c>
      <c r="BH26" s="312">
        <v>0</v>
      </c>
      <c r="BI26" s="313">
        <v>0</v>
      </c>
      <c r="BJ26" s="313">
        <v>0</v>
      </c>
      <c r="BK26" s="313">
        <v>2</v>
      </c>
      <c r="BL26" s="313">
        <v>1</v>
      </c>
      <c r="BM26" s="313">
        <v>0</v>
      </c>
      <c r="BN26" s="314">
        <v>3</v>
      </c>
      <c r="BO26" s="315">
        <v>3</v>
      </c>
      <c r="BP26" s="310">
        <v>0</v>
      </c>
      <c r="BQ26" s="313">
        <v>0</v>
      </c>
      <c r="BR26" s="311">
        <v>0</v>
      </c>
      <c r="BS26" s="312">
        <v>0</v>
      </c>
      <c r="BT26" s="313">
        <v>0</v>
      </c>
      <c r="BU26" s="313">
        <v>0</v>
      </c>
      <c r="BV26" s="313">
        <v>0</v>
      </c>
      <c r="BW26" s="313">
        <v>0</v>
      </c>
      <c r="BX26" s="313">
        <v>0</v>
      </c>
      <c r="BY26" s="311">
        <v>0</v>
      </c>
      <c r="BZ26" s="315">
        <v>0</v>
      </c>
      <c r="CA26" s="310">
        <v>0</v>
      </c>
      <c r="CB26" s="313">
        <v>0</v>
      </c>
      <c r="CC26" s="311">
        <v>0</v>
      </c>
      <c r="CD26" s="312">
        <v>0</v>
      </c>
      <c r="CE26" s="313">
        <v>0</v>
      </c>
      <c r="CF26" s="313">
        <v>0</v>
      </c>
      <c r="CG26" s="313">
        <v>0</v>
      </c>
      <c r="CH26" s="313">
        <v>0</v>
      </c>
      <c r="CI26" s="313">
        <v>0</v>
      </c>
      <c r="CJ26" s="311">
        <v>0</v>
      </c>
      <c r="CK26" s="315">
        <v>0</v>
      </c>
      <c r="CL26" s="310">
        <v>0</v>
      </c>
      <c r="CM26" s="313">
        <v>0</v>
      </c>
      <c r="CN26" s="311">
        <v>0</v>
      </c>
      <c r="CO26" s="312">
        <v>0</v>
      </c>
      <c r="CP26" s="313">
        <v>0</v>
      </c>
      <c r="CQ26" s="313">
        <v>0</v>
      </c>
      <c r="CR26" s="313">
        <v>0</v>
      </c>
      <c r="CS26" s="313">
        <v>0</v>
      </c>
      <c r="CT26" s="313">
        <v>0</v>
      </c>
      <c r="CU26" s="311">
        <v>0</v>
      </c>
      <c r="CV26" s="315">
        <v>0</v>
      </c>
    </row>
    <row r="27" spans="1:100" ht="21" customHeight="1" x14ac:dyDescent="0.2">
      <c r="A27" s="297" t="s">
        <v>25</v>
      </c>
      <c r="B27" s="310">
        <v>0</v>
      </c>
      <c r="C27" s="313">
        <v>0</v>
      </c>
      <c r="D27" s="441">
        <v>0</v>
      </c>
      <c r="E27" s="312">
        <v>0</v>
      </c>
      <c r="F27" s="313">
        <v>0</v>
      </c>
      <c r="G27" s="313">
        <v>0</v>
      </c>
      <c r="H27" s="313">
        <v>0</v>
      </c>
      <c r="I27" s="313">
        <v>0</v>
      </c>
      <c r="J27" s="313">
        <v>0</v>
      </c>
      <c r="K27" s="314">
        <v>0</v>
      </c>
      <c r="L27" s="315">
        <v>0</v>
      </c>
      <c r="M27" s="310">
        <v>0</v>
      </c>
      <c r="N27" s="313">
        <v>0</v>
      </c>
      <c r="O27" s="311">
        <v>0</v>
      </c>
      <c r="P27" s="312">
        <v>0</v>
      </c>
      <c r="Q27" s="313">
        <v>0</v>
      </c>
      <c r="R27" s="313">
        <v>0</v>
      </c>
      <c r="S27" s="313">
        <v>0</v>
      </c>
      <c r="T27" s="313">
        <v>0</v>
      </c>
      <c r="U27" s="313">
        <v>0</v>
      </c>
      <c r="V27" s="311">
        <v>0</v>
      </c>
      <c r="W27" s="315">
        <v>0</v>
      </c>
      <c r="X27" s="310">
        <v>0</v>
      </c>
      <c r="Y27" s="313">
        <v>0</v>
      </c>
      <c r="Z27" s="311">
        <v>0</v>
      </c>
      <c r="AA27" s="312">
        <v>0</v>
      </c>
      <c r="AB27" s="313">
        <v>6</v>
      </c>
      <c r="AC27" s="313">
        <v>1</v>
      </c>
      <c r="AD27" s="313">
        <v>0</v>
      </c>
      <c r="AE27" s="313">
        <v>1</v>
      </c>
      <c r="AF27" s="313">
        <v>0</v>
      </c>
      <c r="AG27" s="311">
        <v>8</v>
      </c>
      <c r="AH27" s="315">
        <v>8</v>
      </c>
      <c r="AI27" s="310">
        <v>0</v>
      </c>
      <c r="AJ27" s="313">
        <v>0</v>
      </c>
      <c r="AK27" s="311">
        <v>0</v>
      </c>
      <c r="AL27" s="312">
        <v>0</v>
      </c>
      <c r="AM27" s="313">
        <v>0</v>
      </c>
      <c r="AN27" s="313">
        <v>0</v>
      </c>
      <c r="AO27" s="313">
        <v>0</v>
      </c>
      <c r="AP27" s="313">
        <v>0</v>
      </c>
      <c r="AQ27" s="313">
        <v>0</v>
      </c>
      <c r="AR27" s="311">
        <v>0</v>
      </c>
      <c r="AS27" s="315">
        <v>0</v>
      </c>
      <c r="AT27" s="310">
        <v>0</v>
      </c>
      <c r="AU27" s="313">
        <v>0</v>
      </c>
      <c r="AV27" s="311">
        <v>0</v>
      </c>
      <c r="AW27" s="312">
        <v>0</v>
      </c>
      <c r="AX27" s="313">
        <v>0</v>
      </c>
      <c r="AY27" s="313">
        <v>0</v>
      </c>
      <c r="AZ27" s="313">
        <v>0</v>
      </c>
      <c r="BA27" s="313">
        <v>0</v>
      </c>
      <c r="BB27" s="313">
        <v>0</v>
      </c>
      <c r="BC27" s="311">
        <v>0</v>
      </c>
      <c r="BD27" s="315">
        <v>0</v>
      </c>
      <c r="BE27" s="310">
        <v>0</v>
      </c>
      <c r="BF27" s="313">
        <v>0</v>
      </c>
      <c r="BG27" s="311">
        <v>0</v>
      </c>
      <c r="BH27" s="312">
        <v>0</v>
      </c>
      <c r="BI27" s="313">
        <v>0</v>
      </c>
      <c r="BJ27" s="313">
        <v>0</v>
      </c>
      <c r="BK27" s="313">
        <v>0</v>
      </c>
      <c r="BL27" s="313">
        <v>0</v>
      </c>
      <c r="BM27" s="313">
        <v>0</v>
      </c>
      <c r="BN27" s="314">
        <v>0</v>
      </c>
      <c r="BO27" s="315">
        <v>0</v>
      </c>
      <c r="BP27" s="310">
        <v>0</v>
      </c>
      <c r="BQ27" s="313">
        <v>0</v>
      </c>
      <c r="BR27" s="311">
        <v>0</v>
      </c>
      <c r="BS27" s="312">
        <v>0</v>
      </c>
      <c r="BT27" s="313">
        <v>0</v>
      </c>
      <c r="BU27" s="313">
        <v>0</v>
      </c>
      <c r="BV27" s="313">
        <v>0</v>
      </c>
      <c r="BW27" s="313">
        <v>0</v>
      </c>
      <c r="BX27" s="313">
        <v>0</v>
      </c>
      <c r="BY27" s="311">
        <v>0</v>
      </c>
      <c r="BZ27" s="315">
        <v>0</v>
      </c>
      <c r="CA27" s="310">
        <v>0</v>
      </c>
      <c r="CB27" s="313">
        <v>0</v>
      </c>
      <c r="CC27" s="311">
        <v>0</v>
      </c>
      <c r="CD27" s="312">
        <v>0</v>
      </c>
      <c r="CE27" s="313">
        <v>0</v>
      </c>
      <c r="CF27" s="313">
        <v>0</v>
      </c>
      <c r="CG27" s="313">
        <v>0</v>
      </c>
      <c r="CH27" s="313">
        <v>0</v>
      </c>
      <c r="CI27" s="313">
        <v>0</v>
      </c>
      <c r="CJ27" s="311">
        <v>0</v>
      </c>
      <c r="CK27" s="315">
        <v>0</v>
      </c>
      <c r="CL27" s="310">
        <v>0</v>
      </c>
      <c r="CM27" s="313">
        <v>0</v>
      </c>
      <c r="CN27" s="311">
        <v>0</v>
      </c>
      <c r="CO27" s="312">
        <v>0</v>
      </c>
      <c r="CP27" s="313">
        <v>0</v>
      </c>
      <c r="CQ27" s="313">
        <v>0</v>
      </c>
      <c r="CR27" s="313">
        <v>0</v>
      </c>
      <c r="CS27" s="313">
        <v>0</v>
      </c>
      <c r="CT27" s="313">
        <v>0</v>
      </c>
      <c r="CU27" s="311">
        <v>0</v>
      </c>
      <c r="CV27" s="315">
        <v>0</v>
      </c>
    </row>
    <row r="28" spans="1:100" ht="21" customHeight="1" x14ac:dyDescent="0.2">
      <c r="A28" s="297" t="s">
        <v>26</v>
      </c>
      <c r="B28" s="310">
        <v>0</v>
      </c>
      <c r="C28" s="313">
        <v>0</v>
      </c>
      <c r="D28" s="441">
        <v>0</v>
      </c>
      <c r="E28" s="312">
        <v>0</v>
      </c>
      <c r="F28" s="313">
        <v>0</v>
      </c>
      <c r="G28" s="313">
        <v>0</v>
      </c>
      <c r="H28" s="313">
        <v>0</v>
      </c>
      <c r="I28" s="313">
        <v>0</v>
      </c>
      <c r="J28" s="313">
        <v>0</v>
      </c>
      <c r="K28" s="314">
        <v>0</v>
      </c>
      <c r="L28" s="315">
        <v>0</v>
      </c>
      <c r="M28" s="310">
        <v>0</v>
      </c>
      <c r="N28" s="313">
        <v>0</v>
      </c>
      <c r="O28" s="311">
        <v>0</v>
      </c>
      <c r="P28" s="312">
        <v>0</v>
      </c>
      <c r="Q28" s="313">
        <v>0</v>
      </c>
      <c r="R28" s="313">
        <v>0</v>
      </c>
      <c r="S28" s="313">
        <v>0</v>
      </c>
      <c r="T28" s="313">
        <v>0</v>
      </c>
      <c r="U28" s="313">
        <v>0</v>
      </c>
      <c r="V28" s="311">
        <v>0</v>
      </c>
      <c r="W28" s="315">
        <v>0</v>
      </c>
      <c r="X28" s="310">
        <v>0</v>
      </c>
      <c r="Y28" s="313">
        <v>0</v>
      </c>
      <c r="Z28" s="311">
        <v>0</v>
      </c>
      <c r="AA28" s="312">
        <v>0</v>
      </c>
      <c r="AB28" s="313">
        <v>2</v>
      </c>
      <c r="AC28" s="313">
        <v>0</v>
      </c>
      <c r="AD28" s="313">
        <v>0</v>
      </c>
      <c r="AE28" s="313">
        <v>0</v>
      </c>
      <c r="AF28" s="313">
        <v>2</v>
      </c>
      <c r="AG28" s="311">
        <v>4</v>
      </c>
      <c r="AH28" s="315">
        <v>4</v>
      </c>
      <c r="AI28" s="310">
        <v>0</v>
      </c>
      <c r="AJ28" s="313">
        <v>0</v>
      </c>
      <c r="AK28" s="311">
        <v>0</v>
      </c>
      <c r="AL28" s="312">
        <v>0</v>
      </c>
      <c r="AM28" s="313">
        <v>0</v>
      </c>
      <c r="AN28" s="313">
        <v>0</v>
      </c>
      <c r="AO28" s="313">
        <v>0</v>
      </c>
      <c r="AP28" s="313">
        <v>0</v>
      </c>
      <c r="AQ28" s="313">
        <v>0</v>
      </c>
      <c r="AR28" s="311">
        <v>0</v>
      </c>
      <c r="AS28" s="315">
        <v>0</v>
      </c>
      <c r="AT28" s="310">
        <v>0</v>
      </c>
      <c r="AU28" s="313">
        <v>0</v>
      </c>
      <c r="AV28" s="311">
        <v>0</v>
      </c>
      <c r="AW28" s="312">
        <v>0</v>
      </c>
      <c r="AX28" s="313">
        <v>0</v>
      </c>
      <c r="AY28" s="313">
        <v>0</v>
      </c>
      <c r="AZ28" s="313">
        <v>0</v>
      </c>
      <c r="BA28" s="313">
        <v>0</v>
      </c>
      <c r="BB28" s="313">
        <v>0</v>
      </c>
      <c r="BC28" s="311">
        <v>0</v>
      </c>
      <c r="BD28" s="315">
        <v>0</v>
      </c>
      <c r="BE28" s="310">
        <v>0</v>
      </c>
      <c r="BF28" s="313">
        <v>0</v>
      </c>
      <c r="BG28" s="311">
        <v>0</v>
      </c>
      <c r="BH28" s="312">
        <v>0</v>
      </c>
      <c r="BI28" s="313">
        <v>0</v>
      </c>
      <c r="BJ28" s="313">
        <v>0</v>
      </c>
      <c r="BK28" s="313">
        <v>2</v>
      </c>
      <c r="BL28" s="313">
        <v>0</v>
      </c>
      <c r="BM28" s="313">
        <v>0</v>
      </c>
      <c r="BN28" s="314">
        <v>2</v>
      </c>
      <c r="BO28" s="315">
        <v>2</v>
      </c>
      <c r="BP28" s="310">
        <v>0</v>
      </c>
      <c r="BQ28" s="313">
        <v>0</v>
      </c>
      <c r="BR28" s="311">
        <v>0</v>
      </c>
      <c r="BS28" s="312">
        <v>0</v>
      </c>
      <c r="BT28" s="313">
        <v>0</v>
      </c>
      <c r="BU28" s="313">
        <v>0</v>
      </c>
      <c r="BV28" s="313">
        <v>0</v>
      </c>
      <c r="BW28" s="313">
        <v>0</v>
      </c>
      <c r="BX28" s="313">
        <v>0</v>
      </c>
      <c r="BY28" s="311">
        <v>0</v>
      </c>
      <c r="BZ28" s="315">
        <v>0</v>
      </c>
      <c r="CA28" s="310">
        <v>0</v>
      </c>
      <c r="CB28" s="313">
        <v>0</v>
      </c>
      <c r="CC28" s="311">
        <v>0</v>
      </c>
      <c r="CD28" s="312">
        <v>0</v>
      </c>
      <c r="CE28" s="313">
        <v>0</v>
      </c>
      <c r="CF28" s="313">
        <v>0</v>
      </c>
      <c r="CG28" s="313">
        <v>0</v>
      </c>
      <c r="CH28" s="313">
        <v>0</v>
      </c>
      <c r="CI28" s="313">
        <v>0</v>
      </c>
      <c r="CJ28" s="311">
        <v>0</v>
      </c>
      <c r="CK28" s="315">
        <v>0</v>
      </c>
      <c r="CL28" s="310">
        <v>0</v>
      </c>
      <c r="CM28" s="313">
        <v>0</v>
      </c>
      <c r="CN28" s="311">
        <v>0</v>
      </c>
      <c r="CO28" s="312">
        <v>0</v>
      </c>
      <c r="CP28" s="313">
        <v>0</v>
      </c>
      <c r="CQ28" s="313">
        <v>0</v>
      </c>
      <c r="CR28" s="313">
        <v>0</v>
      </c>
      <c r="CS28" s="313">
        <v>0</v>
      </c>
      <c r="CT28" s="313">
        <v>0</v>
      </c>
      <c r="CU28" s="311">
        <v>0</v>
      </c>
      <c r="CV28" s="315">
        <v>0</v>
      </c>
    </row>
    <row r="29" spans="1:100" ht="21" customHeight="1" x14ac:dyDescent="0.2">
      <c r="A29" s="297" t="s">
        <v>27</v>
      </c>
      <c r="B29" s="310">
        <v>0</v>
      </c>
      <c r="C29" s="313">
        <v>0</v>
      </c>
      <c r="D29" s="441">
        <v>0</v>
      </c>
      <c r="E29" s="312">
        <v>0</v>
      </c>
      <c r="F29" s="313">
        <v>0</v>
      </c>
      <c r="G29" s="313">
        <v>1</v>
      </c>
      <c r="H29" s="313">
        <v>0</v>
      </c>
      <c r="I29" s="313">
        <v>0</v>
      </c>
      <c r="J29" s="313">
        <v>0</v>
      </c>
      <c r="K29" s="314">
        <v>1</v>
      </c>
      <c r="L29" s="315">
        <v>1</v>
      </c>
      <c r="M29" s="310">
        <v>0</v>
      </c>
      <c r="N29" s="313">
        <v>0</v>
      </c>
      <c r="O29" s="311">
        <v>0</v>
      </c>
      <c r="P29" s="312">
        <v>0</v>
      </c>
      <c r="Q29" s="313">
        <v>0</v>
      </c>
      <c r="R29" s="313">
        <v>0</v>
      </c>
      <c r="S29" s="313">
        <v>0</v>
      </c>
      <c r="T29" s="313">
        <v>0</v>
      </c>
      <c r="U29" s="313">
        <v>0</v>
      </c>
      <c r="V29" s="311">
        <v>0</v>
      </c>
      <c r="W29" s="315">
        <v>0</v>
      </c>
      <c r="X29" s="310">
        <v>0</v>
      </c>
      <c r="Y29" s="313">
        <v>0</v>
      </c>
      <c r="Z29" s="311">
        <v>0</v>
      </c>
      <c r="AA29" s="312">
        <v>0</v>
      </c>
      <c r="AB29" s="313">
        <v>2</v>
      </c>
      <c r="AC29" s="313">
        <v>1</v>
      </c>
      <c r="AD29" s="313">
        <v>0</v>
      </c>
      <c r="AE29" s="313">
        <v>0</v>
      </c>
      <c r="AF29" s="313">
        <v>0</v>
      </c>
      <c r="AG29" s="311">
        <v>3</v>
      </c>
      <c r="AH29" s="315">
        <v>3</v>
      </c>
      <c r="AI29" s="310">
        <v>0</v>
      </c>
      <c r="AJ29" s="313">
        <v>0</v>
      </c>
      <c r="AK29" s="311">
        <v>0</v>
      </c>
      <c r="AL29" s="312">
        <v>0</v>
      </c>
      <c r="AM29" s="313">
        <v>2</v>
      </c>
      <c r="AN29" s="313">
        <v>1</v>
      </c>
      <c r="AO29" s="313">
        <v>0</v>
      </c>
      <c r="AP29" s="313">
        <v>0</v>
      </c>
      <c r="AQ29" s="313">
        <v>0</v>
      </c>
      <c r="AR29" s="311">
        <v>3</v>
      </c>
      <c r="AS29" s="315">
        <v>3</v>
      </c>
      <c r="AT29" s="310">
        <v>0</v>
      </c>
      <c r="AU29" s="313">
        <v>0</v>
      </c>
      <c r="AV29" s="311">
        <v>0</v>
      </c>
      <c r="AW29" s="312">
        <v>0</v>
      </c>
      <c r="AX29" s="313">
        <v>0</v>
      </c>
      <c r="AY29" s="313">
        <v>0</v>
      </c>
      <c r="AZ29" s="313">
        <v>0</v>
      </c>
      <c r="BA29" s="313">
        <v>0</v>
      </c>
      <c r="BB29" s="313">
        <v>0</v>
      </c>
      <c r="BC29" s="311">
        <v>0</v>
      </c>
      <c r="BD29" s="315">
        <v>0</v>
      </c>
      <c r="BE29" s="310">
        <v>0</v>
      </c>
      <c r="BF29" s="313">
        <v>0</v>
      </c>
      <c r="BG29" s="311">
        <v>0</v>
      </c>
      <c r="BH29" s="312">
        <v>0</v>
      </c>
      <c r="BI29" s="313">
        <v>0</v>
      </c>
      <c r="BJ29" s="313">
        <v>3</v>
      </c>
      <c r="BK29" s="313">
        <v>1</v>
      </c>
      <c r="BL29" s="313">
        <v>0</v>
      </c>
      <c r="BM29" s="313">
        <v>0</v>
      </c>
      <c r="BN29" s="314">
        <v>4</v>
      </c>
      <c r="BO29" s="315">
        <v>4</v>
      </c>
      <c r="BP29" s="310">
        <v>0</v>
      </c>
      <c r="BQ29" s="313">
        <v>0</v>
      </c>
      <c r="BR29" s="311">
        <v>0</v>
      </c>
      <c r="BS29" s="312">
        <v>0</v>
      </c>
      <c r="BT29" s="313">
        <v>0</v>
      </c>
      <c r="BU29" s="313">
        <v>0</v>
      </c>
      <c r="BV29" s="313">
        <v>0</v>
      </c>
      <c r="BW29" s="313">
        <v>0</v>
      </c>
      <c r="BX29" s="313">
        <v>0</v>
      </c>
      <c r="BY29" s="311">
        <v>0</v>
      </c>
      <c r="BZ29" s="315">
        <v>0</v>
      </c>
      <c r="CA29" s="310">
        <v>0</v>
      </c>
      <c r="CB29" s="313">
        <v>0</v>
      </c>
      <c r="CC29" s="311">
        <v>0</v>
      </c>
      <c r="CD29" s="312">
        <v>0</v>
      </c>
      <c r="CE29" s="313">
        <v>0</v>
      </c>
      <c r="CF29" s="313">
        <v>0</v>
      </c>
      <c r="CG29" s="313">
        <v>2</v>
      </c>
      <c r="CH29" s="313">
        <v>1</v>
      </c>
      <c r="CI29" s="313">
        <v>0</v>
      </c>
      <c r="CJ29" s="311">
        <v>3</v>
      </c>
      <c r="CK29" s="315">
        <v>3</v>
      </c>
      <c r="CL29" s="310">
        <v>0</v>
      </c>
      <c r="CM29" s="313">
        <v>0</v>
      </c>
      <c r="CN29" s="311">
        <v>0</v>
      </c>
      <c r="CO29" s="312">
        <v>0</v>
      </c>
      <c r="CP29" s="313">
        <v>0</v>
      </c>
      <c r="CQ29" s="313">
        <v>0</v>
      </c>
      <c r="CR29" s="313">
        <v>0</v>
      </c>
      <c r="CS29" s="313">
        <v>0</v>
      </c>
      <c r="CT29" s="313">
        <v>0</v>
      </c>
      <c r="CU29" s="311">
        <v>0</v>
      </c>
      <c r="CV29" s="315">
        <v>0</v>
      </c>
    </row>
    <row r="30" spans="1:100" ht="21" customHeight="1" x14ac:dyDescent="0.2">
      <c r="A30" s="297" t="s">
        <v>28</v>
      </c>
      <c r="B30" s="310">
        <v>0</v>
      </c>
      <c r="C30" s="313">
        <v>0</v>
      </c>
      <c r="D30" s="441">
        <v>0</v>
      </c>
      <c r="E30" s="312">
        <v>0</v>
      </c>
      <c r="F30" s="313">
        <v>0</v>
      </c>
      <c r="G30" s="313">
        <v>0</v>
      </c>
      <c r="H30" s="313">
        <v>0</v>
      </c>
      <c r="I30" s="313">
        <v>0</v>
      </c>
      <c r="J30" s="313">
        <v>0</v>
      </c>
      <c r="K30" s="314">
        <v>0</v>
      </c>
      <c r="L30" s="315">
        <v>0</v>
      </c>
      <c r="M30" s="310">
        <v>0</v>
      </c>
      <c r="N30" s="313">
        <v>0</v>
      </c>
      <c r="O30" s="311">
        <v>0</v>
      </c>
      <c r="P30" s="312">
        <v>0</v>
      </c>
      <c r="Q30" s="313">
        <v>0</v>
      </c>
      <c r="R30" s="313">
        <v>0</v>
      </c>
      <c r="S30" s="313">
        <v>0</v>
      </c>
      <c r="T30" s="313">
        <v>0</v>
      </c>
      <c r="U30" s="313">
        <v>0</v>
      </c>
      <c r="V30" s="311">
        <v>0</v>
      </c>
      <c r="W30" s="315">
        <v>0</v>
      </c>
      <c r="X30" s="310">
        <v>0</v>
      </c>
      <c r="Y30" s="313">
        <v>0</v>
      </c>
      <c r="Z30" s="311">
        <v>0</v>
      </c>
      <c r="AA30" s="312">
        <v>0</v>
      </c>
      <c r="AB30" s="313">
        <v>2</v>
      </c>
      <c r="AC30" s="313">
        <v>3</v>
      </c>
      <c r="AD30" s="313">
        <v>0</v>
      </c>
      <c r="AE30" s="313">
        <v>0</v>
      </c>
      <c r="AF30" s="313">
        <v>0</v>
      </c>
      <c r="AG30" s="311">
        <v>5</v>
      </c>
      <c r="AH30" s="315">
        <v>5</v>
      </c>
      <c r="AI30" s="310">
        <v>0</v>
      </c>
      <c r="AJ30" s="313">
        <v>0</v>
      </c>
      <c r="AK30" s="311">
        <v>0</v>
      </c>
      <c r="AL30" s="312">
        <v>0</v>
      </c>
      <c r="AM30" s="313">
        <v>0</v>
      </c>
      <c r="AN30" s="313">
        <v>0</v>
      </c>
      <c r="AO30" s="313">
        <v>0</v>
      </c>
      <c r="AP30" s="313">
        <v>0</v>
      </c>
      <c r="AQ30" s="313">
        <v>0</v>
      </c>
      <c r="AR30" s="311">
        <v>0</v>
      </c>
      <c r="AS30" s="315">
        <v>0</v>
      </c>
      <c r="AT30" s="310">
        <v>0</v>
      </c>
      <c r="AU30" s="313">
        <v>0</v>
      </c>
      <c r="AV30" s="311">
        <v>0</v>
      </c>
      <c r="AW30" s="312">
        <v>0</v>
      </c>
      <c r="AX30" s="313">
        <v>0</v>
      </c>
      <c r="AY30" s="313">
        <v>0</v>
      </c>
      <c r="AZ30" s="313">
        <v>0</v>
      </c>
      <c r="BA30" s="313">
        <v>0</v>
      </c>
      <c r="BB30" s="313">
        <v>0</v>
      </c>
      <c r="BC30" s="311">
        <v>0</v>
      </c>
      <c r="BD30" s="315">
        <v>0</v>
      </c>
      <c r="BE30" s="310">
        <v>0</v>
      </c>
      <c r="BF30" s="313">
        <v>0</v>
      </c>
      <c r="BG30" s="311">
        <v>0</v>
      </c>
      <c r="BH30" s="312">
        <v>0</v>
      </c>
      <c r="BI30" s="313">
        <v>0</v>
      </c>
      <c r="BJ30" s="313">
        <v>0</v>
      </c>
      <c r="BK30" s="313">
        <v>1</v>
      </c>
      <c r="BL30" s="313">
        <v>0</v>
      </c>
      <c r="BM30" s="313">
        <v>0</v>
      </c>
      <c r="BN30" s="314">
        <v>1</v>
      </c>
      <c r="BO30" s="315">
        <v>1</v>
      </c>
      <c r="BP30" s="310">
        <v>0</v>
      </c>
      <c r="BQ30" s="313">
        <v>0</v>
      </c>
      <c r="BR30" s="311">
        <v>0</v>
      </c>
      <c r="BS30" s="312">
        <v>0</v>
      </c>
      <c r="BT30" s="313">
        <v>0</v>
      </c>
      <c r="BU30" s="313">
        <v>0</v>
      </c>
      <c r="BV30" s="313">
        <v>0</v>
      </c>
      <c r="BW30" s="313">
        <v>0</v>
      </c>
      <c r="BX30" s="313">
        <v>0</v>
      </c>
      <c r="BY30" s="311">
        <v>0</v>
      </c>
      <c r="BZ30" s="315">
        <v>0</v>
      </c>
      <c r="CA30" s="310">
        <v>0</v>
      </c>
      <c r="CB30" s="313">
        <v>0</v>
      </c>
      <c r="CC30" s="311">
        <v>0</v>
      </c>
      <c r="CD30" s="312">
        <v>0</v>
      </c>
      <c r="CE30" s="313">
        <v>0</v>
      </c>
      <c r="CF30" s="313">
        <v>0</v>
      </c>
      <c r="CG30" s="313">
        <v>0</v>
      </c>
      <c r="CH30" s="313">
        <v>0</v>
      </c>
      <c r="CI30" s="313">
        <v>0</v>
      </c>
      <c r="CJ30" s="311">
        <v>0</v>
      </c>
      <c r="CK30" s="315">
        <v>0</v>
      </c>
      <c r="CL30" s="310">
        <v>0</v>
      </c>
      <c r="CM30" s="313">
        <v>0</v>
      </c>
      <c r="CN30" s="311">
        <v>0</v>
      </c>
      <c r="CO30" s="312">
        <v>0</v>
      </c>
      <c r="CP30" s="313">
        <v>0</v>
      </c>
      <c r="CQ30" s="313">
        <v>0</v>
      </c>
      <c r="CR30" s="313">
        <v>0</v>
      </c>
      <c r="CS30" s="313">
        <v>0</v>
      </c>
      <c r="CT30" s="313">
        <v>0</v>
      </c>
      <c r="CU30" s="311">
        <v>0</v>
      </c>
      <c r="CV30" s="315">
        <v>0</v>
      </c>
    </row>
    <row r="31" spans="1:100" ht="21" customHeight="1" x14ac:dyDescent="0.2">
      <c r="A31" s="297" t="s">
        <v>29</v>
      </c>
      <c r="B31" s="310">
        <v>0</v>
      </c>
      <c r="C31" s="313">
        <v>0</v>
      </c>
      <c r="D31" s="441">
        <v>0</v>
      </c>
      <c r="E31" s="312">
        <v>0</v>
      </c>
      <c r="F31" s="313">
        <v>0</v>
      </c>
      <c r="G31" s="313">
        <v>0</v>
      </c>
      <c r="H31" s="313">
        <v>0</v>
      </c>
      <c r="I31" s="313">
        <v>0</v>
      </c>
      <c r="J31" s="313">
        <v>0</v>
      </c>
      <c r="K31" s="314">
        <v>0</v>
      </c>
      <c r="L31" s="315">
        <v>0</v>
      </c>
      <c r="M31" s="310">
        <v>0</v>
      </c>
      <c r="N31" s="313">
        <v>0</v>
      </c>
      <c r="O31" s="311">
        <v>0</v>
      </c>
      <c r="P31" s="312">
        <v>0</v>
      </c>
      <c r="Q31" s="313">
        <v>0</v>
      </c>
      <c r="R31" s="313">
        <v>0</v>
      </c>
      <c r="S31" s="313">
        <v>0</v>
      </c>
      <c r="T31" s="313">
        <v>0</v>
      </c>
      <c r="U31" s="313">
        <v>0</v>
      </c>
      <c r="V31" s="311">
        <v>0</v>
      </c>
      <c r="W31" s="315">
        <v>0</v>
      </c>
      <c r="X31" s="310">
        <v>0</v>
      </c>
      <c r="Y31" s="313">
        <v>0</v>
      </c>
      <c r="Z31" s="311">
        <v>0</v>
      </c>
      <c r="AA31" s="312">
        <v>0</v>
      </c>
      <c r="AB31" s="313">
        <v>1</v>
      </c>
      <c r="AC31" s="313">
        <v>2</v>
      </c>
      <c r="AD31" s="313">
        <v>0</v>
      </c>
      <c r="AE31" s="313">
        <v>1</v>
      </c>
      <c r="AF31" s="313">
        <v>0</v>
      </c>
      <c r="AG31" s="311">
        <v>4</v>
      </c>
      <c r="AH31" s="315">
        <v>4</v>
      </c>
      <c r="AI31" s="310">
        <v>0</v>
      </c>
      <c r="AJ31" s="313">
        <v>0</v>
      </c>
      <c r="AK31" s="311">
        <v>0</v>
      </c>
      <c r="AL31" s="312">
        <v>0</v>
      </c>
      <c r="AM31" s="313">
        <v>0</v>
      </c>
      <c r="AN31" s="313">
        <v>0</v>
      </c>
      <c r="AO31" s="313">
        <v>0</v>
      </c>
      <c r="AP31" s="313">
        <v>0</v>
      </c>
      <c r="AQ31" s="313">
        <v>0</v>
      </c>
      <c r="AR31" s="311">
        <v>0</v>
      </c>
      <c r="AS31" s="315">
        <v>0</v>
      </c>
      <c r="AT31" s="310">
        <v>0</v>
      </c>
      <c r="AU31" s="313">
        <v>0</v>
      </c>
      <c r="AV31" s="311">
        <v>0</v>
      </c>
      <c r="AW31" s="312">
        <v>0</v>
      </c>
      <c r="AX31" s="313">
        <v>0</v>
      </c>
      <c r="AY31" s="313">
        <v>0</v>
      </c>
      <c r="AZ31" s="313">
        <v>0</v>
      </c>
      <c r="BA31" s="313">
        <v>0</v>
      </c>
      <c r="BB31" s="313">
        <v>0</v>
      </c>
      <c r="BC31" s="311">
        <v>0</v>
      </c>
      <c r="BD31" s="315">
        <v>0</v>
      </c>
      <c r="BE31" s="310">
        <v>0</v>
      </c>
      <c r="BF31" s="313">
        <v>0</v>
      </c>
      <c r="BG31" s="311">
        <v>0</v>
      </c>
      <c r="BH31" s="312">
        <v>0</v>
      </c>
      <c r="BI31" s="313">
        <v>0</v>
      </c>
      <c r="BJ31" s="313">
        <v>0</v>
      </c>
      <c r="BK31" s="313">
        <v>0</v>
      </c>
      <c r="BL31" s="313">
        <v>0</v>
      </c>
      <c r="BM31" s="313">
        <v>0</v>
      </c>
      <c r="BN31" s="314">
        <v>0</v>
      </c>
      <c r="BO31" s="315">
        <v>0</v>
      </c>
      <c r="BP31" s="310">
        <v>0</v>
      </c>
      <c r="BQ31" s="313">
        <v>0</v>
      </c>
      <c r="BR31" s="311">
        <v>0</v>
      </c>
      <c r="BS31" s="312">
        <v>0</v>
      </c>
      <c r="BT31" s="313">
        <v>0</v>
      </c>
      <c r="BU31" s="313">
        <v>0</v>
      </c>
      <c r="BV31" s="313">
        <v>0</v>
      </c>
      <c r="BW31" s="313">
        <v>0</v>
      </c>
      <c r="BX31" s="313">
        <v>0</v>
      </c>
      <c r="BY31" s="311">
        <v>0</v>
      </c>
      <c r="BZ31" s="315">
        <v>0</v>
      </c>
      <c r="CA31" s="310">
        <v>0</v>
      </c>
      <c r="CB31" s="313">
        <v>0</v>
      </c>
      <c r="CC31" s="311">
        <v>0</v>
      </c>
      <c r="CD31" s="312">
        <v>0</v>
      </c>
      <c r="CE31" s="313">
        <v>0</v>
      </c>
      <c r="CF31" s="313">
        <v>0</v>
      </c>
      <c r="CG31" s="313">
        <v>0</v>
      </c>
      <c r="CH31" s="313">
        <v>0</v>
      </c>
      <c r="CI31" s="313">
        <v>1</v>
      </c>
      <c r="CJ31" s="311">
        <v>1</v>
      </c>
      <c r="CK31" s="315">
        <v>1</v>
      </c>
      <c r="CL31" s="310">
        <v>0</v>
      </c>
      <c r="CM31" s="313">
        <v>0</v>
      </c>
      <c r="CN31" s="311">
        <v>0</v>
      </c>
      <c r="CO31" s="312">
        <v>0</v>
      </c>
      <c r="CP31" s="313">
        <v>0</v>
      </c>
      <c r="CQ31" s="313">
        <v>0</v>
      </c>
      <c r="CR31" s="313">
        <v>0</v>
      </c>
      <c r="CS31" s="313">
        <v>0</v>
      </c>
      <c r="CT31" s="313">
        <v>0</v>
      </c>
      <c r="CU31" s="311">
        <v>0</v>
      </c>
      <c r="CV31" s="315">
        <v>0</v>
      </c>
    </row>
    <row r="32" spans="1:100" ht="21" customHeight="1" x14ac:dyDescent="0.2">
      <c r="A32" s="297" t="s">
        <v>30</v>
      </c>
      <c r="B32" s="310">
        <v>0</v>
      </c>
      <c r="C32" s="313">
        <v>0</v>
      </c>
      <c r="D32" s="441">
        <v>0</v>
      </c>
      <c r="E32" s="312">
        <v>0</v>
      </c>
      <c r="F32" s="313">
        <v>0</v>
      </c>
      <c r="G32" s="313">
        <v>0</v>
      </c>
      <c r="H32" s="313">
        <v>0</v>
      </c>
      <c r="I32" s="313">
        <v>0</v>
      </c>
      <c r="J32" s="313">
        <v>0</v>
      </c>
      <c r="K32" s="314">
        <v>0</v>
      </c>
      <c r="L32" s="315">
        <v>0</v>
      </c>
      <c r="M32" s="310">
        <v>0</v>
      </c>
      <c r="N32" s="313">
        <v>0</v>
      </c>
      <c r="O32" s="311">
        <v>0</v>
      </c>
      <c r="P32" s="312">
        <v>0</v>
      </c>
      <c r="Q32" s="313">
        <v>0</v>
      </c>
      <c r="R32" s="313">
        <v>0</v>
      </c>
      <c r="S32" s="313">
        <v>0</v>
      </c>
      <c r="T32" s="313">
        <v>0</v>
      </c>
      <c r="U32" s="313">
        <v>0</v>
      </c>
      <c r="V32" s="311">
        <v>0</v>
      </c>
      <c r="W32" s="315">
        <v>0</v>
      </c>
      <c r="X32" s="310">
        <v>0</v>
      </c>
      <c r="Y32" s="313">
        <v>0</v>
      </c>
      <c r="Z32" s="311">
        <v>0</v>
      </c>
      <c r="AA32" s="312">
        <v>0</v>
      </c>
      <c r="AB32" s="313">
        <v>0</v>
      </c>
      <c r="AC32" s="313">
        <v>1</v>
      </c>
      <c r="AD32" s="313">
        <v>0</v>
      </c>
      <c r="AE32" s="313">
        <v>0</v>
      </c>
      <c r="AF32" s="313">
        <v>0</v>
      </c>
      <c r="AG32" s="311">
        <v>1</v>
      </c>
      <c r="AH32" s="315">
        <v>1</v>
      </c>
      <c r="AI32" s="310">
        <v>0</v>
      </c>
      <c r="AJ32" s="313">
        <v>0</v>
      </c>
      <c r="AK32" s="311">
        <v>0</v>
      </c>
      <c r="AL32" s="312">
        <v>0</v>
      </c>
      <c r="AM32" s="313">
        <v>0</v>
      </c>
      <c r="AN32" s="313">
        <v>0</v>
      </c>
      <c r="AO32" s="313">
        <v>0</v>
      </c>
      <c r="AP32" s="313">
        <v>0</v>
      </c>
      <c r="AQ32" s="313">
        <v>0</v>
      </c>
      <c r="AR32" s="311">
        <v>0</v>
      </c>
      <c r="AS32" s="315">
        <v>0</v>
      </c>
      <c r="AT32" s="310">
        <v>0</v>
      </c>
      <c r="AU32" s="313">
        <v>0</v>
      </c>
      <c r="AV32" s="311">
        <v>0</v>
      </c>
      <c r="AW32" s="312">
        <v>0</v>
      </c>
      <c r="AX32" s="313">
        <v>0</v>
      </c>
      <c r="AY32" s="313">
        <v>0</v>
      </c>
      <c r="AZ32" s="313">
        <v>0</v>
      </c>
      <c r="BA32" s="313">
        <v>0</v>
      </c>
      <c r="BB32" s="313">
        <v>0</v>
      </c>
      <c r="BC32" s="311">
        <v>0</v>
      </c>
      <c r="BD32" s="315">
        <v>0</v>
      </c>
      <c r="BE32" s="310">
        <v>0</v>
      </c>
      <c r="BF32" s="313">
        <v>0</v>
      </c>
      <c r="BG32" s="311">
        <v>0</v>
      </c>
      <c r="BH32" s="312">
        <v>0</v>
      </c>
      <c r="BI32" s="313">
        <v>0</v>
      </c>
      <c r="BJ32" s="313">
        <v>1</v>
      </c>
      <c r="BK32" s="313">
        <v>1</v>
      </c>
      <c r="BL32" s="313">
        <v>0</v>
      </c>
      <c r="BM32" s="313">
        <v>0</v>
      </c>
      <c r="BN32" s="314">
        <v>2</v>
      </c>
      <c r="BO32" s="315">
        <v>2</v>
      </c>
      <c r="BP32" s="310">
        <v>0</v>
      </c>
      <c r="BQ32" s="313">
        <v>0</v>
      </c>
      <c r="BR32" s="311">
        <v>0</v>
      </c>
      <c r="BS32" s="312">
        <v>0</v>
      </c>
      <c r="BT32" s="313">
        <v>0</v>
      </c>
      <c r="BU32" s="313">
        <v>0</v>
      </c>
      <c r="BV32" s="313">
        <v>0</v>
      </c>
      <c r="BW32" s="313">
        <v>0</v>
      </c>
      <c r="BX32" s="313">
        <v>0</v>
      </c>
      <c r="BY32" s="311">
        <v>0</v>
      </c>
      <c r="BZ32" s="315">
        <v>0</v>
      </c>
      <c r="CA32" s="310">
        <v>0</v>
      </c>
      <c r="CB32" s="313">
        <v>0</v>
      </c>
      <c r="CC32" s="311">
        <v>0</v>
      </c>
      <c r="CD32" s="312">
        <v>0</v>
      </c>
      <c r="CE32" s="313">
        <v>0</v>
      </c>
      <c r="CF32" s="313">
        <v>0</v>
      </c>
      <c r="CG32" s="313">
        <v>0</v>
      </c>
      <c r="CH32" s="313">
        <v>0</v>
      </c>
      <c r="CI32" s="313">
        <v>0</v>
      </c>
      <c r="CJ32" s="311">
        <v>0</v>
      </c>
      <c r="CK32" s="315">
        <v>0</v>
      </c>
      <c r="CL32" s="310">
        <v>0</v>
      </c>
      <c r="CM32" s="313">
        <v>0</v>
      </c>
      <c r="CN32" s="311">
        <v>0</v>
      </c>
      <c r="CO32" s="312">
        <v>0</v>
      </c>
      <c r="CP32" s="313">
        <v>0</v>
      </c>
      <c r="CQ32" s="313">
        <v>0</v>
      </c>
      <c r="CR32" s="313">
        <v>0</v>
      </c>
      <c r="CS32" s="313">
        <v>0</v>
      </c>
      <c r="CT32" s="313">
        <v>0</v>
      </c>
      <c r="CU32" s="311">
        <v>0</v>
      </c>
      <c r="CV32" s="315">
        <v>0</v>
      </c>
    </row>
    <row r="33" spans="1:100" ht="21" customHeight="1" x14ac:dyDescent="0.2">
      <c r="A33" s="297" t="s">
        <v>31</v>
      </c>
      <c r="B33" s="310">
        <v>0</v>
      </c>
      <c r="C33" s="313">
        <v>0</v>
      </c>
      <c r="D33" s="441">
        <v>0</v>
      </c>
      <c r="E33" s="312">
        <v>0</v>
      </c>
      <c r="F33" s="313">
        <v>0</v>
      </c>
      <c r="G33" s="313">
        <v>0</v>
      </c>
      <c r="H33" s="313">
        <v>0</v>
      </c>
      <c r="I33" s="313">
        <v>0</v>
      </c>
      <c r="J33" s="313">
        <v>0</v>
      </c>
      <c r="K33" s="314">
        <v>0</v>
      </c>
      <c r="L33" s="315">
        <v>0</v>
      </c>
      <c r="M33" s="310">
        <v>0</v>
      </c>
      <c r="N33" s="313">
        <v>0</v>
      </c>
      <c r="O33" s="311">
        <v>0</v>
      </c>
      <c r="P33" s="312">
        <v>0</v>
      </c>
      <c r="Q33" s="313">
        <v>0</v>
      </c>
      <c r="R33" s="313">
        <v>0</v>
      </c>
      <c r="S33" s="313">
        <v>0</v>
      </c>
      <c r="T33" s="313">
        <v>0</v>
      </c>
      <c r="U33" s="313">
        <v>0</v>
      </c>
      <c r="V33" s="311">
        <v>0</v>
      </c>
      <c r="W33" s="315">
        <v>0</v>
      </c>
      <c r="X33" s="310">
        <v>0</v>
      </c>
      <c r="Y33" s="313">
        <v>0</v>
      </c>
      <c r="Z33" s="311">
        <v>0</v>
      </c>
      <c r="AA33" s="312">
        <v>0</v>
      </c>
      <c r="AB33" s="313">
        <v>1</v>
      </c>
      <c r="AC33" s="313">
        <v>1</v>
      </c>
      <c r="AD33" s="313">
        <v>0</v>
      </c>
      <c r="AE33" s="313">
        <v>0</v>
      </c>
      <c r="AF33" s="313">
        <v>0</v>
      </c>
      <c r="AG33" s="311">
        <v>2</v>
      </c>
      <c r="AH33" s="315">
        <v>2</v>
      </c>
      <c r="AI33" s="310">
        <v>0</v>
      </c>
      <c r="AJ33" s="313">
        <v>0</v>
      </c>
      <c r="AK33" s="311">
        <v>0</v>
      </c>
      <c r="AL33" s="312">
        <v>0</v>
      </c>
      <c r="AM33" s="313">
        <v>0</v>
      </c>
      <c r="AN33" s="313">
        <v>0</v>
      </c>
      <c r="AO33" s="313">
        <v>1</v>
      </c>
      <c r="AP33" s="313">
        <v>0</v>
      </c>
      <c r="AQ33" s="313">
        <v>0</v>
      </c>
      <c r="AR33" s="311">
        <v>1</v>
      </c>
      <c r="AS33" s="315">
        <v>1</v>
      </c>
      <c r="AT33" s="310">
        <v>0</v>
      </c>
      <c r="AU33" s="313">
        <v>0</v>
      </c>
      <c r="AV33" s="311">
        <v>0</v>
      </c>
      <c r="AW33" s="312">
        <v>0</v>
      </c>
      <c r="AX33" s="313">
        <v>0</v>
      </c>
      <c r="AY33" s="313">
        <v>1</v>
      </c>
      <c r="AZ33" s="313">
        <v>0</v>
      </c>
      <c r="BA33" s="313">
        <v>0</v>
      </c>
      <c r="BB33" s="313">
        <v>0</v>
      </c>
      <c r="BC33" s="311">
        <v>1</v>
      </c>
      <c r="BD33" s="315">
        <v>1</v>
      </c>
      <c r="BE33" s="310">
        <v>0</v>
      </c>
      <c r="BF33" s="313">
        <v>0</v>
      </c>
      <c r="BG33" s="311">
        <v>0</v>
      </c>
      <c r="BH33" s="312">
        <v>0</v>
      </c>
      <c r="BI33" s="313">
        <v>0</v>
      </c>
      <c r="BJ33" s="313">
        <v>2</v>
      </c>
      <c r="BK33" s="313">
        <v>0</v>
      </c>
      <c r="BL33" s="313">
        <v>1</v>
      </c>
      <c r="BM33" s="313">
        <v>0</v>
      </c>
      <c r="BN33" s="314">
        <v>3</v>
      </c>
      <c r="BO33" s="315">
        <v>3</v>
      </c>
      <c r="BP33" s="310">
        <v>0</v>
      </c>
      <c r="BQ33" s="313">
        <v>0</v>
      </c>
      <c r="BR33" s="311">
        <v>0</v>
      </c>
      <c r="BS33" s="312">
        <v>0</v>
      </c>
      <c r="BT33" s="313">
        <v>0</v>
      </c>
      <c r="BU33" s="313">
        <v>0</v>
      </c>
      <c r="BV33" s="313">
        <v>0</v>
      </c>
      <c r="BW33" s="313">
        <v>0</v>
      </c>
      <c r="BX33" s="313">
        <v>0</v>
      </c>
      <c r="BY33" s="311">
        <v>0</v>
      </c>
      <c r="BZ33" s="315">
        <v>0</v>
      </c>
      <c r="CA33" s="310">
        <v>0</v>
      </c>
      <c r="CB33" s="313">
        <v>0</v>
      </c>
      <c r="CC33" s="311">
        <v>0</v>
      </c>
      <c r="CD33" s="312">
        <v>0</v>
      </c>
      <c r="CE33" s="313">
        <v>0</v>
      </c>
      <c r="CF33" s="313">
        <v>0</v>
      </c>
      <c r="CG33" s="313">
        <v>0</v>
      </c>
      <c r="CH33" s="313">
        <v>0</v>
      </c>
      <c r="CI33" s="313">
        <v>0</v>
      </c>
      <c r="CJ33" s="311">
        <v>0</v>
      </c>
      <c r="CK33" s="315">
        <v>0</v>
      </c>
      <c r="CL33" s="310">
        <v>0</v>
      </c>
      <c r="CM33" s="313">
        <v>0</v>
      </c>
      <c r="CN33" s="311">
        <v>0</v>
      </c>
      <c r="CO33" s="312">
        <v>0</v>
      </c>
      <c r="CP33" s="313">
        <v>0</v>
      </c>
      <c r="CQ33" s="313">
        <v>0</v>
      </c>
      <c r="CR33" s="313">
        <v>0</v>
      </c>
      <c r="CS33" s="313">
        <v>0</v>
      </c>
      <c r="CT33" s="313">
        <v>0</v>
      </c>
      <c r="CU33" s="311">
        <v>0</v>
      </c>
      <c r="CV33" s="315">
        <v>0</v>
      </c>
    </row>
    <row r="34" spans="1:100" ht="21" customHeight="1" x14ac:dyDescent="0.2">
      <c r="A34" s="297" t="s">
        <v>32</v>
      </c>
      <c r="B34" s="310">
        <v>0</v>
      </c>
      <c r="C34" s="313">
        <v>0</v>
      </c>
      <c r="D34" s="441">
        <v>0</v>
      </c>
      <c r="E34" s="312">
        <v>0</v>
      </c>
      <c r="F34" s="313">
        <v>0</v>
      </c>
      <c r="G34" s="313">
        <v>1</v>
      </c>
      <c r="H34" s="313">
        <v>0</v>
      </c>
      <c r="I34" s="313">
        <v>0</v>
      </c>
      <c r="J34" s="313">
        <v>0</v>
      </c>
      <c r="K34" s="314">
        <v>1</v>
      </c>
      <c r="L34" s="315">
        <v>1</v>
      </c>
      <c r="M34" s="310">
        <v>0</v>
      </c>
      <c r="N34" s="313">
        <v>0</v>
      </c>
      <c r="O34" s="311">
        <v>0</v>
      </c>
      <c r="P34" s="312">
        <v>0</v>
      </c>
      <c r="Q34" s="313">
        <v>0</v>
      </c>
      <c r="R34" s="313">
        <v>0</v>
      </c>
      <c r="S34" s="313">
        <v>0</v>
      </c>
      <c r="T34" s="313">
        <v>0</v>
      </c>
      <c r="U34" s="313">
        <v>0</v>
      </c>
      <c r="V34" s="311">
        <v>0</v>
      </c>
      <c r="W34" s="315">
        <v>0</v>
      </c>
      <c r="X34" s="310">
        <v>0</v>
      </c>
      <c r="Y34" s="313">
        <v>0</v>
      </c>
      <c r="Z34" s="311">
        <v>0</v>
      </c>
      <c r="AA34" s="312">
        <v>0</v>
      </c>
      <c r="AB34" s="313">
        <v>3</v>
      </c>
      <c r="AC34" s="313">
        <v>1</v>
      </c>
      <c r="AD34" s="313">
        <v>1</v>
      </c>
      <c r="AE34" s="313">
        <v>1</v>
      </c>
      <c r="AF34" s="313">
        <v>0</v>
      </c>
      <c r="AG34" s="311">
        <v>6</v>
      </c>
      <c r="AH34" s="315">
        <v>6</v>
      </c>
      <c r="AI34" s="310">
        <v>0</v>
      </c>
      <c r="AJ34" s="313">
        <v>0</v>
      </c>
      <c r="AK34" s="311">
        <v>0</v>
      </c>
      <c r="AL34" s="312">
        <v>0</v>
      </c>
      <c r="AM34" s="313">
        <v>1</v>
      </c>
      <c r="AN34" s="313">
        <v>0</v>
      </c>
      <c r="AO34" s="313">
        <v>0</v>
      </c>
      <c r="AP34" s="313">
        <v>0</v>
      </c>
      <c r="AQ34" s="313">
        <v>0</v>
      </c>
      <c r="AR34" s="311">
        <v>1</v>
      </c>
      <c r="AS34" s="315">
        <v>1</v>
      </c>
      <c r="AT34" s="310">
        <v>0</v>
      </c>
      <c r="AU34" s="313">
        <v>0</v>
      </c>
      <c r="AV34" s="311">
        <v>0</v>
      </c>
      <c r="AW34" s="312">
        <v>0</v>
      </c>
      <c r="AX34" s="313">
        <v>0</v>
      </c>
      <c r="AY34" s="313">
        <v>0</v>
      </c>
      <c r="AZ34" s="313">
        <v>0</v>
      </c>
      <c r="BA34" s="313">
        <v>0</v>
      </c>
      <c r="BB34" s="313">
        <v>0</v>
      </c>
      <c r="BC34" s="311">
        <v>0</v>
      </c>
      <c r="BD34" s="315">
        <v>0</v>
      </c>
      <c r="BE34" s="310">
        <v>0</v>
      </c>
      <c r="BF34" s="313">
        <v>0</v>
      </c>
      <c r="BG34" s="311">
        <v>0</v>
      </c>
      <c r="BH34" s="312">
        <v>0</v>
      </c>
      <c r="BI34" s="313">
        <v>0</v>
      </c>
      <c r="BJ34" s="313">
        <v>1</v>
      </c>
      <c r="BK34" s="313">
        <v>1</v>
      </c>
      <c r="BL34" s="313">
        <v>0</v>
      </c>
      <c r="BM34" s="313">
        <v>0</v>
      </c>
      <c r="BN34" s="314">
        <v>2</v>
      </c>
      <c r="BO34" s="315">
        <v>2</v>
      </c>
      <c r="BP34" s="310">
        <v>0</v>
      </c>
      <c r="BQ34" s="313">
        <v>0</v>
      </c>
      <c r="BR34" s="311">
        <v>0</v>
      </c>
      <c r="BS34" s="312">
        <v>0</v>
      </c>
      <c r="BT34" s="313">
        <v>0</v>
      </c>
      <c r="BU34" s="313">
        <v>0</v>
      </c>
      <c r="BV34" s="313">
        <v>0</v>
      </c>
      <c r="BW34" s="313">
        <v>0</v>
      </c>
      <c r="BX34" s="313">
        <v>0</v>
      </c>
      <c r="BY34" s="311">
        <v>0</v>
      </c>
      <c r="BZ34" s="315">
        <v>0</v>
      </c>
      <c r="CA34" s="310">
        <v>0</v>
      </c>
      <c r="CB34" s="313">
        <v>0</v>
      </c>
      <c r="CC34" s="311">
        <v>0</v>
      </c>
      <c r="CD34" s="312">
        <v>0</v>
      </c>
      <c r="CE34" s="313">
        <v>0</v>
      </c>
      <c r="CF34" s="313">
        <v>0</v>
      </c>
      <c r="CG34" s="313">
        <v>1</v>
      </c>
      <c r="CH34" s="313">
        <v>0</v>
      </c>
      <c r="CI34" s="313">
        <v>0</v>
      </c>
      <c r="CJ34" s="311">
        <v>1</v>
      </c>
      <c r="CK34" s="315">
        <v>1</v>
      </c>
      <c r="CL34" s="310">
        <v>0</v>
      </c>
      <c r="CM34" s="313">
        <v>0</v>
      </c>
      <c r="CN34" s="311">
        <v>0</v>
      </c>
      <c r="CO34" s="312">
        <v>0</v>
      </c>
      <c r="CP34" s="313">
        <v>0</v>
      </c>
      <c r="CQ34" s="313">
        <v>0</v>
      </c>
      <c r="CR34" s="313">
        <v>0</v>
      </c>
      <c r="CS34" s="313">
        <v>0</v>
      </c>
      <c r="CT34" s="313">
        <v>0</v>
      </c>
      <c r="CU34" s="311">
        <v>0</v>
      </c>
      <c r="CV34" s="315">
        <v>0</v>
      </c>
    </row>
    <row r="35" spans="1:100" ht="21" customHeight="1" x14ac:dyDescent="0.2">
      <c r="A35" s="297" t="s">
        <v>33</v>
      </c>
      <c r="B35" s="310">
        <v>0</v>
      </c>
      <c r="C35" s="313">
        <v>0</v>
      </c>
      <c r="D35" s="441">
        <v>0</v>
      </c>
      <c r="E35" s="312">
        <v>0</v>
      </c>
      <c r="F35" s="313">
        <v>0</v>
      </c>
      <c r="G35" s="313">
        <v>0</v>
      </c>
      <c r="H35" s="313">
        <v>0</v>
      </c>
      <c r="I35" s="313">
        <v>0</v>
      </c>
      <c r="J35" s="313">
        <v>0</v>
      </c>
      <c r="K35" s="314">
        <v>0</v>
      </c>
      <c r="L35" s="315">
        <v>0</v>
      </c>
      <c r="M35" s="310">
        <v>0</v>
      </c>
      <c r="N35" s="313">
        <v>0</v>
      </c>
      <c r="O35" s="311">
        <v>0</v>
      </c>
      <c r="P35" s="312">
        <v>0</v>
      </c>
      <c r="Q35" s="313">
        <v>0</v>
      </c>
      <c r="R35" s="313">
        <v>0</v>
      </c>
      <c r="S35" s="313">
        <v>0</v>
      </c>
      <c r="T35" s="313">
        <v>0</v>
      </c>
      <c r="U35" s="313">
        <v>0</v>
      </c>
      <c r="V35" s="311">
        <v>0</v>
      </c>
      <c r="W35" s="315">
        <v>0</v>
      </c>
      <c r="X35" s="310">
        <v>0</v>
      </c>
      <c r="Y35" s="313">
        <v>0</v>
      </c>
      <c r="Z35" s="311">
        <v>0</v>
      </c>
      <c r="AA35" s="312">
        <v>0</v>
      </c>
      <c r="AB35" s="313">
        <v>2</v>
      </c>
      <c r="AC35" s="313">
        <v>0</v>
      </c>
      <c r="AD35" s="313">
        <v>0</v>
      </c>
      <c r="AE35" s="313">
        <v>0</v>
      </c>
      <c r="AF35" s="313">
        <v>0</v>
      </c>
      <c r="AG35" s="311">
        <v>2</v>
      </c>
      <c r="AH35" s="315">
        <v>2</v>
      </c>
      <c r="AI35" s="310">
        <v>0</v>
      </c>
      <c r="AJ35" s="313">
        <v>0</v>
      </c>
      <c r="AK35" s="311">
        <v>0</v>
      </c>
      <c r="AL35" s="312">
        <v>0</v>
      </c>
      <c r="AM35" s="313">
        <v>0</v>
      </c>
      <c r="AN35" s="313">
        <v>0</v>
      </c>
      <c r="AO35" s="313">
        <v>0</v>
      </c>
      <c r="AP35" s="313">
        <v>0</v>
      </c>
      <c r="AQ35" s="313">
        <v>0</v>
      </c>
      <c r="AR35" s="311">
        <v>0</v>
      </c>
      <c r="AS35" s="315">
        <v>0</v>
      </c>
      <c r="AT35" s="310">
        <v>0</v>
      </c>
      <c r="AU35" s="313">
        <v>0</v>
      </c>
      <c r="AV35" s="311">
        <v>0</v>
      </c>
      <c r="AW35" s="312">
        <v>0</v>
      </c>
      <c r="AX35" s="313">
        <v>0</v>
      </c>
      <c r="AY35" s="313">
        <v>0</v>
      </c>
      <c r="AZ35" s="313">
        <v>0</v>
      </c>
      <c r="BA35" s="313">
        <v>0</v>
      </c>
      <c r="BB35" s="313">
        <v>0</v>
      </c>
      <c r="BC35" s="311">
        <v>0</v>
      </c>
      <c r="BD35" s="315">
        <v>0</v>
      </c>
      <c r="BE35" s="310">
        <v>0</v>
      </c>
      <c r="BF35" s="313">
        <v>0</v>
      </c>
      <c r="BG35" s="311">
        <v>0</v>
      </c>
      <c r="BH35" s="312">
        <v>0</v>
      </c>
      <c r="BI35" s="313">
        <v>0</v>
      </c>
      <c r="BJ35" s="313">
        <v>0</v>
      </c>
      <c r="BK35" s="313">
        <v>1</v>
      </c>
      <c r="BL35" s="313">
        <v>0</v>
      </c>
      <c r="BM35" s="313">
        <v>0</v>
      </c>
      <c r="BN35" s="314">
        <v>1</v>
      </c>
      <c r="BO35" s="315">
        <v>1</v>
      </c>
      <c r="BP35" s="310">
        <v>0</v>
      </c>
      <c r="BQ35" s="313">
        <v>0</v>
      </c>
      <c r="BR35" s="311">
        <v>0</v>
      </c>
      <c r="BS35" s="312">
        <v>0</v>
      </c>
      <c r="BT35" s="313">
        <v>0</v>
      </c>
      <c r="BU35" s="313">
        <v>0</v>
      </c>
      <c r="BV35" s="313">
        <v>0</v>
      </c>
      <c r="BW35" s="313">
        <v>0</v>
      </c>
      <c r="BX35" s="313">
        <v>0</v>
      </c>
      <c r="BY35" s="311">
        <v>0</v>
      </c>
      <c r="BZ35" s="315">
        <v>0</v>
      </c>
      <c r="CA35" s="310">
        <v>0</v>
      </c>
      <c r="CB35" s="313">
        <v>0</v>
      </c>
      <c r="CC35" s="311">
        <v>0</v>
      </c>
      <c r="CD35" s="312">
        <v>0</v>
      </c>
      <c r="CE35" s="313">
        <v>0</v>
      </c>
      <c r="CF35" s="313">
        <v>0</v>
      </c>
      <c r="CG35" s="313">
        <v>0</v>
      </c>
      <c r="CH35" s="313">
        <v>0</v>
      </c>
      <c r="CI35" s="313">
        <v>0</v>
      </c>
      <c r="CJ35" s="311">
        <v>0</v>
      </c>
      <c r="CK35" s="315">
        <v>0</v>
      </c>
      <c r="CL35" s="310">
        <v>0</v>
      </c>
      <c r="CM35" s="313">
        <v>0</v>
      </c>
      <c r="CN35" s="311">
        <v>0</v>
      </c>
      <c r="CO35" s="312">
        <v>0</v>
      </c>
      <c r="CP35" s="313">
        <v>1</v>
      </c>
      <c r="CQ35" s="313">
        <v>1</v>
      </c>
      <c r="CR35" s="313">
        <v>0</v>
      </c>
      <c r="CS35" s="313">
        <v>0</v>
      </c>
      <c r="CT35" s="313">
        <v>0</v>
      </c>
      <c r="CU35" s="311">
        <v>2</v>
      </c>
      <c r="CV35" s="315">
        <v>2</v>
      </c>
    </row>
    <row r="36" spans="1:100" ht="21" customHeight="1" x14ac:dyDescent="0.2">
      <c r="A36" s="297" t="s">
        <v>34</v>
      </c>
      <c r="B36" s="310">
        <v>0</v>
      </c>
      <c r="C36" s="313">
        <v>0</v>
      </c>
      <c r="D36" s="441">
        <v>0</v>
      </c>
      <c r="E36" s="312">
        <v>0</v>
      </c>
      <c r="F36" s="313">
        <v>0</v>
      </c>
      <c r="G36" s="313">
        <v>0</v>
      </c>
      <c r="H36" s="313">
        <v>0</v>
      </c>
      <c r="I36" s="313">
        <v>0</v>
      </c>
      <c r="J36" s="313">
        <v>0</v>
      </c>
      <c r="K36" s="314">
        <v>0</v>
      </c>
      <c r="L36" s="315">
        <v>0</v>
      </c>
      <c r="M36" s="310">
        <v>0</v>
      </c>
      <c r="N36" s="313">
        <v>0</v>
      </c>
      <c r="O36" s="311">
        <v>0</v>
      </c>
      <c r="P36" s="312">
        <v>0</v>
      </c>
      <c r="Q36" s="313">
        <v>0</v>
      </c>
      <c r="R36" s="313">
        <v>0</v>
      </c>
      <c r="S36" s="313">
        <v>0</v>
      </c>
      <c r="T36" s="313">
        <v>0</v>
      </c>
      <c r="U36" s="313">
        <v>0</v>
      </c>
      <c r="V36" s="311">
        <v>0</v>
      </c>
      <c r="W36" s="315">
        <v>0</v>
      </c>
      <c r="X36" s="310">
        <v>0</v>
      </c>
      <c r="Y36" s="313">
        <v>0</v>
      </c>
      <c r="Z36" s="311">
        <v>0</v>
      </c>
      <c r="AA36" s="312">
        <v>0</v>
      </c>
      <c r="AB36" s="313">
        <v>3</v>
      </c>
      <c r="AC36" s="313">
        <v>0</v>
      </c>
      <c r="AD36" s="313">
        <v>0</v>
      </c>
      <c r="AE36" s="313">
        <v>0</v>
      </c>
      <c r="AF36" s="313">
        <v>0</v>
      </c>
      <c r="AG36" s="311">
        <v>3</v>
      </c>
      <c r="AH36" s="315">
        <v>3</v>
      </c>
      <c r="AI36" s="310">
        <v>0</v>
      </c>
      <c r="AJ36" s="313">
        <v>0</v>
      </c>
      <c r="AK36" s="311">
        <v>0</v>
      </c>
      <c r="AL36" s="312">
        <v>0</v>
      </c>
      <c r="AM36" s="313">
        <v>0</v>
      </c>
      <c r="AN36" s="313">
        <v>0</v>
      </c>
      <c r="AO36" s="313">
        <v>0</v>
      </c>
      <c r="AP36" s="313">
        <v>0</v>
      </c>
      <c r="AQ36" s="313">
        <v>0</v>
      </c>
      <c r="AR36" s="311">
        <v>0</v>
      </c>
      <c r="AS36" s="315">
        <v>0</v>
      </c>
      <c r="AT36" s="310">
        <v>0</v>
      </c>
      <c r="AU36" s="313">
        <v>0</v>
      </c>
      <c r="AV36" s="311">
        <v>0</v>
      </c>
      <c r="AW36" s="312">
        <v>0</v>
      </c>
      <c r="AX36" s="313">
        <v>1</v>
      </c>
      <c r="AY36" s="313">
        <v>0</v>
      </c>
      <c r="AZ36" s="313">
        <v>0</v>
      </c>
      <c r="BA36" s="313">
        <v>0</v>
      </c>
      <c r="BB36" s="313">
        <v>0</v>
      </c>
      <c r="BC36" s="311">
        <v>1</v>
      </c>
      <c r="BD36" s="315">
        <v>1</v>
      </c>
      <c r="BE36" s="310">
        <v>0</v>
      </c>
      <c r="BF36" s="313">
        <v>0</v>
      </c>
      <c r="BG36" s="311">
        <v>0</v>
      </c>
      <c r="BH36" s="312">
        <v>0</v>
      </c>
      <c r="BI36" s="313">
        <v>0</v>
      </c>
      <c r="BJ36" s="313">
        <v>0</v>
      </c>
      <c r="BK36" s="313">
        <v>0</v>
      </c>
      <c r="BL36" s="313">
        <v>0</v>
      </c>
      <c r="BM36" s="313">
        <v>0</v>
      </c>
      <c r="BN36" s="314">
        <v>0</v>
      </c>
      <c r="BO36" s="315">
        <v>0</v>
      </c>
      <c r="BP36" s="310">
        <v>0</v>
      </c>
      <c r="BQ36" s="313">
        <v>0</v>
      </c>
      <c r="BR36" s="311">
        <v>0</v>
      </c>
      <c r="BS36" s="312">
        <v>0</v>
      </c>
      <c r="BT36" s="313">
        <v>0</v>
      </c>
      <c r="BU36" s="313">
        <v>0</v>
      </c>
      <c r="BV36" s="313">
        <v>0</v>
      </c>
      <c r="BW36" s="313">
        <v>0</v>
      </c>
      <c r="BX36" s="313">
        <v>0</v>
      </c>
      <c r="BY36" s="311">
        <v>0</v>
      </c>
      <c r="BZ36" s="315">
        <v>0</v>
      </c>
      <c r="CA36" s="310">
        <v>0</v>
      </c>
      <c r="CB36" s="313">
        <v>0</v>
      </c>
      <c r="CC36" s="311">
        <v>0</v>
      </c>
      <c r="CD36" s="312">
        <v>0</v>
      </c>
      <c r="CE36" s="313">
        <v>0</v>
      </c>
      <c r="CF36" s="313">
        <v>0</v>
      </c>
      <c r="CG36" s="313">
        <v>0</v>
      </c>
      <c r="CH36" s="313">
        <v>0</v>
      </c>
      <c r="CI36" s="313">
        <v>0</v>
      </c>
      <c r="CJ36" s="311">
        <v>0</v>
      </c>
      <c r="CK36" s="315">
        <v>0</v>
      </c>
      <c r="CL36" s="310">
        <v>0</v>
      </c>
      <c r="CM36" s="313">
        <v>0</v>
      </c>
      <c r="CN36" s="311">
        <v>0</v>
      </c>
      <c r="CO36" s="312">
        <v>0</v>
      </c>
      <c r="CP36" s="313">
        <v>1</v>
      </c>
      <c r="CQ36" s="313">
        <v>0</v>
      </c>
      <c r="CR36" s="313">
        <v>1</v>
      </c>
      <c r="CS36" s="313">
        <v>0</v>
      </c>
      <c r="CT36" s="313">
        <v>0</v>
      </c>
      <c r="CU36" s="311">
        <v>2</v>
      </c>
      <c r="CV36" s="315">
        <v>2</v>
      </c>
    </row>
    <row r="37" spans="1:100" ht="21" customHeight="1" x14ac:dyDescent="0.2">
      <c r="A37" s="297" t="s">
        <v>35</v>
      </c>
      <c r="B37" s="310">
        <v>0</v>
      </c>
      <c r="C37" s="313">
        <v>0</v>
      </c>
      <c r="D37" s="441">
        <v>0</v>
      </c>
      <c r="E37" s="312">
        <v>0</v>
      </c>
      <c r="F37" s="313">
        <v>0</v>
      </c>
      <c r="G37" s="313">
        <v>1</v>
      </c>
      <c r="H37" s="313">
        <v>0</v>
      </c>
      <c r="I37" s="313">
        <v>0</v>
      </c>
      <c r="J37" s="313">
        <v>0</v>
      </c>
      <c r="K37" s="314">
        <v>1</v>
      </c>
      <c r="L37" s="315">
        <v>1</v>
      </c>
      <c r="M37" s="310">
        <v>0</v>
      </c>
      <c r="N37" s="313">
        <v>0</v>
      </c>
      <c r="O37" s="311">
        <v>0</v>
      </c>
      <c r="P37" s="312">
        <v>0</v>
      </c>
      <c r="Q37" s="313">
        <v>0</v>
      </c>
      <c r="R37" s="313">
        <v>0</v>
      </c>
      <c r="S37" s="313">
        <v>0</v>
      </c>
      <c r="T37" s="313">
        <v>0</v>
      </c>
      <c r="U37" s="313">
        <v>0</v>
      </c>
      <c r="V37" s="311">
        <v>0</v>
      </c>
      <c r="W37" s="315">
        <v>0</v>
      </c>
      <c r="X37" s="310">
        <v>0</v>
      </c>
      <c r="Y37" s="313">
        <v>0</v>
      </c>
      <c r="Z37" s="311">
        <v>0</v>
      </c>
      <c r="AA37" s="312">
        <v>0</v>
      </c>
      <c r="AB37" s="313">
        <v>0</v>
      </c>
      <c r="AC37" s="313">
        <v>0</v>
      </c>
      <c r="AD37" s="313">
        <v>0</v>
      </c>
      <c r="AE37" s="313">
        <v>0</v>
      </c>
      <c r="AF37" s="313">
        <v>0</v>
      </c>
      <c r="AG37" s="311">
        <v>0</v>
      </c>
      <c r="AH37" s="315">
        <v>0</v>
      </c>
      <c r="AI37" s="310">
        <v>0</v>
      </c>
      <c r="AJ37" s="313">
        <v>0</v>
      </c>
      <c r="AK37" s="311">
        <v>0</v>
      </c>
      <c r="AL37" s="312">
        <v>0</v>
      </c>
      <c r="AM37" s="313">
        <v>0</v>
      </c>
      <c r="AN37" s="313">
        <v>0</v>
      </c>
      <c r="AO37" s="313">
        <v>0</v>
      </c>
      <c r="AP37" s="313">
        <v>0</v>
      </c>
      <c r="AQ37" s="313">
        <v>0</v>
      </c>
      <c r="AR37" s="311">
        <v>0</v>
      </c>
      <c r="AS37" s="315">
        <v>0</v>
      </c>
      <c r="AT37" s="310">
        <v>0</v>
      </c>
      <c r="AU37" s="313">
        <v>0</v>
      </c>
      <c r="AV37" s="311">
        <v>0</v>
      </c>
      <c r="AW37" s="312">
        <v>0</v>
      </c>
      <c r="AX37" s="313">
        <v>1</v>
      </c>
      <c r="AY37" s="313">
        <v>0</v>
      </c>
      <c r="AZ37" s="313">
        <v>0</v>
      </c>
      <c r="BA37" s="313">
        <v>0</v>
      </c>
      <c r="BB37" s="313">
        <v>0</v>
      </c>
      <c r="BC37" s="311">
        <v>1</v>
      </c>
      <c r="BD37" s="315">
        <v>1</v>
      </c>
      <c r="BE37" s="310">
        <v>0</v>
      </c>
      <c r="BF37" s="313">
        <v>0</v>
      </c>
      <c r="BG37" s="311">
        <v>0</v>
      </c>
      <c r="BH37" s="312">
        <v>0</v>
      </c>
      <c r="BI37" s="313">
        <v>0</v>
      </c>
      <c r="BJ37" s="313">
        <v>1</v>
      </c>
      <c r="BK37" s="313">
        <v>0</v>
      </c>
      <c r="BL37" s="313">
        <v>0</v>
      </c>
      <c r="BM37" s="313">
        <v>0</v>
      </c>
      <c r="BN37" s="314">
        <v>1</v>
      </c>
      <c r="BO37" s="315">
        <v>1</v>
      </c>
      <c r="BP37" s="310">
        <v>0</v>
      </c>
      <c r="BQ37" s="313">
        <v>0</v>
      </c>
      <c r="BR37" s="311">
        <v>0</v>
      </c>
      <c r="BS37" s="312">
        <v>0</v>
      </c>
      <c r="BT37" s="313">
        <v>0</v>
      </c>
      <c r="BU37" s="313">
        <v>0</v>
      </c>
      <c r="BV37" s="313">
        <v>0</v>
      </c>
      <c r="BW37" s="313">
        <v>0</v>
      </c>
      <c r="BX37" s="313">
        <v>0</v>
      </c>
      <c r="BY37" s="311">
        <v>0</v>
      </c>
      <c r="BZ37" s="315">
        <v>0</v>
      </c>
      <c r="CA37" s="310">
        <v>0</v>
      </c>
      <c r="CB37" s="313">
        <v>0</v>
      </c>
      <c r="CC37" s="311">
        <v>0</v>
      </c>
      <c r="CD37" s="312">
        <v>0</v>
      </c>
      <c r="CE37" s="313">
        <v>0</v>
      </c>
      <c r="CF37" s="313">
        <v>0</v>
      </c>
      <c r="CG37" s="313">
        <v>0</v>
      </c>
      <c r="CH37" s="313">
        <v>0</v>
      </c>
      <c r="CI37" s="313">
        <v>0</v>
      </c>
      <c r="CJ37" s="311">
        <v>0</v>
      </c>
      <c r="CK37" s="315">
        <v>0</v>
      </c>
      <c r="CL37" s="310">
        <v>0</v>
      </c>
      <c r="CM37" s="313">
        <v>0</v>
      </c>
      <c r="CN37" s="311">
        <v>0</v>
      </c>
      <c r="CO37" s="312">
        <v>0</v>
      </c>
      <c r="CP37" s="313">
        <v>0</v>
      </c>
      <c r="CQ37" s="313">
        <v>0</v>
      </c>
      <c r="CR37" s="313">
        <v>0</v>
      </c>
      <c r="CS37" s="313">
        <v>0</v>
      </c>
      <c r="CT37" s="313">
        <v>0</v>
      </c>
      <c r="CU37" s="311">
        <v>0</v>
      </c>
      <c r="CV37" s="315">
        <v>0</v>
      </c>
    </row>
    <row r="38" spans="1:100" ht="21" customHeight="1" x14ac:dyDescent="0.2">
      <c r="A38" s="297" t="s">
        <v>36</v>
      </c>
      <c r="B38" s="310">
        <v>0</v>
      </c>
      <c r="C38" s="313">
        <v>0</v>
      </c>
      <c r="D38" s="441">
        <v>0</v>
      </c>
      <c r="E38" s="312">
        <v>0</v>
      </c>
      <c r="F38" s="313">
        <v>0</v>
      </c>
      <c r="G38" s="313">
        <v>0</v>
      </c>
      <c r="H38" s="313">
        <v>0</v>
      </c>
      <c r="I38" s="313">
        <v>0</v>
      </c>
      <c r="J38" s="313">
        <v>0</v>
      </c>
      <c r="K38" s="314">
        <v>0</v>
      </c>
      <c r="L38" s="315">
        <v>0</v>
      </c>
      <c r="M38" s="310">
        <v>0</v>
      </c>
      <c r="N38" s="313">
        <v>0</v>
      </c>
      <c r="O38" s="311">
        <v>0</v>
      </c>
      <c r="P38" s="312">
        <v>0</v>
      </c>
      <c r="Q38" s="313">
        <v>0</v>
      </c>
      <c r="R38" s="313">
        <v>0</v>
      </c>
      <c r="S38" s="313">
        <v>0</v>
      </c>
      <c r="T38" s="313">
        <v>0</v>
      </c>
      <c r="U38" s="313">
        <v>0</v>
      </c>
      <c r="V38" s="311">
        <v>0</v>
      </c>
      <c r="W38" s="315">
        <v>0</v>
      </c>
      <c r="X38" s="310">
        <v>0</v>
      </c>
      <c r="Y38" s="313">
        <v>0</v>
      </c>
      <c r="Z38" s="311">
        <v>0</v>
      </c>
      <c r="AA38" s="312">
        <v>0</v>
      </c>
      <c r="AB38" s="313">
        <v>3</v>
      </c>
      <c r="AC38" s="313">
        <v>1</v>
      </c>
      <c r="AD38" s="313">
        <v>0</v>
      </c>
      <c r="AE38" s="313">
        <v>0</v>
      </c>
      <c r="AF38" s="313">
        <v>1</v>
      </c>
      <c r="AG38" s="311">
        <v>5</v>
      </c>
      <c r="AH38" s="315">
        <v>5</v>
      </c>
      <c r="AI38" s="310">
        <v>0</v>
      </c>
      <c r="AJ38" s="313">
        <v>0</v>
      </c>
      <c r="AK38" s="311">
        <v>0</v>
      </c>
      <c r="AL38" s="312">
        <v>0</v>
      </c>
      <c r="AM38" s="313">
        <v>0</v>
      </c>
      <c r="AN38" s="313">
        <v>0</v>
      </c>
      <c r="AO38" s="313">
        <v>0</v>
      </c>
      <c r="AP38" s="313">
        <v>0</v>
      </c>
      <c r="AQ38" s="313">
        <v>0</v>
      </c>
      <c r="AR38" s="311">
        <v>0</v>
      </c>
      <c r="AS38" s="315">
        <v>0</v>
      </c>
      <c r="AT38" s="310">
        <v>0</v>
      </c>
      <c r="AU38" s="313">
        <v>0</v>
      </c>
      <c r="AV38" s="311">
        <v>0</v>
      </c>
      <c r="AW38" s="312">
        <v>0</v>
      </c>
      <c r="AX38" s="313">
        <v>0</v>
      </c>
      <c r="AY38" s="313">
        <v>0</v>
      </c>
      <c r="AZ38" s="313">
        <v>0</v>
      </c>
      <c r="BA38" s="313">
        <v>1</v>
      </c>
      <c r="BB38" s="313">
        <v>0</v>
      </c>
      <c r="BC38" s="311">
        <v>1</v>
      </c>
      <c r="BD38" s="315">
        <v>1</v>
      </c>
      <c r="BE38" s="310">
        <v>0</v>
      </c>
      <c r="BF38" s="313">
        <v>0</v>
      </c>
      <c r="BG38" s="311">
        <v>0</v>
      </c>
      <c r="BH38" s="312">
        <v>0</v>
      </c>
      <c r="BI38" s="313">
        <v>0</v>
      </c>
      <c r="BJ38" s="313">
        <v>0</v>
      </c>
      <c r="BK38" s="313">
        <v>2</v>
      </c>
      <c r="BL38" s="313">
        <v>0</v>
      </c>
      <c r="BM38" s="313">
        <v>0</v>
      </c>
      <c r="BN38" s="314">
        <v>2</v>
      </c>
      <c r="BO38" s="315">
        <v>2</v>
      </c>
      <c r="BP38" s="310">
        <v>0</v>
      </c>
      <c r="BQ38" s="313">
        <v>0</v>
      </c>
      <c r="BR38" s="311">
        <v>0</v>
      </c>
      <c r="BS38" s="312">
        <v>0</v>
      </c>
      <c r="BT38" s="313">
        <v>0</v>
      </c>
      <c r="BU38" s="313">
        <v>0</v>
      </c>
      <c r="BV38" s="313">
        <v>0</v>
      </c>
      <c r="BW38" s="313">
        <v>0</v>
      </c>
      <c r="BX38" s="313">
        <v>0</v>
      </c>
      <c r="BY38" s="311">
        <v>0</v>
      </c>
      <c r="BZ38" s="315">
        <v>0</v>
      </c>
      <c r="CA38" s="310">
        <v>0</v>
      </c>
      <c r="CB38" s="313">
        <v>0</v>
      </c>
      <c r="CC38" s="311">
        <v>0</v>
      </c>
      <c r="CD38" s="312">
        <v>0</v>
      </c>
      <c r="CE38" s="313">
        <v>0</v>
      </c>
      <c r="CF38" s="313">
        <v>0</v>
      </c>
      <c r="CG38" s="313">
        <v>0</v>
      </c>
      <c r="CH38" s="313">
        <v>0</v>
      </c>
      <c r="CI38" s="313">
        <v>0</v>
      </c>
      <c r="CJ38" s="311">
        <v>0</v>
      </c>
      <c r="CK38" s="315">
        <v>0</v>
      </c>
      <c r="CL38" s="310">
        <v>0</v>
      </c>
      <c r="CM38" s="313">
        <v>0</v>
      </c>
      <c r="CN38" s="311">
        <v>0</v>
      </c>
      <c r="CO38" s="312">
        <v>0</v>
      </c>
      <c r="CP38" s="313">
        <v>0</v>
      </c>
      <c r="CQ38" s="313">
        <v>0</v>
      </c>
      <c r="CR38" s="313">
        <v>0</v>
      </c>
      <c r="CS38" s="313">
        <v>0</v>
      </c>
      <c r="CT38" s="313">
        <v>0</v>
      </c>
      <c r="CU38" s="311">
        <v>0</v>
      </c>
      <c r="CV38" s="315">
        <v>0</v>
      </c>
    </row>
    <row r="39" spans="1:100" ht="21" customHeight="1" thickBot="1" x14ac:dyDescent="0.25">
      <c r="A39" s="298" t="s">
        <v>37</v>
      </c>
      <c r="B39" s="316">
        <v>0</v>
      </c>
      <c r="C39" s="319">
        <v>0</v>
      </c>
      <c r="D39" s="442">
        <v>0</v>
      </c>
      <c r="E39" s="318">
        <v>0</v>
      </c>
      <c r="F39" s="319">
        <v>0</v>
      </c>
      <c r="G39" s="319">
        <v>0</v>
      </c>
      <c r="H39" s="319">
        <v>0</v>
      </c>
      <c r="I39" s="319">
        <v>0</v>
      </c>
      <c r="J39" s="319">
        <v>0</v>
      </c>
      <c r="K39" s="320">
        <v>0</v>
      </c>
      <c r="L39" s="321">
        <v>0</v>
      </c>
      <c r="M39" s="316">
        <v>0</v>
      </c>
      <c r="N39" s="319">
        <v>0</v>
      </c>
      <c r="O39" s="317">
        <v>0</v>
      </c>
      <c r="P39" s="318">
        <v>0</v>
      </c>
      <c r="Q39" s="319">
        <v>0</v>
      </c>
      <c r="R39" s="319">
        <v>0</v>
      </c>
      <c r="S39" s="319">
        <v>0</v>
      </c>
      <c r="T39" s="319">
        <v>0</v>
      </c>
      <c r="U39" s="319">
        <v>0</v>
      </c>
      <c r="V39" s="317">
        <v>0</v>
      </c>
      <c r="W39" s="321">
        <v>0</v>
      </c>
      <c r="X39" s="316">
        <v>0</v>
      </c>
      <c r="Y39" s="319">
        <v>0</v>
      </c>
      <c r="Z39" s="317">
        <v>0</v>
      </c>
      <c r="AA39" s="318">
        <v>0</v>
      </c>
      <c r="AB39" s="319">
        <v>0</v>
      </c>
      <c r="AC39" s="319">
        <v>0</v>
      </c>
      <c r="AD39" s="319">
        <v>0</v>
      </c>
      <c r="AE39" s="319">
        <v>0</v>
      </c>
      <c r="AF39" s="319">
        <v>0</v>
      </c>
      <c r="AG39" s="317">
        <v>0</v>
      </c>
      <c r="AH39" s="321">
        <v>0</v>
      </c>
      <c r="AI39" s="316">
        <v>0</v>
      </c>
      <c r="AJ39" s="319">
        <v>0</v>
      </c>
      <c r="AK39" s="317">
        <v>0</v>
      </c>
      <c r="AL39" s="318">
        <v>0</v>
      </c>
      <c r="AM39" s="319">
        <v>0</v>
      </c>
      <c r="AN39" s="319">
        <v>0</v>
      </c>
      <c r="AO39" s="319">
        <v>0</v>
      </c>
      <c r="AP39" s="319">
        <v>0</v>
      </c>
      <c r="AQ39" s="319">
        <v>0</v>
      </c>
      <c r="AR39" s="317">
        <v>0</v>
      </c>
      <c r="AS39" s="321">
        <v>0</v>
      </c>
      <c r="AT39" s="316">
        <v>0</v>
      </c>
      <c r="AU39" s="319">
        <v>0</v>
      </c>
      <c r="AV39" s="317">
        <v>0</v>
      </c>
      <c r="AW39" s="318">
        <v>0</v>
      </c>
      <c r="AX39" s="319">
        <v>0</v>
      </c>
      <c r="AY39" s="319">
        <v>0</v>
      </c>
      <c r="AZ39" s="319">
        <v>0</v>
      </c>
      <c r="BA39" s="319">
        <v>0</v>
      </c>
      <c r="BB39" s="319">
        <v>0</v>
      </c>
      <c r="BC39" s="317">
        <v>0</v>
      </c>
      <c r="BD39" s="321">
        <v>0</v>
      </c>
      <c r="BE39" s="316">
        <v>0</v>
      </c>
      <c r="BF39" s="319">
        <v>0</v>
      </c>
      <c r="BG39" s="317">
        <v>0</v>
      </c>
      <c r="BH39" s="318">
        <v>0</v>
      </c>
      <c r="BI39" s="319">
        <v>0</v>
      </c>
      <c r="BJ39" s="319">
        <v>0</v>
      </c>
      <c r="BK39" s="319">
        <v>0</v>
      </c>
      <c r="BL39" s="319">
        <v>0</v>
      </c>
      <c r="BM39" s="319">
        <v>0</v>
      </c>
      <c r="BN39" s="320">
        <v>0</v>
      </c>
      <c r="BO39" s="321">
        <v>0</v>
      </c>
      <c r="BP39" s="316">
        <v>0</v>
      </c>
      <c r="BQ39" s="319">
        <v>0</v>
      </c>
      <c r="BR39" s="317">
        <v>0</v>
      </c>
      <c r="BS39" s="318">
        <v>0</v>
      </c>
      <c r="BT39" s="319">
        <v>0</v>
      </c>
      <c r="BU39" s="319">
        <v>0</v>
      </c>
      <c r="BV39" s="319">
        <v>0</v>
      </c>
      <c r="BW39" s="319">
        <v>0</v>
      </c>
      <c r="BX39" s="319">
        <v>0</v>
      </c>
      <c r="BY39" s="317">
        <v>0</v>
      </c>
      <c r="BZ39" s="321">
        <v>0</v>
      </c>
      <c r="CA39" s="316">
        <v>0</v>
      </c>
      <c r="CB39" s="319">
        <v>0</v>
      </c>
      <c r="CC39" s="317">
        <v>0</v>
      </c>
      <c r="CD39" s="318">
        <v>0</v>
      </c>
      <c r="CE39" s="319">
        <v>0</v>
      </c>
      <c r="CF39" s="319">
        <v>0</v>
      </c>
      <c r="CG39" s="319">
        <v>0</v>
      </c>
      <c r="CH39" s="319">
        <v>0</v>
      </c>
      <c r="CI39" s="319">
        <v>0</v>
      </c>
      <c r="CJ39" s="317">
        <v>0</v>
      </c>
      <c r="CK39" s="321">
        <v>0</v>
      </c>
      <c r="CL39" s="316">
        <v>0</v>
      </c>
      <c r="CM39" s="319">
        <v>0</v>
      </c>
      <c r="CN39" s="317">
        <v>0</v>
      </c>
      <c r="CO39" s="318">
        <v>0</v>
      </c>
      <c r="CP39" s="319">
        <v>0</v>
      </c>
      <c r="CQ39" s="319">
        <v>0</v>
      </c>
      <c r="CR39" s="319">
        <v>0</v>
      </c>
      <c r="CS39" s="319">
        <v>0</v>
      </c>
      <c r="CT39" s="319">
        <v>0</v>
      </c>
      <c r="CU39" s="317">
        <v>0</v>
      </c>
      <c r="CV39" s="321">
        <v>0</v>
      </c>
    </row>
  </sheetData>
  <mergeCells count="39">
    <mergeCell ref="CL3:CV3"/>
    <mergeCell ref="CL4:CN4"/>
    <mergeCell ref="CO4:CU4"/>
    <mergeCell ref="CD4:CJ4"/>
    <mergeCell ref="BE4:BG4"/>
    <mergeCell ref="BH4:BN4"/>
    <mergeCell ref="BP4:BR4"/>
    <mergeCell ref="BS4:BY4"/>
    <mergeCell ref="CA3:CK3"/>
    <mergeCell ref="CK4:CK5"/>
    <mergeCell ref="CV4:CV5"/>
    <mergeCell ref="AT4:AV4"/>
    <mergeCell ref="AI4:AK4"/>
    <mergeCell ref="AW4:BC4"/>
    <mergeCell ref="CA4:CC4"/>
    <mergeCell ref="AT3:BD3"/>
    <mergeCell ref="BD4:BD5"/>
    <mergeCell ref="BE3:BO3"/>
    <mergeCell ref="BO4:BO5"/>
    <mergeCell ref="BP3:BZ3"/>
    <mergeCell ref="BZ4:BZ5"/>
    <mergeCell ref="H1:I1"/>
    <mergeCell ref="K1:L1"/>
    <mergeCell ref="A3:A5"/>
    <mergeCell ref="B3:L3"/>
    <mergeCell ref="M3:W3"/>
    <mergeCell ref="W4:W5"/>
    <mergeCell ref="B4:D4"/>
    <mergeCell ref="E4:K4"/>
    <mergeCell ref="L4:L5"/>
    <mergeCell ref="M4:O4"/>
    <mergeCell ref="P4:V4"/>
    <mergeCell ref="X3:AH3"/>
    <mergeCell ref="X4:Z4"/>
    <mergeCell ref="AA4:AG4"/>
    <mergeCell ref="AH4:AH5"/>
    <mergeCell ref="AI3:AS3"/>
    <mergeCell ref="AL4:AR4"/>
    <mergeCell ref="AS4:AS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1"/>
    <col min="4" max="4" width="10.33203125" style="291" customWidth="1"/>
    <col min="5" max="5" width="7.6640625" style="291" customWidth="1"/>
    <col min="6" max="6" width="8.44140625" style="291" customWidth="1"/>
    <col min="7" max="7" width="8.77734375" style="291" customWidth="1"/>
    <col min="8" max="15" width="9" style="291"/>
    <col min="16" max="16" width="7.21875" style="291" customWidth="1"/>
    <col min="17" max="26" width="9" style="291"/>
    <col min="27" max="27" width="7.6640625" style="291" customWidth="1"/>
    <col min="28" max="37" width="9" style="291"/>
    <col min="38" max="38" width="7.6640625" style="291" customWidth="1"/>
    <col min="39" max="48" width="9" style="291"/>
    <col min="49" max="49" width="7.6640625" style="291" customWidth="1"/>
    <col min="50" max="59" width="9" style="291"/>
    <col min="60" max="60" width="7.21875" style="291" customWidth="1"/>
    <col min="61" max="70" width="9" style="291"/>
    <col min="71" max="71" width="7.21875" style="291" customWidth="1"/>
    <col min="72" max="81" width="9" style="291"/>
    <col min="82" max="82" width="7.33203125" style="291" customWidth="1"/>
    <col min="83" max="92" width="9" style="291"/>
    <col min="93" max="93" width="7.44140625" style="291" customWidth="1"/>
    <col min="94" max="16384" width="9" style="291"/>
  </cols>
  <sheetData>
    <row r="1" spans="1:100" ht="22.5" customHeight="1" x14ac:dyDescent="0.2">
      <c r="A1" s="322" t="s">
        <v>124</v>
      </c>
      <c r="H1" s="470">
        <f>第１表!F2</f>
        <v>4</v>
      </c>
      <c r="I1" s="470"/>
      <c r="J1" s="283">
        <f>第１表!G2</f>
        <v>2</v>
      </c>
      <c r="K1" s="471">
        <f>IF(J1&lt;3,J1+12-2,J1-2)</f>
        <v>12</v>
      </c>
      <c r="L1" s="471"/>
    </row>
    <row r="2" spans="1:100" s="323" customFormat="1" ht="21" customHeight="1" thickBot="1" x14ac:dyDescent="0.25">
      <c r="A2" s="322" t="s">
        <v>155</v>
      </c>
    </row>
    <row r="3" spans="1:100" ht="23.25" customHeight="1" thickBot="1" x14ac:dyDescent="0.25">
      <c r="A3" s="484"/>
      <c r="B3" s="475" t="s">
        <v>94</v>
      </c>
      <c r="C3" s="476"/>
      <c r="D3" s="476"/>
      <c r="E3" s="476"/>
      <c r="F3" s="476"/>
      <c r="G3" s="476"/>
      <c r="H3" s="476"/>
      <c r="I3" s="476"/>
      <c r="J3" s="476"/>
      <c r="K3" s="476"/>
      <c r="L3" s="477"/>
      <c r="M3" s="475" t="s">
        <v>88</v>
      </c>
      <c r="N3" s="476"/>
      <c r="O3" s="476"/>
      <c r="P3" s="476"/>
      <c r="Q3" s="476"/>
      <c r="R3" s="476"/>
      <c r="S3" s="476"/>
      <c r="T3" s="476"/>
      <c r="U3" s="476"/>
      <c r="V3" s="476"/>
      <c r="W3" s="477"/>
      <c r="X3" s="475" t="s">
        <v>142</v>
      </c>
      <c r="Y3" s="476"/>
      <c r="Z3" s="476"/>
      <c r="AA3" s="476"/>
      <c r="AB3" s="476"/>
      <c r="AC3" s="476"/>
      <c r="AD3" s="476"/>
      <c r="AE3" s="476"/>
      <c r="AF3" s="476"/>
      <c r="AG3" s="476"/>
      <c r="AH3" s="477"/>
      <c r="AI3" s="475" t="s">
        <v>90</v>
      </c>
      <c r="AJ3" s="476"/>
      <c r="AK3" s="476"/>
      <c r="AL3" s="476"/>
      <c r="AM3" s="476"/>
      <c r="AN3" s="476"/>
      <c r="AO3" s="476"/>
      <c r="AP3" s="476"/>
      <c r="AQ3" s="476"/>
      <c r="AR3" s="476"/>
      <c r="AS3" s="477"/>
      <c r="AT3" s="488" t="s">
        <v>89</v>
      </c>
      <c r="AU3" s="489"/>
      <c r="AV3" s="489"/>
      <c r="AW3" s="489"/>
      <c r="AX3" s="489"/>
      <c r="AY3" s="489"/>
      <c r="AZ3" s="489"/>
      <c r="BA3" s="489"/>
      <c r="BB3" s="489"/>
      <c r="BC3" s="489"/>
      <c r="BD3" s="490"/>
      <c r="BE3" s="488" t="s">
        <v>91</v>
      </c>
      <c r="BF3" s="489"/>
      <c r="BG3" s="489"/>
      <c r="BH3" s="489"/>
      <c r="BI3" s="489"/>
      <c r="BJ3" s="489"/>
      <c r="BK3" s="489"/>
      <c r="BL3" s="489"/>
      <c r="BM3" s="489"/>
      <c r="BN3" s="489"/>
      <c r="BO3" s="490"/>
      <c r="BP3" s="488" t="s">
        <v>92</v>
      </c>
      <c r="BQ3" s="489"/>
      <c r="BR3" s="489"/>
      <c r="BS3" s="489"/>
      <c r="BT3" s="489"/>
      <c r="BU3" s="489"/>
      <c r="BV3" s="489"/>
      <c r="BW3" s="489"/>
      <c r="BX3" s="489"/>
      <c r="BY3" s="489"/>
      <c r="BZ3" s="490"/>
      <c r="CA3" s="488" t="s">
        <v>93</v>
      </c>
      <c r="CB3" s="489"/>
      <c r="CC3" s="489"/>
      <c r="CD3" s="489"/>
      <c r="CE3" s="489"/>
      <c r="CF3" s="489"/>
      <c r="CG3" s="489"/>
      <c r="CH3" s="489"/>
      <c r="CI3" s="489"/>
      <c r="CJ3" s="489"/>
      <c r="CK3" s="490"/>
      <c r="CL3" s="489" t="s">
        <v>141</v>
      </c>
      <c r="CM3" s="489"/>
      <c r="CN3" s="489"/>
      <c r="CO3" s="489"/>
      <c r="CP3" s="489"/>
      <c r="CQ3" s="489"/>
      <c r="CR3" s="489"/>
      <c r="CS3" s="489"/>
      <c r="CT3" s="489"/>
      <c r="CU3" s="489"/>
      <c r="CV3" s="490"/>
    </row>
    <row r="4" spans="1:100" ht="22.5" customHeight="1" x14ac:dyDescent="0.2">
      <c r="A4" s="485"/>
      <c r="B4" s="483" t="s">
        <v>61</v>
      </c>
      <c r="C4" s="479"/>
      <c r="D4" s="480"/>
      <c r="E4" s="478" t="s">
        <v>62</v>
      </c>
      <c r="F4" s="479"/>
      <c r="G4" s="479"/>
      <c r="H4" s="479"/>
      <c r="I4" s="479"/>
      <c r="J4" s="479"/>
      <c r="K4" s="487"/>
      <c r="L4" s="481" t="s">
        <v>52</v>
      </c>
      <c r="M4" s="483" t="s">
        <v>61</v>
      </c>
      <c r="N4" s="479"/>
      <c r="O4" s="480"/>
      <c r="P4" s="478" t="s">
        <v>62</v>
      </c>
      <c r="Q4" s="479"/>
      <c r="R4" s="479"/>
      <c r="S4" s="479"/>
      <c r="T4" s="479"/>
      <c r="U4" s="479"/>
      <c r="V4" s="480"/>
      <c r="W4" s="481" t="s">
        <v>52</v>
      </c>
      <c r="X4" s="483" t="s">
        <v>61</v>
      </c>
      <c r="Y4" s="479"/>
      <c r="Z4" s="480"/>
      <c r="AA4" s="478" t="s">
        <v>62</v>
      </c>
      <c r="AB4" s="479"/>
      <c r="AC4" s="479"/>
      <c r="AD4" s="479"/>
      <c r="AE4" s="479"/>
      <c r="AF4" s="479"/>
      <c r="AG4" s="480"/>
      <c r="AH4" s="481" t="s">
        <v>52</v>
      </c>
      <c r="AI4" s="483" t="s">
        <v>61</v>
      </c>
      <c r="AJ4" s="479"/>
      <c r="AK4" s="480"/>
      <c r="AL4" s="478" t="s">
        <v>62</v>
      </c>
      <c r="AM4" s="479"/>
      <c r="AN4" s="479"/>
      <c r="AO4" s="479"/>
      <c r="AP4" s="479"/>
      <c r="AQ4" s="479"/>
      <c r="AR4" s="480"/>
      <c r="AS4" s="481" t="s">
        <v>52</v>
      </c>
      <c r="AT4" s="506" t="s">
        <v>61</v>
      </c>
      <c r="AU4" s="504"/>
      <c r="AV4" s="505"/>
      <c r="AW4" s="503" t="s">
        <v>62</v>
      </c>
      <c r="AX4" s="504"/>
      <c r="AY4" s="504"/>
      <c r="AZ4" s="504"/>
      <c r="BA4" s="504"/>
      <c r="BB4" s="504"/>
      <c r="BC4" s="505"/>
      <c r="BD4" s="501" t="s">
        <v>52</v>
      </c>
      <c r="BE4" s="506" t="s">
        <v>61</v>
      </c>
      <c r="BF4" s="504"/>
      <c r="BG4" s="505"/>
      <c r="BH4" s="503" t="s">
        <v>62</v>
      </c>
      <c r="BI4" s="504"/>
      <c r="BJ4" s="504"/>
      <c r="BK4" s="504"/>
      <c r="BL4" s="504"/>
      <c r="BM4" s="504"/>
      <c r="BN4" s="505"/>
      <c r="BO4" s="501" t="s">
        <v>52</v>
      </c>
      <c r="BP4" s="506" t="s">
        <v>61</v>
      </c>
      <c r="BQ4" s="504"/>
      <c r="BR4" s="505"/>
      <c r="BS4" s="503" t="s">
        <v>62</v>
      </c>
      <c r="BT4" s="504"/>
      <c r="BU4" s="504"/>
      <c r="BV4" s="504"/>
      <c r="BW4" s="504"/>
      <c r="BX4" s="504"/>
      <c r="BY4" s="505"/>
      <c r="BZ4" s="501" t="s">
        <v>52</v>
      </c>
      <c r="CA4" s="506" t="s">
        <v>61</v>
      </c>
      <c r="CB4" s="504"/>
      <c r="CC4" s="505"/>
      <c r="CD4" s="503" t="s">
        <v>62</v>
      </c>
      <c r="CE4" s="504"/>
      <c r="CF4" s="504"/>
      <c r="CG4" s="504"/>
      <c r="CH4" s="504"/>
      <c r="CI4" s="504"/>
      <c r="CJ4" s="505"/>
      <c r="CK4" s="501" t="s">
        <v>52</v>
      </c>
      <c r="CL4" s="506" t="s">
        <v>61</v>
      </c>
      <c r="CM4" s="504"/>
      <c r="CN4" s="505"/>
      <c r="CO4" s="503" t="s">
        <v>62</v>
      </c>
      <c r="CP4" s="504"/>
      <c r="CQ4" s="504"/>
      <c r="CR4" s="504"/>
      <c r="CS4" s="504"/>
      <c r="CT4" s="504"/>
      <c r="CU4" s="505"/>
      <c r="CV4" s="501" t="s">
        <v>52</v>
      </c>
    </row>
    <row r="5" spans="1:100" ht="34.5" customHeight="1" thickBot="1" x14ac:dyDescent="0.25">
      <c r="A5" s="486"/>
      <c r="B5" s="390" t="s">
        <v>43</v>
      </c>
      <c r="C5" s="295" t="s">
        <v>44</v>
      </c>
      <c r="D5" s="439" t="s">
        <v>45</v>
      </c>
      <c r="E5" s="302" t="s">
        <v>83</v>
      </c>
      <c r="F5" s="295" t="s">
        <v>47</v>
      </c>
      <c r="G5" s="295" t="s">
        <v>48</v>
      </c>
      <c r="H5" s="295" t="s">
        <v>49</v>
      </c>
      <c r="I5" s="295" t="s">
        <v>50</v>
      </c>
      <c r="J5" s="295" t="s">
        <v>51</v>
      </c>
      <c r="K5" s="303" t="s">
        <v>45</v>
      </c>
      <c r="L5" s="482"/>
      <c r="M5" s="390" t="s">
        <v>43</v>
      </c>
      <c r="N5" s="295" t="s">
        <v>44</v>
      </c>
      <c r="O5" s="301" t="s">
        <v>45</v>
      </c>
      <c r="P5" s="302" t="s">
        <v>83</v>
      </c>
      <c r="Q5" s="295" t="s">
        <v>47</v>
      </c>
      <c r="R5" s="295" t="s">
        <v>48</v>
      </c>
      <c r="S5" s="295" t="s">
        <v>49</v>
      </c>
      <c r="T5" s="295" t="s">
        <v>50</v>
      </c>
      <c r="U5" s="295" t="s">
        <v>51</v>
      </c>
      <c r="V5" s="301" t="s">
        <v>45</v>
      </c>
      <c r="W5" s="482"/>
      <c r="X5" s="390" t="s">
        <v>43</v>
      </c>
      <c r="Y5" s="295" t="s">
        <v>44</v>
      </c>
      <c r="Z5" s="301" t="s">
        <v>45</v>
      </c>
      <c r="AA5" s="302" t="s">
        <v>83</v>
      </c>
      <c r="AB5" s="295" t="s">
        <v>47</v>
      </c>
      <c r="AC5" s="295" t="s">
        <v>48</v>
      </c>
      <c r="AD5" s="295" t="s">
        <v>49</v>
      </c>
      <c r="AE5" s="295" t="s">
        <v>50</v>
      </c>
      <c r="AF5" s="295" t="s">
        <v>51</v>
      </c>
      <c r="AG5" s="301" t="s">
        <v>45</v>
      </c>
      <c r="AH5" s="482"/>
      <c r="AI5" s="390" t="s">
        <v>43</v>
      </c>
      <c r="AJ5" s="295" t="s">
        <v>44</v>
      </c>
      <c r="AK5" s="301" t="s">
        <v>45</v>
      </c>
      <c r="AL5" s="302" t="s">
        <v>83</v>
      </c>
      <c r="AM5" s="295" t="s">
        <v>47</v>
      </c>
      <c r="AN5" s="295" t="s">
        <v>48</v>
      </c>
      <c r="AO5" s="295" t="s">
        <v>49</v>
      </c>
      <c r="AP5" s="295" t="s">
        <v>50</v>
      </c>
      <c r="AQ5" s="295" t="s">
        <v>51</v>
      </c>
      <c r="AR5" s="301" t="s">
        <v>45</v>
      </c>
      <c r="AS5" s="482"/>
      <c r="AT5" s="390" t="s">
        <v>43</v>
      </c>
      <c r="AU5" s="295" t="s">
        <v>44</v>
      </c>
      <c r="AV5" s="301" t="s">
        <v>45</v>
      </c>
      <c r="AW5" s="302" t="s">
        <v>83</v>
      </c>
      <c r="AX5" s="295" t="s">
        <v>47</v>
      </c>
      <c r="AY5" s="295" t="s">
        <v>48</v>
      </c>
      <c r="AZ5" s="295" t="s">
        <v>49</v>
      </c>
      <c r="BA5" s="295" t="s">
        <v>50</v>
      </c>
      <c r="BB5" s="295" t="s">
        <v>51</v>
      </c>
      <c r="BC5" s="301" t="s">
        <v>45</v>
      </c>
      <c r="BD5" s="502"/>
      <c r="BE5" s="390" t="s">
        <v>43</v>
      </c>
      <c r="BF5" s="295" t="s">
        <v>44</v>
      </c>
      <c r="BG5" s="301" t="s">
        <v>45</v>
      </c>
      <c r="BH5" s="302" t="s">
        <v>83</v>
      </c>
      <c r="BI5" s="295" t="s">
        <v>47</v>
      </c>
      <c r="BJ5" s="295" t="s">
        <v>48</v>
      </c>
      <c r="BK5" s="295" t="s">
        <v>49</v>
      </c>
      <c r="BL5" s="295" t="s">
        <v>50</v>
      </c>
      <c r="BM5" s="295" t="s">
        <v>51</v>
      </c>
      <c r="BN5" s="301" t="s">
        <v>45</v>
      </c>
      <c r="BO5" s="502"/>
      <c r="BP5" s="390" t="s">
        <v>43</v>
      </c>
      <c r="BQ5" s="295" t="s">
        <v>44</v>
      </c>
      <c r="BR5" s="301" t="s">
        <v>45</v>
      </c>
      <c r="BS5" s="302" t="s">
        <v>83</v>
      </c>
      <c r="BT5" s="295" t="s">
        <v>47</v>
      </c>
      <c r="BU5" s="295" t="s">
        <v>48</v>
      </c>
      <c r="BV5" s="295" t="s">
        <v>49</v>
      </c>
      <c r="BW5" s="295" t="s">
        <v>50</v>
      </c>
      <c r="BX5" s="295" t="s">
        <v>51</v>
      </c>
      <c r="BY5" s="301" t="s">
        <v>45</v>
      </c>
      <c r="BZ5" s="502"/>
      <c r="CA5" s="390" t="s">
        <v>43</v>
      </c>
      <c r="CB5" s="295" t="s">
        <v>44</v>
      </c>
      <c r="CC5" s="301" t="s">
        <v>45</v>
      </c>
      <c r="CD5" s="302" t="s">
        <v>83</v>
      </c>
      <c r="CE5" s="295" t="s">
        <v>47</v>
      </c>
      <c r="CF5" s="295" t="s">
        <v>48</v>
      </c>
      <c r="CG5" s="295" t="s">
        <v>49</v>
      </c>
      <c r="CH5" s="295" t="s">
        <v>50</v>
      </c>
      <c r="CI5" s="295" t="s">
        <v>51</v>
      </c>
      <c r="CJ5" s="301" t="s">
        <v>45</v>
      </c>
      <c r="CK5" s="502"/>
      <c r="CL5" s="390" t="s">
        <v>43</v>
      </c>
      <c r="CM5" s="295" t="s">
        <v>44</v>
      </c>
      <c r="CN5" s="301" t="s">
        <v>45</v>
      </c>
      <c r="CO5" s="302" t="s">
        <v>83</v>
      </c>
      <c r="CP5" s="295" t="s">
        <v>47</v>
      </c>
      <c r="CQ5" s="295" t="s">
        <v>48</v>
      </c>
      <c r="CR5" s="295" t="s">
        <v>49</v>
      </c>
      <c r="CS5" s="295" t="s">
        <v>50</v>
      </c>
      <c r="CT5" s="295" t="s">
        <v>51</v>
      </c>
      <c r="CU5" s="301" t="s">
        <v>45</v>
      </c>
      <c r="CV5" s="502"/>
    </row>
    <row r="6" spans="1:100" ht="21" customHeight="1" x14ac:dyDescent="0.2">
      <c r="A6" s="296" t="s">
        <v>4</v>
      </c>
      <c r="B6" s="304">
        <v>0</v>
      </c>
      <c r="C6" s="307">
        <v>0</v>
      </c>
      <c r="D6" s="440">
        <v>0</v>
      </c>
      <c r="E6" s="306">
        <v>0</v>
      </c>
      <c r="F6" s="307">
        <v>26</v>
      </c>
      <c r="G6" s="307">
        <v>42</v>
      </c>
      <c r="H6" s="307">
        <v>15</v>
      </c>
      <c r="I6" s="307">
        <v>29</v>
      </c>
      <c r="J6" s="307">
        <v>22</v>
      </c>
      <c r="K6" s="308">
        <v>134</v>
      </c>
      <c r="L6" s="309">
        <v>134</v>
      </c>
      <c r="M6" s="304">
        <v>0</v>
      </c>
      <c r="N6" s="307">
        <v>0</v>
      </c>
      <c r="O6" s="305">
        <v>0</v>
      </c>
      <c r="P6" s="306">
        <v>0</v>
      </c>
      <c r="Q6" s="307">
        <v>13</v>
      </c>
      <c r="R6" s="307">
        <v>30</v>
      </c>
      <c r="S6" s="307">
        <v>34</v>
      </c>
      <c r="T6" s="307">
        <v>30</v>
      </c>
      <c r="U6" s="307">
        <v>28</v>
      </c>
      <c r="V6" s="305">
        <v>135</v>
      </c>
      <c r="W6" s="309">
        <v>135</v>
      </c>
      <c r="X6" s="304">
        <v>0</v>
      </c>
      <c r="Y6" s="307">
        <v>0</v>
      </c>
      <c r="Z6" s="305">
        <v>0</v>
      </c>
      <c r="AA6" s="306">
        <v>0</v>
      </c>
      <c r="AB6" s="307">
        <v>781</v>
      </c>
      <c r="AC6" s="307">
        <v>642</v>
      </c>
      <c r="AD6" s="307">
        <v>281</v>
      </c>
      <c r="AE6" s="307">
        <v>153</v>
      </c>
      <c r="AF6" s="307">
        <v>53</v>
      </c>
      <c r="AG6" s="305">
        <v>1910</v>
      </c>
      <c r="AH6" s="309">
        <v>1910</v>
      </c>
      <c r="AI6" s="304">
        <v>0</v>
      </c>
      <c r="AJ6" s="307">
        <v>0</v>
      </c>
      <c r="AK6" s="305">
        <v>0</v>
      </c>
      <c r="AL6" s="306">
        <v>0</v>
      </c>
      <c r="AM6" s="307">
        <v>49</v>
      </c>
      <c r="AN6" s="307">
        <v>64</v>
      </c>
      <c r="AO6" s="307">
        <v>60</v>
      </c>
      <c r="AP6" s="307">
        <v>26</v>
      </c>
      <c r="AQ6" s="307">
        <v>30</v>
      </c>
      <c r="AR6" s="305">
        <v>229</v>
      </c>
      <c r="AS6" s="309">
        <v>229</v>
      </c>
      <c r="AT6" s="304">
        <v>16</v>
      </c>
      <c r="AU6" s="307">
        <v>12</v>
      </c>
      <c r="AV6" s="305">
        <v>28</v>
      </c>
      <c r="AW6" s="306">
        <v>0</v>
      </c>
      <c r="AX6" s="307">
        <v>71</v>
      </c>
      <c r="AY6" s="307">
        <v>51</v>
      </c>
      <c r="AZ6" s="307">
        <v>55</v>
      </c>
      <c r="BA6" s="307">
        <v>44</v>
      </c>
      <c r="BB6" s="307">
        <v>18</v>
      </c>
      <c r="BC6" s="305">
        <v>239</v>
      </c>
      <c r="BD6" s="309">
        <v>267</v>
      </c>
      <c r="BE6" s="304">
        <v>0</v>
      </c>
      <c r="BF6" s="307">
        <v>0</v>
      </c>
      <c r="BG6" s="305">
        <v>0</v>
      </c>
      <c r="BH6" s="306">
        <v>0</v>
      </c>
      <c r="BI6" s="307">
        <v>74</v>
      </c>
      <c r="BJ6" s="307">
        <v>113</v>
      </c>
      <c r="BK6" s="307">
        <v>130</v>
      </c>
      <c r="BL6" s="307">
        <v>90</v>
      </c>
      <c r="BM6" s="307">
        <v>54</v>
      </c>
      <c r="BN6" s="308">
        <v>461</v>
      </c>
      <c r="BO6" s="309">
        <v>461</v>
      </c>
      <c r="BP6" s="304">
        <v>0</v>
      </c>
      <c r="BQ6" s="307">
        <v>0</v>
      </c>
      <c r="BR6" s="305">
        <v>0</v>
      </c>
      <c r="BS6" s="306">
        <v>0</v>
      </c>
      <c r="BT6" s="307">
        <v>2</v>
      </c>
      <c r="BU6" s="307">
        <v>8</v>
      </c>
      <c r="BV6" s="307">
        <v>9</v>
      </c>
      <c r="BW6" s="307">
        <v>7</v>
      </c>
      <c r="BX6" s="307">
        <v>6</v>
      </c>
      <c r="BY6" s="305">
        <v>32</v>
      </c>
      <c r="BZ6" s="309">
        <v>32</v>
      </c>
      <c r="CA6" s="304">
        <v>0</v>
      </c>
      <c r="CB6" s="307">
        <v>0</v>
      </c>
      <c r="CC6" s="305">
        <v>0</v>
      </c>
      <c r="CD6" s="306">
        <v>0</v>
      </c>
      <c r="CE6" s="307">
        <v>1</v>
      </c>
      <c r="CF6" s="307">
        <v>2</v>
      </c>
      <c r="CG6" s="307">
        <v>8</v>
      </c>
      <c r="CH6" s="307">
        <v>17</v>
      </c>
      <c r="CI6" s="307">
        <v>7</v>
      </c>
      <c r="CJ6" s="305">
        <v>35</v>
      </c>
      <c r="CK6" s="309">
        <v>35</v>
      </c>
      <c r="CL6" s="304">
        <v>0</v>
      </c>
      <c r="CM6" s="307">
        <v>0</v>
      </c>
      <c r="CN6" s="305">
        <v>0</v>
      </c>
      <c r="CO6" s="306">
        <v>0</v>
      </c>
      <c r="CP6" s="307">
        <v>4</v>
      </c>
      <c r="CQ6" s="307">
        <v>18</v>
      </c>
      <c r="CR6" s="307">
        <v>17</v>
      </c>
      <c r="CS6" s="307">
        <v>24</v>
      </c>
      <c r="CT6" s="307">
        <v>23</v>
      </c>
      <c r="CU6" s="305">
        <v>86</v>
      </c>
      <c r="CV6" s="309">
        <v>86</v>
      </c>
    </row>
    <row r="7" spans="1:100" ht="21" customHeight="1" x14ac:dyDescent="0.2">
      <c r="A7" s="297" t="s">
        <v>5</v>
      </c>
      <c r="B7" s="310">
        <v>0</v>
      </c>
      <c r="C7" s="313">
        <v>0</v>
      </c>
      <c r="D7" s="441">
        <v>0</v>
      </c>
      <c r="E7" s="312">
        <v>0</v>
      </c>
      <c r="F7" s="313">
        <v>11</v>
      </c>
      <c r="G7" s="313">
        <v>25</v>
      </c>
      <c r="H7" s="313">
        <v>9</v>
      </c>
      <c r="I7" s="313">
        <v>10</v>
      </c>
      <c r="J7" s="313">
        <v>5</v>
      </c>
      <c r="K7" s="314">
        <v>60</v>
      </c>
      <c r="L7" s="315">
        <v>60</v>
      </c>
      <c r="M7" s="310">
        <v>0</v>
      </c>
      <c r="N7" s="313">
        <v>0</v>
      </c>
      <c r="O7" s="311">
        <v>0</v>
      </c>
      <c r="P7" s="312">
        <v>0</v>
      </c>
      <c r="Q7" s="313">
        <v>9</v>
      </c>
      <c r="R7" s="313">
        <v>23</v>
      </c>
      <c r="S7" s="313">
        <v>26</v>
      </c>
      <c r="T7" s="313">
        <v>21</v>
      </c>
      <c r="U7" s="313">
        <v>16</v>
      </c>
      <c r="V7" s="311">
        <v>95</v>
      </c>
      <c r="W7" s="315">
        <v>95</v>
      </c>
      <c r="X7" s="310">
        <v>0</v>
      </c>
      <c r="Y7" s="313">
        <v>0</v>
      </c>
      <c r="Z7" s="311">
        <v>0</v>
      </c>
      <c r="AA7" s="312">
        <v>0</v>
      </c>
      <c r="AB7" s="313">
        <v>286</v>
      </c>
      <c r="AC7" s="313">
        <v>321</v>
      </c>
      <c r="AD7" s="313">
        <v>113</v>
      </c>
      <c r="AE7" s="313">
        <v>68</v>
      </c>
      <c r="AF7" s="313">
        <v>29</v>
      </c>
      <c r="AG7" s="311">
        <v>817</v>
      </c>
      <c r="AH7" s="315">
        <v>817</v>
      </c>
      <c r="AI7" s="310">
        <v>0</v>
      </c>
      <c r="AJ7" s="313">
        <v>0</v>
      </c>
      <c r="AK7" s="311">
        <v>0</v>
      </c>
      <c r="AL7" s="312">
        <v>0</v>
      </c>
      <c r="AM7" s="313">
        <v>26</v>
      </c>
      <c r="AN7" s="313">
        <v>40</v>
      </c>
      <c r="AO7" s="313">
        <v>27</v>
      </c>
      <c r="AP7" s="313">
        <v>16</v>
      </c>
      <c r="AQ7" s="313">
        <v>19</v>
      </c>
      <c r="AR7" s="311">
        <v>128</v>
      </c>
      <c r="AS7" s="315">
        <v>128</v>
      </c>
      <c r="AT7" s="310">
        <v>8</v>
      </c>
      <c r="AU7" s="313">
        <v>4</v>
      </c>
      <c r="AV7" s="311">
        <v>12</v>
      </c>
      <c r="AW7" s="312">
        <v>0</v>
      </c>
      <c r="AX7" s="313">
        <v>32</v>
      </c>
      <c r="AY7" s="313">
        <v>16</v>
      </c>
      <c r="AZ7" s="313">
        <v>25</v>
      </c>
      <c r="BA7" s="313">
        <v>20</v>
      </c>
      <c r="BB7" s="313">
        <v>9</v>
      </c>
      <c r="BC7" s="311">
        <v>102</v>
      </c>
      <c r="BD7" s="315">
        <v>114</v>
      </c>
      <c r="BE7" s="310">
        <v>0</v>
      </c>
      <c r="BF7" s="313">
        <v>0</v>
      </c>
      <c r="BG7" s="311">
        <v>0</v>
      </c>
      <c r="BH7" s="312">
        <v>0</v>
      </c>
      <c r="BI7" s="313">
        <v>28</v>
      </c>
      <c r="BJ7" s="313">
        <v>40</v>
      </c>
      <c r="BK7" s="313">
        <v>63</v>
      </c>
      <c r="BL7" s="313">
        <v>30</v>
      </c>
      <c r="BM7" s="313">
        <v>15</v>
      </c>
      <c r="BN7" s="314">
        <v>176</v>
      </c>
      <c r="BO7" s="315">
        <v>176</v>
      </c>
      <c r="BP7" s="310">
        <v>0</v>
      </c>
      <c r="BQ7" s="313">
        <v>0</v>
      </c>
      <c r="BR7" s="311">
        <v>0</v>
      </c>
      <c r="BS7" s="312">
        <v>0</v>
      </c>
      <c r="BT7" s="313">
        <v>0</v>
      </c>
      <c r="BU7" s="313">
        <v>0</v>
      </c>
      <c r="BV7" s="313">
        <v>0</v>
      </c>
      <c r="BW7" s="313">
        <v>0</v>
      </c>
      <c r="BX7" s="313">
        <v>0</v>
      </c>
      <c r="BY7" s="311">
        <v>0</v>
      </c>
      <c r="BZ7" s="315">
        <v>0</v>
      </c>
      <c r="CA7" s="310">
        <v>0</v>
      </c>
      <c r="CB7" s="313">
        <v>0</v>
      </c>
      <c r="CC7" s="311">
        <v>0</v>
      </c>
      <c r="CD7" s="312">
        <v>0</v>
      </c>
      <c r="CE7" s="313">
        <v>0</v>
      </c>
      <c r="CF7" s="313">
        <v>0</v>
      </c>
      <c r="CG7" s="313">
        <v>1</v>
      </c>
      <c r="CH7" s="313">
        <v>2</v>
      </c>
      <c r="CI7" s="313">
        <v>0</v>
      </c>
      <c r="CJ7" s="311">
        <v>3</v>
      </c>
      <c r="CK7" s="315">
        <v>3</v>
      </c>
      <c r="CL7" s="310">
        <v>0</v>
      </c>
      <c r="CM7" s="313">
        <v>0</v>
      </c>
      <c r="CN7" s="311">
        <v>0</v>
      </c>
      <c r="CO7" s="312">
        <v>0</v>
      </c>
      <c r="CP7" s="313">
        <v>1</v>
      </c>
      <c r="CQ7" s="313">
        <v>5</v>
      </c>
      <c r="CR7" s="313">
        <v>7</v>
      </c>
      <c r="CS7" s="313">
        <v>8</v>
      </c>
      <c r="CT7" s="313">
        <v>12</v>
      </c>
      <c r="CU7" s="311">
        <v>33</v>
      </c>
      <c r="CV7" s="315">
        <v>33</v>
      </c>
    </row>
    <row r="8" spans="1:100" ht="21" customHeight="1" x14ac:dyDescent="0.2">
      <c r="A8" s="297" t="s">
        <v>6</v>
      </c>
      <c r="B8" s="310">
        <v>0</v>
      </c>
      <c r="C8" s="313">
        <v>0</v>
      </c>
      <c r="D8" s="441">
        <v>0</v>
      </c>
      <c r="E8" s="312">
        <v>0</v>
      </c>
      <c r="F8" s="313">
        <v>10</v>
      </c>
      <c r="G8" s="313">
        <v>8</v>
      </c>
      <c r="H8" s="313">
        <v>3</v>
      </c>
      <c r="I8" s="313">
        <v>9</v>
      </c>
      <c r="J8" s="313">
        <v>7</v>
      </c>
      <c r="K8" s="314">
        <v>37</v>
      </c>
      <c r="L8" s="315">
        <v>37</v>
      </c>
      <c r="M8" s="310">
        <v>0</v>
      </c>
      <c r="N8" s="313">
        <v>0</v>
      </c>
      <c r="O8" s="311">
        <v>0</v>
      </c>
      <c r="P8" s="312">
        <v>0</v>
      </c>
      <c r="Q8" s="313">
        <v>3</v>
      </c>
      <c r="R8" s="313">
        <v>5</v>
      </c>
      <c r="S8" s="313">
        <v>6</v>
      </c>
      <c r="T8" s="313">
        <v>6</v>
      </c>
      <c r="U8" s="313">
        <v>10</v>
      </c>
      <c r="V8" s="311">
        <v>30</v>
      </c>
      <c r="W8" s="315">
        <v>30</v>
      </c>
      <c r="X8" s="310">
        <v>0</v>
      </c>
      <c r="Y8" s="313">
        <v>0</v>
      </c>
      <c r="Z8" s="311">
        <v>0</v>
      </c>
      <c r="AA8" s="312">
        <v>0</v>
      </c>
      <c r="AB8" s="313">
        <v>144</v>
      </c>
      <c r="AC8" s="313">
        <v>87</v>
      </c>
      <c r="AD8" s="313">
        <v>45</v>
      </c>
      <c r="AE8" s="313">
        <v>22</v>
      </c>
      <c r="AF8" s="313">
        <v>10</v>
      </c>
      <c r="AG8" s="311">
        <v>308</v>
      </c>
      <c r="AH8" s="315">
        <v>308</v>
      </c>
      <c r="AI8" s="310">
        <v>0</v>
      </c>
      <c r="AJ8" s="313">
        <v>0</v>
      </c>
      <c r="AK8" s="311">
        <v>0</v>
      </c>
      <c r="AL8" s="312">
        <v>0</v>
      </c>
      <c r="AM8" s="313">
        <v>11</v>
      </c>
      <c r="AN8" s="313">
        <v>11</v>
      </c>
      <c r="AO8" s="313">
        <v>16</v>
      </c>
      <c r="AP8" s="313">
        <v>4</v>
      </c>
      <c r="AQ8" s="313">
        <v>6</v>
      </c>
      <c r="AR8" s="311">
        <v>48</v>
      </c>
      <c r="AS8" s="315">
        <v>48</v>
      </c>
      <c r="AT8" s="310">
        <v>2</v>
      </c>
      <c r="AU8" s="313">
        <v>4</v>
      </c>
      <c r="AV8" s="311">
        <v>6</v>
      </c>
      <c r="AW8" s="312">
        <v>0</v>
      </c>
      <c r="AX8" s="313">
        <v>14</v>
      </c>
      <c r="AY8" s="313">
        <v>8</v>
      </c>
      <c r="AZ8" s="313">
        <v>10</v>
      </c>
      <c r="BA8" s="313">
        <v>6</v>
      </c>
      <c r="BB8" s="313">
        <v>1</v>
      </c>
      <c r="BC8" s="311">
        <v>39</v>
      </c>
      <c r="BD8" s="315">
        <v>45</v>
      </c>
      <c r="BE8" s="310">
        <v>0</v>
      </c>
      <c r="BF8" s="313">
        <v>0</v>
      </c>
      <c r="BG8" s="311">
        <v>0</v>
      </c>
      <c r="BH8" s="312">
        <v>0</v>
      </c>
      <c r="BI8" s="313">
        <v>15</v>
      </c>
      <c r="BJ8" s="313">
        <v>29</v>
      </c>
      <c r="BK8" s="313">
        <v>26</v>
      </c>
      <c r="BL8" s="313">
        <v>12</v>
      </c>
      <c r="BM8" s="313">
        <v>15</v>
      </c>
      <c r="BN8" s="314">
        <v>97</v>
      </c>
      <c r="BO8" s="315">
        <v>97</v>
      </c>
      <c r="BP8" s="310">
        <v>0</v>
      </c>
      <c r="BQ8" s="313">
        <v>0</v>
      </c>
      <c r="BR8" s="311">
        <v>0</v>
      </c>
      <c r="BS8" s="312">
        <v>0</v>
      </c>
      <c r="BT8" s="313">
        <v>0</v>
      </c>
      <c r="BU8" s="313">
        <v>0</v>
      </c>
      <c r="BV8" s="313">
        <v>0</v>
      </c>
      <c r="BW8" s="313">
        <v>0</v>
      </c>
      <c r="BX8" s="313">
        <v>0</v>
      </c>
      <c r="BY8" s="311">
        <v>0</v>
      </c>
      <c r="BZ8" s="315">
        <v>0</v>
      </c>
      <c r="CA8" s="310">
        <v>0</v>
      </c>
      <c r="CB8" s="313">
        <v>0</v>
      </c>
      <c r="CC8" s="311">
        <v>0</v>
      </c>
      <c r="CD8" s="312">
        <v>0</v>
      </c>
      <c r="CE8" s="313">
        <v>1</v>
      </c>
      <c r="CF8" s="313">
        <v>0</v>
      </c>
      <c r="CG8" s="313">
        <v>5</v>
      </c>
      <c r="CH8" s="313">
        <v>8</v>
      </c>
      <c r="CI8" s="313">
        <v>1</v>
      </c>
      <c r="CJ8" s="311">
        <v>15</v>
      </c>
      <c r="CK8" s="315">
        <v>15</v>
      </c>
      <c r="CL8" s="310">
        <v>0</v>
      </c>
      <c r="CM8" s="313">
        <v>0</v>
      </c>
      <c r="CN8" s="311">
        <v>0</v>
      </c>
      <c r="CO8" s="312">
        <v>0</v>
      </c>
      <c r="CP8" s="313">
        <v>2</v>
      </c>
      <c r="CQ8" s="313">
        <v>8</v>
      </c>
      <c r="CR8" s="313">
        <v>3</v>
      </c>
      <c r="CS8" s="313">
        <v>7</v>
      </c>
      <c r="CT8" s="313">
        <v>3</v>
      </c>
      <c r="CU8" s="311">
        <v>23</v>
      </c>
      <c r="CV8" s="315">
        <v>23</v>
      </c>
    </row>
    <row r="9" spans="1:100" ht="21" customHeight="1" x14ac:dyDescent="0.2">
      <c r="A9" s="297" t="s">
        <v>14</v>
      </c>
      <c r="B9" s="310">
        <v>0</v>
      </c>
      <c r="C9" s="313">
        <v>0</v>
      </c>
      <c r="D9" s="441">
        <v>0</v>
      </c>
      <c r="E9" s="312">
        <v>0</v>
      </c>
      <c r="F9" s="313">
        <v>0</v>
      </c>
      <c r="G9" s="313">
        <v>1</v>
      </c>
      <c r="H9" s="313">
        <v>1</v>
      </c>
      <c r="I9" s="313">
        <v>1</v>
      </c>
      <c r="J9" s="313">
        <v>3</v>
      </c>
      <c r="K9" s="314">
        <v>6</v>
      </c>
      <c r="L9" s="315">
        <v>6</v>
      </c>
      <c r="M9" s="310">
        <v>0</v>
      </c>
      <c r="N9" s="313">
        <v>0</v>
      </c>
      <c r="O9" s="311">
        <v>0</v>
      </c>
      <c r="P9" s="312">
        <v>0</v>
      </c>
      <c r="Q9" s="313">
        <v>0</v>
      </c>
      <c r="R9" s="313">
        <v>1</v>
      </c>
      <c r="S9" s="313">
        <v>0</v>
      </c>
      <c r="T9" s="313">
        <v>1</v>
      </c>
      <c r="U9" s="313">
        <v>0</v>
      </c>
      <c r="V9" s="311">
        <v>2</v>
      </c>
      <c r="W9" s="315">
        <v>2</v>
      </c>
      <c r="X9" s="310">
        <v>0</v>
      </c>
      <c r="Y9" s="313">
        <v>0</v>
      </c>
      <c r="Z9" s="311">
        <v>0</v>
      </c>
      <c r="AA9" s="312">
        <v>0</v>
      </c>
      <c r="AB9" s="313">
        <v>48</v>
      </c>
      <c r="AC9" s="313">
        <v>41</v>
      </c>
      <c r="AD9" s="313">
        <v>18</v>
      </c>
      <c r="AE9" s="313">
        <v>6</v>
      </c>
      <c r="AF9" s="313">
        <v>3</v>
      </c>
      <c r="AG9" s="311">
        <v>116</v>
      </c>
      <c r="AH9" s="315">
        <v>116</v>
      </c>
      <c r="AI9" s="310">
        <v>0</v>
      </c>
      <c r="AJ9" s="313">
        <v>0</v>
      </c>
      <c r="AK9" s="311">
        <v>0</v>
      </c>
      <c r="AL9" s="312">
        <v>0</v>
      </c>
      <c r="AM9" s="313">
        <v>1</v>
      </c>
      <c r="AN9" s="313">
        <v>1</v>
      </c>
      <c r="AO9" s="313">
        <v>1</v>
      </c>
      <c r="AP9" s="313">
        <v>1</v>
      </c>
      <c r="AQ9" s="313">
        <v>1</v>
      </c>
      <c r="AR9" s="311">
        <v>5</v>
      </c>
      <c r="AS9" s="315">
        <v>5</v>
      </c>
      <c r="AT9" s="310">
        <v>0</v>
      </c>
      <c r="AU9" s="313">
        <v>0</v>
      </c>
      <c r="AV9" s="311">
        <v>0</v>
      </c>
      <c r="AW9" s="312">
        <v>0</v>
      </c>
      <c r="AX9" s="313">
        <v>2</v>
      </c>
      <c r="AY9" s="313">
        <v>6</v>
      </c>
      <c r="AZ9" s="313">
        <v>5</v>
      </c>
      <c r="BA9" s="313">
        <v>2</v>
      </c>
      <c r="BB9" s="313">
        <v>1</v>
      </c>
      <c r="BC9" s="311">
        <v>16</v>
      </c>
      <c r="BD9" s="315">
        <v>16</v>
      </c>
      <c r="BE9" s="310">
        <v>0</v>
      </c>
      <c r="BF9" s="313">
        <v>0</v>
      </c>
      <c r="BG9" s="311">
        <v>0</v>
      </c>
      <c r="BH9" s="312">
        <v>0</v>
      </c>
      <c r="BI9" s="313">
        <v>9</v>
      </c>
      <c r="BJ9" s="313">
        <v>8</v>
      </c>
      <c r="BK9" s="313">
        <v>10</v>
      </c>
      <c r="BL9" s="313">
        <v>10</v>
      </c>
      <c r="BM9" s="313">
        <v>3</v>
      </c>
      <c r="BN9" s="314">
        <v>40</v>
      </c>
      <c r="BO9" s="315">
        <v>40</v>
      </c>
      <c r="BP9" s="310">
        <v>0</v>
      </c>
      <c r="BQ9" s="313">
        <v>0</v>
      </c>
      <c r="BR9" s="311">
        <v>0</v>
      </c>
      <c r="BS9" s="312">
        <v>0</v>
      </c>
      <c r="BT9" s="313">
        <v>0</v>
      </c>
      <c r="BU9" s="313">
        <v>0</v>
      </c>
      <c r="BV9" s="313">
        <v>0</v>
      </c>
      <c r="BW9" s="313">
        <v>0</v>
      </c>
      <c r="BX9" s="313">
        <v>0</v>
      </c>
      <c r="BY9" s="311">
        <v>0</v>
      </c>
      <c r="BZ9" s="315">
        <v>0</v>
      </c>
      <c r="CA9" s="310">
        <v>0</v>
      </c>
      <c r="CB9" s="313">
        <v>0</v>
      </c>
      <c r="CC9" s="311">
        <v>0</v>
      </c>
      <c r="CD9" s="312">
        <v>0</v>
      </c>
      <c r="CE9" s="313">
        <v>0</v>
      </c>
      <c r="CF9" s="313">
        <v>1</v>
      </c>
      <c r="CG9" s="313">
        <v>0</v>
      </c>
      <c r="CH9" s="313">
        <v>0</v>
      </c>
      <c r="CI9" s="313">
        <v>0</v>
      </c>
      <c r="CJ9" s="311">
        <v>1</v>
      </c>
      <c r="CK9" s="315">
        <v>1</v>
      </c>
      <c r="CL9" s="310">
        <v>0</v>
      </c>
      <c r="CM9" s="313">
        <v>0</v>
      </c>
      <c r="CN9" s="311">
        <v>0</v>
      </c>
      <c r="CO9" s="312">
        <v>0</v>
      </c>
      <c r="CP9" s="313">
        <v>1</v>
      </c>
      <c r="CQ9" s="313">
        <v>2</v>
      </c>
      <c r="CR9" s="313">
        <v>0</v>
      </c>
      <c r="CS9" s="313">
        <v>2</v>
      </c>
      <c r="CT9" s="313">
        <v>0</v>
      </c>
      <c r="CU9" s="311">
        <v>5</v>
      </c>
      <c r="CV9" s="315">
        <v>5</v>
      </c>
    </row>
    <row r="10" spans="1:100" ht="21" customHeight="1" x14ac:dyDescent="0.2">
      <c r="A10" s="297" t="s">
        <v>7</v>
      </c>
      <c r="B10" s="310">
        <v>0</v>
      </c>
      <c r="C10" s="313">
        <v>0</v>
      </c>
      <c r="D10" s="441">
        <v>0</v>
      </c>
      <c r="E10" s="312">
        <v>0</v>
      </c>
      <c r="F10" s="313">
        <v>0</v>
      </c>
      <c r="G10" s="313">
        <v>0</v>
      </c>
      <c r="H10" s="313">
        <v>1</v>
      </c>
      <c r="I10" s="313">
        <v>0</v>
      </c>
      <c r="J10" s="313">
        <v>0</v>
      </c>
      <c r="K10" s="314">
        <v>1</v>
      </c>
      <c r="L10" s="315">
        <v>1</v>
      </c>
      <c r="M10" s="310">
        <v>0</v>
      </c>
      <c r="N10" s="313">
        <v>0</v>
      </c>
      <c r="O10" s="311">
        <v>0</v>
      </c>
      <c r="P10" s="312">
        <v>0</v>
      </c>
      <c r="Q10" s="313">
        <v>0</v>
      </c>
      <c r="R10" s="313">
        <v>0</v>
      </c>
      <c r="S10" s="313">
        <v>0</v>
      </c>
      <c r="T10" s="313">
        <v>0</v>
      </c>
      <c r="U10" s="313">
        <v>0</v>
      </c>
      <c r="V10" s="311">
        <v>0</v>
      </c>
      <c r="W10" s="315">
        <v>0</v>
      </c>
      <c r="X10" s="310">
        <v>0</v>
      </c>
      <c r="Y10" s="313">
        <v>0</v>
      </c>
      <c r="Z10" s="311">
        <v>0</v>
      </c>
      <c r="AA10" s="312">
        <v>0</v>
      </c>
      <c r="AB10" s="313">
        <v>23</v>
      </c>
      <c r="AC10" s="313">
        <v>18</v>
      </c>
      <c r="AD10" s="313">
        <v>15</v>
      </c>
      <c r="AE10" s="313">
        <v>5</v>
      </c>
      <c r="AF10" s="313">
        <v>1</v>
      </c>
      <c r="AG10" s="311">
        <v>62</v>
      </c>
      <c r="AH10" s="315">
        <v>62</v>
      </c>
      <c r="AI10" s="310">
        <v>0</v>
      </c>
      <c r="AJ10" s="313">
        <v>0</v>
      </c>
      <c r="AK10" s="311">
        <v>0</v>
      </c>
      <c r="AL10" s="312">
        <v>0</v>
      </c>
      <c r="AM10" s="313">
        <v>3</v>
      </c>
      <c r="AN10" s="313">
        <v>3</v>
      </c>
      <c r="AO10" s="313">
        <v>4</v>
      </c>
      <c r="AP10" s="313">
        <v>3</v>
      </c>
      <c r="AQ10" s="313">
        <v>0</v>
      </c>
      <c r="AR10" s="311">
        <v>13</v>
      </c>
      <c r="AS10" s="315">
        <v>13</v>
      </c>
      <c r="AT10" s="310">
        <v>0</v>
      </c>
      <c r="AU10" s="313">
        <v>0</v>
      </c>
      <c r="AV10" s="311">
        <v>0</v>
      </c>
      <c r="AW10" s="312">
        <v>0</v>
      </c>
      <c r="AX10" s="313">
        <v>0</v>
      </c>
      <c r="AY10" s="313">
        <v>2</v>
      </c>
      <c r="AZ10" s="313">
        <v>0</v>
      </c>
      <c r="BA10" s="313">
        <v>1</v>
      </c>
      <c r="BB10" s="313">
        <v>0</v>
      </c>
      <c r="BC10" s="311">
        <v>3</v>
      </c>
      <c r="BD10" s="315">
        <v>3</v>
      </c>
      <c r="BE10" s="310">
        <v>0</v>
      </c>
      <c r="BF10" s="313">
        <v>0</v>
      </c>
      <c r="BG10" s="311">
        <v>0</v>
      </c>
      <c r="BH10" s="312">
        <v>0</v>
      </c>
      <c r="BI10" s="313">
        <v>3</v>
      </c>
      <c r="BJ10" s="313">
        <v>2</v>
      </c>
      <c r="BK10" s="313">
        <v>7</v>
      </c>
      <c r="BL10" s="313">
        <v>1</v>
      </c>
      <c r="BM10" s="313">
        <v>1</v>
      </c>
      <c r="BN10" s="314">
        <v>14</v>
      </c>
      <c r="BO10" s="315">
        <v>14</v>
      </c>
      <c r="BP10" s="310">
        <v>0</v>
      </c>
      <c r="BQ10" s="313">
        <v>0</v>
      </c>
      <c r="BR10" s="311">
        <v>0</v>
      </c>
      <c r="BS10" s="312">
        <v>0</v>
      </c>
      <c r="BT10" s="313">
        <v>0</v>
      </c>
      <c r="BU10" s="313">
        <v>0</v>
      </c>
      <c r="BV10" s="313">
        <v>0</v>
      </c>
      <c r="BW10" s="313">
        <v>0</v>
      </c>
      <c r="BX10" s="313">
        <v>0</v>
      </c>
      <c r="BY10" s="311">
        <v>0</v>
      </c>
      <c r="BZ10" s="315">
        <v>0</v>
      </c>
      <c r="CA10" s="310">
        <v>0</v>
      </c>
      <c r="CB10" s="313">
        <v>0</v>
      </c>
      <c r="CC10" s="311">
        <v>0</v>
      </c>
      <c r="CD10" s="312">
        <v>0</v>
      </c>
      <c r="CE10" s="313">
        <v>0</v>
      </c>
      <c r="CF10" s="313">
        <v>0</v>
      </c>
      <c r="CG10" s="313">
        <v>0</v>
      </c>
      <c r="CH10" s="313">
        <v>0</v>
      </c>
      <c r="CI10" s="313">
        <v>0</v>
      </c>
      <c r="CJ10" s="311">
        <v>0</v>
      </c>
      <c r="CK10" s="315">
        <v>0</v>
      </c>
      <c r="CL10" s="310">
        <v>0</v>
      </c>
      <c r="CM10" s="313">
        <v>0</v>
      </c>
      <c r="CN10" s="311">
        <v>0</v>
      </c>
      <c r="CO10" s="312">
        <v>0</v>
      </c>
      <c r="CP10" s="313">
        <v>0</v>
      </c>
      <c r="CQ10" s="313">
        <v>0</v>
      </c>
      <c r="CR10" s="313">
        <v>0</v>
      </c>
      <c r="CS10" s="313">
        <v>1</v>
      </c>
      <c r="CT10" s="313">
        <v>1</v>
      </c>
      <c r="CU10" s="311">
        <v>2</v>
      </c>
      <c r="CV10" s="315">
        <v>2</v>
      </c>
    </row>
    <row r="11" spans="1:100" ht="21" customHeight="1" x14ac:dyDescent="0.2">
      <c r="A11" s="297" t="s">
        <v>8</v>
      </c>
      <c r="B11" s="310">
        <v>0</v>
      </c>
      <c r="C11" s="313">
        <v>0</v>
      </c>
      <c r="D11" s="441">
        <v>0</v>
      </c>
      <c r="E11" s="312">
        <v>0</v>
      </c>
      <c r="F11" s="313">
        <v>0</v>
      </c>
      <c r="G11" s="313">
        <v>1</v>
      </c>
      <c r="H11" s="313">
        <v>0</v>
      </c>
      <c r="I11" s="313">
        <v>1</v>
      </c>
      <c r="J11" s="313">
        <v>0</v>
      </c>
      <c r="K11" s="314">
        <v>2</v>
      </c>
      <c r="L11" s="315">
        <v>2</v>
      </c>
      <c r="M11" s="310">
        <v>0</v>
      </c>
      <c r="N11" s="313">
        <v>0</v>
      </c>
      <c r="O11" s="311">
        <v>0</v>
      </c>
      <c r="P11" s="312">
        <v>0</v>
      </c>
      <c r="Q11" s="313">
        <v>0</v>
      </c>
      <c r="R11" s="313">
        <v>0</v>
      </c>
      <c r="S11" s="313">
        <v>0</v>
      </c>
      <c r="T11" s="313">
        <v>0</v>
      </c>
      <c r="U11" s="313">
        <v>0</v>
      </c>
      <c r="V11" s="311">
        <v>0</v>
      </c>
      <c r="W11" s="315">
        <v>0</v>
      </c>
      <c r="X11" s="310">
        <v>0</v>
      </c>
      <c r="Y11" s="313">
        <v>0</v>
      </c>
      <c r="Z11" s="311">
        <v>0</v>
      </c>
      <c r="AA11" s="312">
        <v>0</v>
      </c>
      <c r="AB11" s="313">
        <v>27</v>
      </c>
      <c r="AC11" s="313">
        <v>26</v>
      </c>
      <c r="AD11" s="313">
        <v>7</v>
      </c>
      <c r="AE11" s="313">
        <v>5</v>
      </c>
      <c r="AF11" s="313">
        <v>1</v>
      </c>
      <c r="AG11" s="311">
        <v>66</v>
      </c>
      <c r="AH11" s="315">
        <v>66</v>
      </c>
      <c r="AI11" s="310">
        <v>0</v>
      </c>
      <c r="AJ11" s="313">
        <v>0</v>
      </c>
      <c r="AK11" s="311">
        <v>0</v>
      </c>
      <c r="AL11" s="312">
        <v>0</v>
      </c>
      <c r="AM11" s="313">
        <v>0</v>
      </c>
      <c r="AN11" s="313">
        <v>1</v>
      </c>
      <c r="AO11" s="313">
        <v>0</v>
      </c>
      <c r="AP11" s="313">
        <v>0</v>
      </c>
      <c r="AQ11" s="313">
        <v>0</v>
      </c>
      <c r="AR11" s="311">
        <v>1</v>
      </c>
      <c r="AS11" s="315">
        <v>1</v>
      </c>
      <c r="AT11" s="310">
        <v>0</v>
      </c>
      <c r="AU11" s="313">
        <v>0</v>
      </c>
      <c r="AV11" s="311">
        <v>0</v>
      </c>
      <c r="AW11" s="312">
        <v>0</v>
      </c>
      <c r="AX11" s="313">
        <v>2</v>
      </c>
      <c r="AY11" s="313">
        <v>0</v>
      </c>
      <c r="AZ11" s="313">
        <v>1</v>
      </c>
      <c r="BA11" s="313">
        <v>0</v>
      </c>
      <c r="BB11" s="313">
        <v>0</v>
      </c>
      <c r="BC11" s="311">
        <v>3</v>
      </c>
      <c r="BD11" s="315">
        <v>3</v>
      </c>
      <c r="BE11" s="310">
        <v>0</v>
      </c>
      <c r="BF11" s="313">
        <v>0</v>
      </c>
      <c r="BG11" s="311">
        <v>0</v>
      </c>
      <c r="BH11" s="312">
        <v>0</v>
      </c>
      <c r="BI11" s="313">
        <v>0</v>
      </c>
      <c r="BJ11" s="313">
        <v>2</v>
      </c>
      <c r="BK11" s="313">
        <v>0</v>
      </c>
      <c r="BL11" s="313">
        <v>6</v>
      </c>
      <c r="BM11" s="313">
        <v>0</v>
      </c>
      <c r="BN11" s="314">
        <v>8</v>
      </c>
      <c r="BO11" s="315">
        <v>8</v>
      </c>
      <c r="BP11" s="310">
        <v>0</v>
      </c>
      <c r="BQ11" s="313">
        <v>0</v>
      </c>
      <c r="BR11" s="311">
        <v>0</v>
      </c>
      <c r="BS11" s="312">
        <v>0</v>
      </c>
      <c r="BT11" s="313">
        <v>0</v>
      </c>
      <c r="BU11" s="313">
        <v>0</v>
      </c>
      <c r="BV11" s="313">
        <v>0</v>
      </c>
      <c r="BW11" s="313">
        <v>1</v>
      </c>
      <c r="BX11" s="313">
        <v>0</v>
      </c>
      <c r="BY11" s="311">
        <v>1</v>
      </c>
      <c r="BZ11" s="315">
        <v>1</v>
      </c>
      <c r="CA11" s="310">
        <v>0</v>
      </c>
      <c r="CB11" s="313">
        <v>0</v>
      </c>
      <c r="CC11" s="311">
        <v>0</v>
      </c>
      <c r="CD11" s="312">
        <v>0</v>
      </c>
      <c r="CE11" s="313">
        <v>0</v>
      </c>
      <c r="CF11" s="313">
        <v>0</v>
      </c>
      <c r="CG11" s="313">
        <v>0</v>
      </c>
      <c r="CH11" s="313">
        <v>1</v>
      </c>
      <c r="CI11" s="313">
        <v>1</v>
      </c>
      <c r="CJ11" s="311">
        <v>2</v>
      </c>
      <c r="CK11" s="315">
        <v>2</v>
      </c>
      <c r="CL11" s="310">
        <v>0</v>
      </c>
      <c r="CM11" s="313">
        <v>0</v>
      </c>
      <c r="CN11" s="311">
        <v>0</v>
      </c>
      <c r="CO11" s="312">
        <v>0</v>
      </c>
      <c r="CP11" s="313">
        <v>0</v>
      </c>
      <c r="CQ11" s="313">
        <v>1</v>
      </c>
      <c r="CR11" s="313">
        <v>0</v>
      </c>
      <c r="CS11" s="313">
        <v>1</v>
      </c>
      <c r="CT11" s="313">
        <v>0</v>
      </c>
      <c r="CU11" s="311">
        <v>2</v>
      </c>
      <c r="CV11" s="315">
        <v>2</v>
      </c>
    </row>
    <row r="12" spans="1:100" ht="21" customHeight="1" x14ac:dyDescent="0.2">
      <c r="A12" s="297" t="s">
        <v>9</v>
      </c>
      <c r="B12" s="310">
        <v>0</v>
      </c>
      <c r="C12" s="313">
        <v>0</v>
      </c>
      <c r="D12" s="441">
        <v>0</v>
      </c>
      <c r="E12" s="312">
        <v>0</v>
      </c>
      <c r="F12" s="313">
        <v>0</v>
      </c>
      <c r="G12" s="313">
        <v>1</v>
      </c>
      <c r="H12" s="313">
        <v>0</v>
      </c>
      <c r="I12" s="313">
        <v>3</v>
      </c>
      <c r="J12" s="313">
        <v>2</v>
      </c>
      <c r="K12" s="314">
        <v>6</v>
      </c>
      <c r="L12" s="315">
        <v>6</v>
      </c>
      <c r="M12" s="310">
        <v>0</v>
      </c>
      <c r="N12" s="313">
        <v>0</v>
      </c>
      <c r="O12" s="311">
        <v>0</v>
      </c>
      <c r="P12" s="312">
        <v>0</v>
      </c>
      <c r="Q12" s="313">
        <v>0</v>
      </c>
      <c r="R12" s="313">
        <v>0</v>
      </c>
      <c r="S12" s="313">
        <v>0</v>
      </c>
      <c r="T12" s="313">
        <v>0</v>
      </c>
      <c r="U12" s="313">
        <v>0</v>
      </c>
      <c r="V12" s="311">
        <v>0</v>
      </c>
      <c r="W12" s="315">
        <v>0</v>
      </c>
      <c r="X12" s="310">
        <v>0</v>
      </c>
      <c r="Y12" s="313">
        <v>0</v>
      </c>
      <c r="Z12" s="311">
        <v>0</v>
      </c>
      <c r="AA12" s="312">
        <v>0</v>
      </c>
      <c r="AB12" s="313">
        <v>34</v>
      </c>
      <c r="AC12" s="313">
        <v>34</v>
      </c>
      <c r="AD12" s="313">
        <v>17</v>
      </c>
      <c r="AE12" s="313">
        <v>11</v>
      </c>
      <c r="AF12" s="313">
        <v>1</v>
      </c>
      <c r="AG12" s="311">
        <v>97</v>
      </c>
      <c r="AH12" s="315">
        <v>97</v>
      </c>
      <c r="AI12" s="310">
        <v>0</v>
      </c>
      <c r="AJ12" s="313">
        <v>0</v>
      </c>
      <c r="AK12" s="311">
        <v>0</v>
      </c>
      <c r="AL12" s="312">
        <v>0</v>
      </c>
      <c r="AM12" s="313">
        <v>2</v>
      </c>
      <c r="AN12" s="313">
        <v>0</v>
      </c>
      <c r="AO12" s="313">
        <v>1</v>
      </c>
      <c r="AP12" s="313">
        <v>0</v>
      </c>
      <c r="AQ12" s="313">
        <v>1</v>
      </c>
      <c r="AR12" s="311">
        <v>4</v>
      </c>
      <c r="AS12" s="315">
        <v>4</v>
      </c>
      <c r="AT12" s="310">
        <v>1</v>
      </c>
      <c r="AU12" s="313">
        <v>1</v>
      </c>
      <c r="AV12" s="311">
        <v>2</v>
      </c>
      <c r="AW12" s="312">
        <v>0</v>
      </c>
      <c r="AX12" s="313">
        <v>3</v>
      </c>
      <c r="AY12" s="313">
        <v>4</v>
      </c>
      <c r="AZ12" s="313">
        <v>3</v>
      </c>
      <c r="BA12" s="313">
        <v>3</v>
      </c>
      <c r="BB12" s="313">
        <v>1</v>
      </c>
      <c r="BC12" s="311">
        <v>14</v>
      </c>
      <c r="BD12" s="315">
        <v>16</v>
      </c>
      <c r="BE12" s="310">
        <v>0</v>
      </c>
      <c r="BF12" s="313">
        <v>0</v>
      </c>
      <c r="BG12" s="311">
        <v>0</v>
      </c>
      <c r="BH12" s="312">
        <v>0</v>
      </c>
      <c r="BI12" s="313">
        <v>0</v>
      </c>
      <c r="BJ12" s="313">
        <v>5</v>
      </c>
      <c r="BK12" s="313">
        <v>3</v>
      </c>
      <c r="BL12" s="313">
        <v>4</v>
      </c>
      <c r="BM12" s="313">
        <v>1</v>
      </c>
      <c r="BN12" s="314">
        <v>13</v>
      </c>
      <c r="BO12" s="315">
        <v>13</v>
      </c>
      <c r="BP12" s="310">
        <v>0</v>
      </c>
      <c r="BQ12" s="313">
        <v>0</v>
      </c>
      <c r="BR12" s="311">
        <v>0</v>
      </c>
      <c r="BS12" s="312">
        <v>0</v>
      </c>
      <c r="BT12" s="313">
        <v>0</v>
      </c>
      <c r="BU12" s="313">
        <v>2</v>
      </c>
      <c r="BV12" s="313">
        <v>0</v>
      </c>
      <c r="BW12" s="313">
        <v>1</v>
      </c>
      <c r="BX12" s="313">
        <v>0</v>
      </c>
      <c r="BY12" s="311">
        <v>3</v>
      </c>
      <c r="BZ12" s="315">
        <v>3</v>
      </c>
      <c r="CA12" s="310">
        <v>0</v>
      </c>
      <c r="CB12" s="313">
        <v>0</v>
      </c>
      <c r="CC12" s="311">
        <v>0</v>
      </c>
      <c r="CD12" s="312">
        <v>0</v>
      </c>
      <c r="CE12" s="313">
        <v>0</v>
      </c>
      <c r="CF12" s="313">
        <v>0</v>
      </c>
      <c r="CG12" s="313">
        <v>0</v>
      </c>
      <c r="CH12" s="313">
        <v>0</v>
      </c>
      <c r="CI12" s="313">
        <v>0</v>
      </c>
      <c r="CJ12" s="311">
        <v>0</v>
      </c>
      <c r="CK12" s="315">
        <v>0</v>
      </c>
      <c r="CL12" s="310">
        <v>0</v>
      </c>
      <c r="CM12" s="313">
        <v>0</v>
      </c>
      <c r="CN12" s="311">
        <v>0</v>
      </c>
      <c r="CO12" s="312">
        <v>0</v>
      </c>
      <c r="CP12" s="313">
        <v>0</v>
      </c>
      <c r="CQ12" s="313">
        <v>1</v>
      </c>
      <c r="CR12" s="313">
        <v>2</v>
      </c>
      <c r="CS12" s="313">
        <v>2</v>
      </c>
      <c r="CT12" s="313">
        <v>2</v>
      </c>
      <c r="CU12" s="311">
        <v>7</v>
      </c>
      <c r="CV12" s="315">
        <v>7</v>
      </c>
    </row>
    <row r="13" spans="1:100" ht="21" customHeight="1" x14ac:dyDescent="0.2">
      <c r="A13" s="297" t="s">
        <v>10</v>
      </c>
      <c r="B13" s="310">
        <v>0</v>
      </c>
      <c r="C13" s="313">
        <v>0</v>
      </c>
      <c r="D13" s="441">
        <v>0</v>
      </c>
      <c r="E13" s="312">
        <v>0</v>
      </c>
      <c r="F13" s="313">
        <v>1</v>
      </c>
      <c r="G13" s="313">
        <v>2</v>
      </c>
      <c r="H13" s="313">
        <v>0</v>
      </c>
      <c r="I13" s="313">
        <v>2</v>
      </c>
      <c r="J13" s="313">
        <v>0</v>
      </c>
      <c r="K13" s="314">
        <v>5</v>
      </c>
      <c r="L13" s="315">
        <v>5</v>
      </c>
      <c r="M13" s="310">
        <v>0</v>
      </c>
      <c r="N13" s="313">
        <v>0</v>
      </c>
      <c r="O13" s="311">
        <v>0</v>
      </c>
      <c r="P13" s="312">
        <v>0</v>
      </c>
      <c r="Q13" s="313">
        <v>0</v>
      </c>
      <c r="R13" s="313">
        <v>0</v>
      </c>
      <c r="S13" s="313">
        <v>1</v>
      </c>
      <c r="T13" s="313">
        <v>1</v>
      </c>
      <c r="U13" s="313">
        <v>2</v>
      </c>
      <c r="V13" s="311">
        <v>4</v>
      </c>
      <c r="W13" s="315">
        <v>4</v>
      </c>
      <c r="X13" s="310">
        <v>0</v>
      </c>
      <c r="Y13" s="313">
        <v>0</v>
      </c>
      <c r="Z13" s="311">
        <v>0</v>
      </c>
      <c r="AA13" s="312">
        <v>0</v>
      </c>
      <c r="AB13" s="313">
        <v>46</v>
      </c>
      <c r="AC13" s="313">
        <v>10</v>
      </c>
      <c r="AD13" s="313">
        <v>9</v>
      </c>
      <c r="AE13" s="313">
        <v>4</v>
      </c>
      <c r="AF13" s="313">
        <v>1</v>
      </c>
      <c r="AG13" s="311">
        <v>70</v>
      </c>
      <c r="AH13" s="315">
        <v>70</v>
      </c>
      <c r="AI13" s="310">
        <v>0</v>
      </c>
      <c r="AJ13" s="313">
        <v>0</v>
      </c>
      <c r="AK13" s="311">
        <v>0</v>
      </c>
      <c r="AL13" s="312">
        <v>0</v>
      </c>
      <c r="AM13" s="313">
        <v>2</v>
      </c>
      <c r="AN13" s="313">
        <v>2</v>
      </c>
      <c r="AO13" s="313">
        <v>1</v>
      </c>
      <c r="AP13" s="313">
        <v>1</v>
      </c>
      <c r="AQ13" s="313">
        <v>1</v>
      </c>
      <c r="AR13" s="311">
        <v>7</v>
      </c>
      <c r="AS13" s="315">
        <v>7</v>
      </c>
      <c r="AT13" s="310">
        <v>2</v>
      </c>
      <c r="AU13" s="313">
        <v>2</v>
      </c>
      <c r="AV13" s="311">
        <v>4</v>
      </c>
      <c r="AW13" s="312">
        <v>0</v>
      </c>
      <c r="AX13" s="313">
        <v>5</v>
      </c>
      <c r="AY13" s="313">
        <v>2</v>
      </c>
      <c r="AZ13" s="313">
        <v>3</v>
      </c>
      <c r="BA13" s="313">
        <v>2</v>
      </c>
      <c r="BB13" s="313">
        <v>3</v>
      </c>
      <c r="BC13" s="311">
        <v>15</v>
      </c>
      <c r="BD13" s="315">
        <v>19</v>
      </c>
      <c r="BE13" s="310">
        <v>0</v>
      </c>
      <c r="BF13" s="313">
        <v>0</v>
      </c>
      <c r="BG13" s="311">
        <v>0</v>
      </c>
      <c r="BH13" s="312">
        <v>0</v>
      </c>
      <c r="BI13" s="313">
        <v>4</v>
      </c>
      <c r="BJ13" s="313">
        <v>8</v>
      </c>
      <c r="BK13" s="313">
        <v>5</v>
      </c>
      <c r="BL13" s="313">
        <v>6</v>
      </c>
      <c r="BM13" s="313">
        <v>7</v>
      </c>
      <c r="BN13" s="314">
        <v>30</v>
      </c>
      <c r="BO13" s="315">
        <v>30</v>
      </c>
      <c r="BP13" s="310">
        <v>0</v>
      </c>
      <c r="BQ13" s="313">
        <v>0</v>
      </c>
      <c r="BR13" s="311">
        <v>0</v>
      </c>
      <c r="BS13" s="312">
        <v>0</v>
      </c>
      <c r="BT13" s="313">
        <v>1</v>
      </c>
      <c r="BU13" s="313">
        <v>4</v>
      </c>
      <c r="BV13" s="313">
        <v>7</v>
      </c>
      <c r="BW13" s="313">
        <v>3</v>
      </c>
      <c r="BX13" s="313">
        <v>5</v>
      </c>
      <c r="BY13" s="311">
        <v>20</v>
      </c>
      <c r="BZ13" s="315">
        <v>20</v>
      </c>
      <c r="CA13" s="310">
        <v>0</v>
      </c>
      <c r="CB13" s="313">
        <v>0</v>
      </c>
      <c r="CC13" s="311">
        <v>0</v>
      </c>
      <c r="CD13" s="312">
        <v>0</v>
      </c>
      <c r="CE13" s="313">
        <v>0</v>
      </c>
      <c r="CF13" s="313">
        <v>0</v>
      </c>
      <c r="CG13" s="313">
        <v>0</v>
      </c>
      <c r="CH13" s="313">
        <v>4</v>
      </c>
      <c r="CI13" s="313">
        <v>1</v>
      </c>
      <c r="CJ13" s="311">
        <v>5</v>
      </c>
      <c r="CK13" s="315">
        <v>5</v>
      </c>
      <c r="CL13" s="310">
        <v>0</v>
      </c>
      <c r="CM13" s="313">
        <v>0</v>
      </c>
      <c r="CN13" s="311">
        <v>0</v>
      </c>
      <c r="CO13" s="312">
        <v>0</v>
      </c>
      <c r="CP13" s="313">
        <v>0</v>
      </c>
      <c r="CQ13" s="313">
        <v>0</v>
      </c>
      <c r="CR13" s="313">
        <v>1</v>
      </c>
      <c r="CS13" s="313">
        <v>0</v>
      </c>
      <c r="CT13" s="313">
        <v>0</v>
      </c>
      <c r="CU13" s="311">
        <v>1</v>
      </c>
      <c r="CV13" s="315">
        <v>1</v>
      </c>
    </row>
    <row r="14" spans="1:100" ht="21" customHeight="1" x14ac:dyDescent="0.2">
      <c r="A14" s="297" t="s">
        <v>11</v>
      </c>
      <c r="B14" s="310">
        <v>0</v>
      </c>
      <c r="C14" s="313">
        <v>0</v>
      </c>
      <c r="D14" s="441">
        <v>0</v>
      </c>
      <c r="E14" s="312">
        <v>0</v>
      </c>
      <c r="F14" s="313">
        <v>0</v>
      </c>
      <c r="G14" s="313">
        <v>1</v>
      </c>
      <c r="H14" s="313">
        <v>1</v>
      </c>
      <c r="I14" s="313">
        <v>0</v>
      </c>
      <c r="J14" s="313">
        <v>2</v>
      </c>
      <c r="K14" s="314">
        <v>4</v>
      </c>
      <c r="L14" s="315">
        <v>4</v>
      </c>
      <c r="M14" s="310">
        <v>0</v>
      </c>
      <c r="N14" s="313">
        <v>0</v>
      </c>
      <c r="O14" s="311">
        <v>0</v>
      </c>
      <c r="P14" s="312">
        <v>0</v>
      </c>
      <c r="Q14" s="313">
        <v>1</v>
      </c>
      <c r="R14" s="313">
        <v>0</v>
      </c>
      <c r="S14" s="313">
        <v>0</v>
      </c>
      <c r="T14" s="313">
        <v>0</v>
      </c>
      <c r="U14" s="313">
        <v>0</v>
      </c>
      <c r="V14" s="311">
        <v>1</v>
      </c>
      <c r="W14" s="315">
        <v>1</v>
      </c>
      <c r="X14" s="310">
        <v>0</v>
      </c>
      <c r="Y14" s="313">
        <v>0</v>
      </c>
      <c r="Z14" s="311">
        <v>0</v>
      </c>
      <c r="AA14" s="312">
        <v>0</v>
      </c>
      <c r="AB14" s="313">
        <v>21</v>
      </c>
      <c r="AC14" s="313">
        <v>5</v>
      </c>
      <c r="AD14" s="313">
        <v>8</v>
      </c>
      <c r="AE14" s="313">
        <v>6</v>
      </c>
      <c r="AF14" s="313">
        <v>0</v>
      </c>
      <c r="AG14" s="311">
        <v>40</v>
      </c>
      <c r="AH14" s="315">
        <v>40</v>
      </c>
      <c r="AI14" s="310">
        <v>0</v>
      </c>
      <c r="AJ14" s="313">
        <v>0</v>
      </c>
      <c r="AK14" s="311">
        <v>0</v>
      </c>
      <c r="AL14" s="312">
        <v>0</v>
      </c>
      <c r="AM14" s="313">
        <v>0</v>
      </c>
      <c r="AN14" s="313">
        <v>0</v>
      </c>
      <c r="AO14" s="313">
        <v>0</v>
      </c>
      <c r="AP14" s="313">
        <v>0</v>
      </c>
      <c r="AQ14" s="313">
        <v>1</v>
      </c>
      <c r="AR14" s="311">
        <v>1</v>
      </c>
      <c r="AS14" s="315">
        <v>1</v>
      </c>
      <c r="AT14" s="310">
        <v>1</v>
      </c>
      <c r="AU14" s="313">
        <v>0</v>
      </c>
      <c r="AV14" s="311">
        <v>1</v>
      </c>
      <c r="AW14" s="312">
        <v>0</v>
      </c>
      <c r="AX14" s="313">
        <v>1</v>
      </c>
      <c r="AY14" s="313">
        <v>1</v>
      </c>
      <c r="AZ14" s="313">
        <v>1</v>
      </c>
      <c r="BA14" s="313">
        <v>0</v>
      </c>
      <c r="BB14" s="313">
        <v>0</v>
      </c>
      <c r="BC14" s="311">
        <v>3</v>
      </c>
      <c r="BD14" s="315">
        <v>4</v>
      </c>
      <c r="BE14" s="310">
        <v>0</v>
      </c>
      <c r="BF14" s="313">
        <v>0</v>
      </c>
      <c r="BG14" s="311">
        <v>0</v>
      </c>
      <c r="BH14" s="312">
        <v>0</v>
      </c>
      <c r="BI14" s="313">
        <v>0</v>
      </c>
      <c r="BJ14" s="313">
        <v>3</v>
      </c>
      <c r="BK14" s="313">
        <v>0</v>
      </c>
      <c r="BL14" s="313">
        <v>4</v>
      </c>
      <c r="BM14" s="313">
        <v>1</v>
      </c>
      <c r="BN14" s="314">
        <v>8</v>
      </c>
      <c r="BO14" s="315">
        <v>8</v>
      </c>
      <c r="BP14" s="310">
        <v>0</v>
      </c>
      <c r="BQ14" s="313">
        <v>0</v>
      </c>
      <c r="BR14" s="311">
        <v>0</v>
      </c>
      <c r="BS14" s="312">
        <v>0</v>
      </c>
      <c r="BT14" s="313">
        <v>0</v>
      </c>
      <c r="BU14" s="313">
        <v>0</v>
      </c>
      <c r="BV14" s="313">
        <v>0</v>
      </c>
      <c r="BW14" s="313">
        <v>0</v>
      </c>
      <c r="BX14" s="313">
        <v>0</v>
      </c>
      <c r="BY14" s="311">
        <v>0</v>
      </c>
      <c r="BZ14" s="315">
        <v>0</v>
      </c>
      <c r="CA14" s="310">
        <v>0</v>
      </c>
      <c r="CB14" s="313">
        <v>0</v>
      </c>
      <c r="CC14" s="311">
        <v>0</v>
      </c>
      <c r="CD14" s="312">
        <v>0</v>
      </c>
      <c r="CE14" s="313">
        <v>0</v>
      </c>
      <c r="CF14" s="313">
        <v>0</v>
      </c>
      <c r="CG14" s="313">
        <v>0</v>
      </c>
      <c r="CH14" s="313">
        <v>0</v>
      </c>
      <c r="CI14" s="313">
        <v>0</v>
      </c>
      <c r="CJ14" s="311">
        <v>0</v>
      </c>
      <c r="CK14" s="315">
        <v>0</v>
      </c>
      <c r="CL14" s="310">
        <v>0</v>
      </c>
      <c r="CM14" s="313">
        <v>0</v>
      </c>
      <c r="CN14" s="311">
        <v>0</v>
      </c>
      <c r="CO14" s="312">
        <v>0</v>
      </c>
      <c r="CP14" s="313">
        <v>0</v>
      </c>
      <c r="CQ14" s="313">
        <v>0</v>
      </c>
      <c r="CR14" s="313">
        <v>0</v>
      </c>
      <c r="CS14" s="313">
        <v>0</v>
      </c>
      <c r="CT14" s="313">
        <v>0</v>
      </c>
      <c r="CU14" s="311">
        <v>0</v>
      </c>
      <c r="CV14" s="315">
        <v>0</v>
      </c>
    </row>
    <row r="15" spans="1:100" ht="21" customHeight="1" x14ac:dyDescent="0.2">
      <c r="A15" s="297" t="s">
        <v>12</v>
      </c>
      <c r="B15" s="310">
        <v>0</v>
      </c>
      <c r="C15" s="313">
        <v>0</v>
      </c>
      <c r="D15" s="441">
        <v>0</v>
      </c>
      <c r="E15" s="312">
        <v>0</v>
      </c>
      <c r="F15" s="313">
        <v>0</v>
      </c>
      <c r="G15" s="313">
        <v>0</v>
      </c>
      <c r="H15" s="313">
        <v>0</v>
      </c>
      <c r="I15" s="313">
        <v>0</v>
      </c>
      <c r="J15" s="313">
        <v>0</v>
      </c>
      <c r="K15" s="314">
        <v>0</v>
      </c>
      <c r="L15" s="315">
        <v>0</v>
      </c>
      <c r="M15" s="310">
        <v>0</v>
      </c>
      <c r="N15" s="313">
        <v>0</v>
      </c>
      <c r="O15" s="311">
        <v>0</v>
      </c>
      <c r="P15" s="312">
        <v>0</v>
      </c>
      <c r="Q15" s="313">
        <v>0</v>
      </c>
      <c r="R15" s="313">
        <v>0</v>
      </c>
      <c r="S15" s="313">
        <v>0</v>
      </c>
      <c r="T15" s="313">
        <v>0</v>
      </c>
      <c r="U15" s="313">
        <v>0</v>
      </c>
      <c r="V15" s="311">
        <v>0</v>
      </c>
      <c r="W15" s="315">
        <v>0</v>
      </c>
      <c r="X15" s="310">
        <v>0</v>
      </c>
      <c r="Y15" s="313">
        <v>0</v>
      </c>
      <c r="Z15" s="311">
        <v>0</v>
      </c>
      <c r="AA15" s="312">
        <v>0</v>
      </c>
      <c r="AB15" s="313">
        <v>20</v>
      </c>
      <c r="AC15" s="313">
        <v>11</v>
      </c>
      <c r="AD15" s="313">
        <v>9</v>
      </c>
      <c r="AE15" s="313">
        <v>6</v>
      </c>
      <c r="AF15" s="313">
        <v>0</v>
      </c>
      <c r="AG15" s="311">
        <v>46</v>
      </c>
      <c r="AH15" s="315">
        <v>46</v>
      </c>
      <c r="AI15" s="310">
        <v>0</v>
      </c>
      <c r="AJ15" s="313">
        <v>0</v>
      </c>
      <c r="AK15" s="311">
        <v>0</v>
      </c>
      <c r="AL15" s="312">
        <v>0</v>
      </c>
      <c r="AM15" s="313">
        <v>1</v>
      </c>
      <c r="AN15" s="313">
        <v>0</v>
      </c>
      <c r="AO15" s="313">
        <v>0</v>
      </c>
      <c r="AP15" s="313">
        <v>0</v>
      </c>
      <c r="AQ15" s="313">
        <v>0</v>
      </c>
      <c r="AR15" s="311">
        <v>1</v>
      </c>
      <c r="AS15" s="315">
        <v>1</v>
      </c>
      <c r="AT15" s="310">
        <v>0</v>
      </c>
      <c r="AU15" s="313">
        <v>0</v>
      </c>
      <c r="AV15" s="311">
        <v>0</v>
      </c>
      <c r="AW15" s="312">
        <v>0</v>
      </c>
      <c r="AX15" s="313">
        <v>1</v>
      </c>
      <c r="AY15" s="313">
        <v>1</v>
      </c>
      <c r="AZ15" s="313">
        <v>2</v>
      </c>
      <c r="BA15" s="313">
        <v>2</v>
      </c>
      <c r="BB15" s="313">
        <v>0</v>
      </c>
      <c r="BC15" s="311">
        <v>6</v>
      </c>
      <c r="BD15" s="315">
        <v>6</v>
      </c>
      <c r="BE15" s="310">
        <v>0</v>
      </c>
      <c r="BF15" s="313">
        <v>0</v>
      </c>
      <c r="BG15" s="311">
        <v>0</v>
      </c>
      <c r="BH15" s="312">
        <v>0</v>
      </c>
      <c r="BI15" s="313">
        <v>5</v>
      </c>
      <c r="BJ15" s="313">
        <v>1</v>
      </c>
      <c r="BK15" s="313">
        <v>1</v>
      </c>
      <c r="BL15" s="313">
        <v>1</v>
      </c>
      <c r="BM15" s="313">
        <v>0</v>
      </c>
      <c r="BN15" s="314">
        <v>8</v>
      </c>
      <c r="BO15" s="315">
        <v>8</v>
      </c>
      <c r="BP15" s="310">
        <v>0</v>
      </c>
      <c r="BQ15" s="313">
        <v>0</v>
      </c>
      <c r="BR15" s="311">
        <v>0</v>
      </c>
      <c r="BS15" s="312">
        <v>0</v>
      </c>
      <c r="BT15" s="313">
        <v>1</v>
      </c>
      <c r="BU15" s="313">
        <v>2</v>
      </c>
      <c r="BV15" s="313">
        <v>0</v>
      </c>
      <c r="BW15" s="313">
        <v>1</v>
      </c>
      <c r="BX15" s="313">
        <v>1</v>
      </c>
      <c r="BY15" s="311">
        <v>5</v>
      </c>
      <c r="BZ15" s="315">
        <v>5</v>
      </c>
      <c r="CA15" s="310">
        <v>0</v>
      </c>
      <c r="CB15" s="313">
        <v>0</v>
      </c>
      <c r="CC15" s="311">
        <v>0</v>
      </c>
      <c r="CD15" s="312">
        <v>0</v>
      </c>
      <c r="CE15" s="313">
        <v>0</v>
      </c>
      <c r="CF15" s="313">
        <v>0</v>
      </c>
      <c r="CG15" s="313">
        <v>0</v>
      </c>
      <c r="CH15" s="313">
        <v>0</v>
      </c>
      <c r="CI15" s="313">
        <v>1</v>
      </c>
      <c r="CJ15" s="311">
        <v>1</v>
      </c>
      <c r="CK15" s="315">
        <v>1</v>
      </c>
      <c r="CL15" s="310">
        <v>0</v>
      </c>
      <c r="CM15" s="313">
        <v>0</v>
      </c>
      <c r="CN15" s="311">
        <v>0</v>
      </c>
      <c r="CO15" s="312">
        <v>0</v>
      </c>
      <c r="CP15" s="313">
        <v>0</v>
      </c>
      <c r="CQ15" s="313">
        <v>1</v>
      </c>
      <c r="CR15" s="313">
        <v>1</v>
      </c>
      <c r="CS15" s="313">
        <v>1</v>
      </c>
      <c r="CT15" s="313">
        <v>3</v>
      </c>
      <c r="CU15" s="311">
        <v>6</v>
      </c>
      <c r="CV15" s="315">
        <v>6</v>
      </c>
    </row>
    <row r="16" spans="1:100" ht="21" customHeight="1" x14ac:dyDescent="0.2">
      <c r="A16" s="297" t="s">
        <v>13</v>
      </c>
      <c r="B16" s="310">
        <v>0</v>
      </c>
      <c r="C16" s="313">
        <v>0</v>
      </c>
      <c r="D16" s="441">
        <v>0</v>
      </c>
      <c r="E16" s="312">
        <v>0</v>
      </c>
      <c r="F16" s="313">
        <v>0</v>
      </c>
      <c r="G16" s="313">
        <v>0</v>
      </c>
      <c r="H16" s="313">
        <v>0</v>
      </c>
      <c r="I16" s="313">
        <v>0</v>
      </c>
      <c r="J16" s="313">
        <v>0</v>
      </c>
      <c r="K16" s="314">
        <v>0</v>
      </c>
      <c r="L16" s="315">
        <v>0</v>
      </c>
      <c r="M16" s="310">
        <v>0</v>
      </c>
      <c r="N16" s="313">
        <v>0</v>
      </c>
      <c r="O16" s="311">
        <v>0</v>
      </c>
      <c r="P16" s="312">
        <v>0</v>
      </c>
      <c r="Q16" s="313">
        <v>0</v>
      </c>
      <c r="R16" s="313">
        <v>0</v>
      </c>
      <c r="S16" s="313">
        <v>0</v>
      </c>
      <c r="T16" s="313">
        <v>0</v>
      </c>
      <c r="U16" s="313">
        <v>0</v>
      </c>
      <c r="V16" s="311">
        <v>0</v>
      </c>
      <c r="W16" s="315">
        <v>0</v>
      </c>
      <c r="X16" s="310">
        <v>0</v>
      </c>
      <c r="Y16" s="313">
        <v>0</v>
      </c>
      <c r="Z16" s="311">
        <v>0</v>
      </c>
      <c r="AA16" s="312">
        <v>0</v>
      </c>
      <c r="AB16" s="313">
        <v>8</v>
      </c>
      <c r="AC16" s="313">
        <v>9</v>
      </c>
      <c r="AD16" s="313">
        <v>8</v>
      </c>
      <c r="AE16" s="313">
        <v>3</v>
      </c>
      <c r="AF16" s="313">
        <v>0</v>
      </c>
      <c r="AG16" s="311">
        <v>28</v>
      </c>
      <c r="AH16" s="315">
        <v>28</v>
      </c>
      <c r="AI16" s="310">
        <v>0</v>
      </c>
      <c r="AJ16" s="313">
        <v>0</v>
      </c>
      <c r="AK16" s="311">
        <v>0</v>
      </c>
      <c r="AL16" s="312">
        <v>0</v>
      </c>
      <c r="AM16" s="313">
        <v>0</v>
      </c>
      <c r="AN16" s="313">
        <v>0</v>
      </c>
      <c r="AO16" s="313">
        <v>0</v>
      </c>
      <c r="AP16" s="313">
        <v>0</v>
      </c>
      <c r="AQ16" s="313">
        <v>0</v>
      </c>
      <c r="AR16" s="311">
        <v>0</v>
      </c>
      <c r="AS16" s="315">
        <v>0</v>
      </c>
      <c r="AT16" s="310">
        <v>0</v>
      </c>
      <c r="AU16" s="313">
        <v>0</v>
      </c>
      <c r="AV16" s="311">
        <v>0</v>
      </c>
      <c r="AW16" s="312">
        <v>0</v>
      </c>
      <c r="AX16" s="313">
        <v>0</v>
      </c>
      <c r="AY16" s="313">
        <v>1</v>
      </c>
      <c r="AZ16" s="313">
        <v>0</v>
      </c>
      <c r="BA16" s="313">
        <v>0</v>
      </c>
      <c r="BB16" s="313">
        <v>0</v>
      </c>
      <c r="BC16" s="311">
        <v>1</v>
      </c>
      <c r="BD16" s="315">
        <v>1</v>
      </c>
      <c r="BE16" s="310">
        <v>0</v>
      </c>
      <c r="BF16" s="313">
        <v>0</v>
      </c>
      <c r="BG16" s="311">
        <v>0</v>
      </c>
      <c r="BH16" s="312">
        <v>0</v>
      </c>
      <c r="BI16" s="313">
        <v>0</v>
      </c>
      <c r="BJ16" s="313">
        <v>1</v>
      </c>
      <c r="BK16" s="313">
        <v>1</v>
      </c>
      <c r="BL16" s="313">
        <v>1</v>
      </c>
      <c r="BM16" s="313">
        <v>0</v>
      </c>
      <c r="BN16" s="314">
        <v>3</v>
      </c>
      <c r="BO16" s="315">
        <v>3</v>
      </c>
      <c r="BP16" s="310">
        <v>0</v>
      </c>
      <c r="BQ16" s="313">
        <v>0</v>
      </c>
      <c r="BR16" s="311">
        <v>0</v>
      </c>
      <c r="BS16" s="312">
        <v>0</v>
      </c>
      <c r="BT16" s="313">
        <v>0</v>
      </c>
      <c r="BU16" s="313">
        <v>0</v>
      </c>
      <c r="BV16" s="313">
        <v>2</v>
      </c>
      <c r="BW16" s="313">
        <v>1</v>
      </c>
      <c r="BX16" s="313">
        <v>0</v>
      </c>
      <c r="BY16" s="311">
        <v>3</v>
      </c>
      <c r="BZ16" s="315">
        <v>3</v>
      </c>
      <c r="CA16" s="310">
        <v>0</v>
      </c>
      <c r="CB16" s="313">
        <v>0</v>
      </c>
      <c r="CC16" s="311">
        <v>0</v>
      </c>
      <c r="CD16" s="312">
        <v>0</v>
      </c>
      <c r="CE16" s="313">
        <v>0</v>
      </c>
      <c r="CF16" s="313">
        <v>0</v>
      </c>
      <c r="CG16" s="313">
        <v>0</v>
      </c>
      <c r="CH16" s="313">
        <v>0</v>
      </c>
      <c r="CI16" s="313">
        <v>0</v>
      </c>
      <c r="CJ16" s="311">
        <v>0</v>
      </c>
      <c r="CK16" s="315">
        <v>0</v>
      </c>
      <c r="CL16" s="310">
        <v>0</v>
      </c>
      <c r="CM16" s="313">
        <v>0</v>
      </c>
      <c r="CN16" s="311">
        <v>0</v>
      </c>
      <c r="CO16" s="312">
        <v>0</v>
      </c>
      <c r="CP16" s="313">
        <v>0</v>
      </c>
      <c r="CQ16" s="313">
        <v>0</v>
      </c>
      <c r="CR16" s="313">
        <v>0</v>
      </c>
      <c r="CS16" s="313">
        <v>0</v>
      </c>
      <c r="CT16" s="313">
        <v>0</v>
      </c>
      <c r="CU16" s="311">
        <v>0</v>
      </c>
      <c r="CV16" s="315">
        <v>0</v>
      </c>
    </row>
    <row r="17" spans="1:100" ht="21" customHeight="1" x14ac:dyDescent="0.2">
      <c r="A17" s="297" t="s">
        <v>15</v>
      </c>
      <c r="B17" s="310">
        <v>0</v>
      </c>
      <c r="C17" s="313">
        <v>0</v>
      </c>
      <c r="D17" s="441">
        <v>0</v>
      </c>
      <c r="E17" s="312">
        <v>0</v>
      </c>
      <c r="F17" s="313">
        <v>0</v>
      </c>
      <c r="G17" s="313">
        <v>0</v>
      </c>
      <c r="H17" s="313">
        <v>0</v>
      </c>
      <c r="I17" s="313">
        <v>0</v>
      </c>
      <c r="J17" s="313">
        <v>0</v>
      </c>
      <c r="K17" s="314">
        <v>0</v>
      </c>
      <c r="L17" s="315">
        <v>0</v>
      </c>
      <c r="M17" s="310">
        <v>0</v>
      </c>
      <c r="N17" s="313">
        <v>0</v>
      </c>
      <c r="O17" s="311">
        <v>0</v>
      </c>
      <c r="P17" s="312">
        <v>0</v>
      </c>
      <c r="Q17" s="313">
        <v>0</v>
      </c>
      <c r="R17" s="313">
        <v>0</v>
      </c>
      <c r="S17" s="313">
        <v>0</v>
      </c>
      <c r="T17" s="313">
        <v>0</v>
      </c>
      <c r="U17" s="313">
        <v>0</v>
      </c>
      <c r="V17" s="311">
        <v>0</v>
      </c>
      <c r="W17" s="315">
        <v>0</v>
      </c>
      <c r="X17" s="310">
        <v>0</v>
      </c>
      <c r="Y17" s="313">
        <v>0</v>
      </c>
      <c r="Z17" s="311">
        <v>0</v>
      </c>
      <c r="AA17" s="312">
        <v>0</v>
      </c>
      <c r="AB17" s="313">
        <v>9</v>
      </c>
      <c r="AC17" s="313">
        <v>7</v>
      </c>
      <c r="AD17" s="313">
        <v>2</v>
      </c>
      <c r="AE17" s="313">
        <v>5</v>
      </c>
      <c r="AF17" s="313">
        <v>1</v>
      </c>
      <c r="AG17" s="311">
        <v>24</v>
      </c>
      <c r="AH17" s="315">
        <v>24</v>
      </c>
      <c r="AI17" s="310">
        <v>0</v>
      </c>
      <c r="AJ17" s="313">
        <v>0</v>
      </c>
      <c r="AK17" s="311">
        <v>0</v>
      </c>
      <c r="AL17" s="312">
        <v>0</v>
      </c>
      <c r="AM17" s="313">
        <v>0</v>
      </c>
      <c r="AN17" s="313">
        <v>0</v>
      </c>
      <c r="AO17" s="313">
        <v>1</v>
      </c>
      <c r="AP17" s="313">
        <v>0</v>
      </c>
      <c r="AQ17" s="313">
        <v>0</v>
      </c>
      <c r="AR17" s="311">
        <v>1</v>
      </c>
      <c r="AS17" s="315">
        <v>1</v>
      </c>
      <c r="AT17" s="310">
        <v>0</v>
      </c>
      <c r="AU17" s="313">
        <v>0</v>
      </c>
      <c r="AV17" s="311">
        <v>0</v>
      </c>
      <c r="AW17" s="312">
        <v>0</v>
      </c>
      <c r="AX17" s="313">
        <v>0</v>
      </c>
      <c r="AY17" s="313">
        <v>0</v>
      </c>
      <c r="AZ17" s="313">
        <v>0</v>
      </c>
      <c r="BA17" s="313">
        <v>0</v>
      </c>
      <c r="BB17" s="313">
        <v>0</v>
      </c>
      <c r="BC17" s="311">
        <v>0</v>
      </c>
      <c r="BD17" s="315">
        <v>0</v>
      </c>
      <c r="BE17" s="310">
        <v>0</v>
      </c>
      <c r="BF17" s="313">
        <v>0</v>
      </c>
      <c r="BG17" s="311">
        <v>0</v>
      </c>
      <c r="BH17" s="312">
        <v>0</v>
      </c>
      <c r="BI17" s="313">
        <v>1</v>
      </c>
      <c r="BJ17" s="313">
        <v>1</v>
      </c>
      <c r="BK17" s="313">
        <v>2</v>
      </c>
      <c r="BL17" s="313">
        <v>1</v>
      </c>
      <c r="BM17" s="313">
        <v>0</v>
      </c>
      <c r="BN17" s="314">
        <v>5</v>
      </c>
      <c r="BO17" s="315">
        <v>5</v>
      </c>
      <c r="BP17" s="310">
        <v>0</v>
      </c>
      <c r="BQ17" s="313">
        <v>0</v>
      </c>
      <c r="BR17" s="311">
        <v>0</v>
      </c>
      <c r="BS17" s="312">
        <v>0</v>
      </c>
      <c r="BT17" s="313">
        <v>0</v>
      </c>
      <c r="BU17" s="313">
        <v>0</v>
      </c>
      <c r="BV17" s="313">
        <v>0</v>
      </c>
      <c r="BW17" s="313">
        <v>0</v>
      </c>
      <c r="BX17" s="313">
        <v>0</v>
      </c>
      <c r="BY17" s="311">
        <v>0</v>
      </c>
      <c r="BZ17" s="315">
        <v>0</v>
      </c>
      <c r="CA17" s="310">
        <v>0</v>
      </c>
      <c r="CB17" s="313">
        <v>0</v>
      </c>
      <c r="CC17" s="311">
        <v>0</v>
      </c>
      <c r="CD17" s="312">
        <v>0</v>
      </c>
      <c r="CE17" s="313">
        <v>0</v>
      </c>
      <c r="CF17" s="313">
        <v>0</v>
      </c>
      <c r="CG17" s="313">
        <v>0</v>
      </c>
      <c r="CH17" s="313">
        <v>0</v>
      </c>
      <c r="CI17" s="313">
        <v>0</v>
      </c>
      <c r="CJ17" s="311">
        <v>0</v>
      </c>
      <c r="CK17" s="315">
        <v>0</v>
      </c>
      <c r="CL17" s="310">
        <v>0</v>
      </c>
      <c r="CM17" s="313">
        <v>0</v>
      </c>
      <c r="CN17" s="311">
        <v>0</v>
      </c>
      <c r="CO17" s="312">
        <v>0</v>
      </c>
      <c r="CP17" s="313">
        <v>0</v>
      </c>
      <c r="CQ17" s="313">
        <v>0</v>
      </c>
      <c r="CR17" s="313">
        <v>0</v>
      </c>
      <c r="CS17" s="313">
        <v>0</v>
      </c>
      <c r="CT17" s="313">
        <v>0</v>
      </c>
      <c r="CU17" s="311">
        <v>0</v>
      </c>
      <c r="CV17" s="315">
        <v>0</v>
      </c>
    </row>
    <row r="18" spans="1:100" ht="21" customHeight="1" x14ac:dyDescent="0.2">
      <c r="A18" s="297" t="s">
        <v>16</v>
      </c>
      <c r="B18" s="310">
        <v>0</v>
      </c>
      <c r="C18" s="313">
        <v>0</v>
      </c>
      <c r="D18" s="441">
        <v>0</v>
      </c>
      <c r="E18" s="312">
        <v>0</v>
      </c>
      <c r="F18" s="313">
        <v>0</v>
      </c>
      <c r="G18" s="313">
        <v>0</v>
      </c>
      <c r="H18" s="313">
        <v>0</v>
      </c>
      <c r="I18" s="313">
        <v>0</v>
      </c>
      <c r="J18" s="313">
        <v>2</v>
      </c>
      <c r="K18" s="314">
        <v>2</v>
      </c>
      <c r="L18" s="315">
        <v>2</v>
      </c>
      <c r="M18" s="310">
        <v>0</v>
      </c>
      <c r="N18" s="313">
        <v>0</v>
      </c>
      <c r="O18" s="311">
        <v>0</v>
      </c>
      <c r="P18" s="312">
        <v>0</v>
      </c>
      <c r="Q18" s="313">
        <v>0</v>
      </c>
      <c r="R18" s="313">
        <v>1</v>
      </c>
      <c r="S18" s="313">
        <v>1</v>
      </c>
      <c r="T18" s="313">
        <v>0</v>
      </c>
      <c r="U18" s="313">
        <v>0</v>
      </c>
      <c r="V18" s="311">
        <v>2</v>
      </c>
      <c r="W18" s="315">
        <v>2</v>
      </c>
      <c r="X18" s="310">
        <v>0</v>
      </c>
      <c r="Y18" s="313">
        <v>0</v>
      </c>
      <c r="Z18" s="311">
        <v>0</v>
      </c>
      <c r="AA18" s="312">
        <v>0</v>
      </c>
      <c r="AB18" s="313">
        <v>8</v>
      </c>
      <c r="AC18" s="313">
        <v>6</v>
      </c>
      <c r="AD18" s="313">
        <v>4</v>
      </c>
      <c r="AE18" s="313">
        <v>1</v>
      </c>
      <c r="AF18" s="313">
        <v>2</v>
      </c>
      <c r="AG18" s="311">
        <v>21</v>
      </c>
      <c r="AH18" s="315">
        <v>21</v>
      </c>
      <c r="AI18" s="310">
        <v>0</v>
      </c>
      <c r="AJ18" s="313">
        <v>0</v>
      </c>
      <c r="AK18" s="311">
        <v>0</v>
      </c>
      <c r="AL18" s="312">
        <v>0</v>
      </c>
      <c r="AM18" s="313">
        <v>0</v>
      </c>
      <c r="AN18" s="313">
        <v>1</v>
      </c>
      <c r="AO18" s="313">
        <v>1</v>
      </c>
      <c r="AP18" s="313">
        <v>0</v>
      </c>
      <c r="AQ18" s="313">
        <v>0</v>
      </c>
      <c r="AR18" s="311">
        <v>2</v>
      </c>
      <c r="AS18" s="315">
        <v>2</v>
      </c>
      <c r="AT18" s="310">
        <v>0</v>
      </c>
      <c r="AU18" s="313">
        <v>0</v>
      </c>
      <c r="AV18" s="311">
        <v>0</v>
      </c>
      <c r="AW18" s="312">
        <v>0</v>
      </c>
      <c r="AX18" s="313">
        <v>0</v>
      </c>
      <c r="AY18" s="313">
        <v>0</v>
      </c>
      <c r="AZ18" s="313">
        <v>0</v>
      </c>
      <c r="BA18" s="313">
        <v>0</v>
      </c>
      <c r="BB18" s="313">
        <v>1</v>
      </c>
      <c r="BC18" s="311">
        <v>1</v>
      </c>
      <c r="BD18" s="315">
        <v>1</v>
      </c>
      <c r="BE18" s="310">
        <v>0</v>
      </c>
      <c r="BF18" s="313">
        <v>0</v>
      </c>
      <c r="BG18" s="311">
        <v>0</v>
      </c>
      <c r="BH18" s="312">
        <v>0</v>
      </c>
      <c r="BI18" s="313">
        <v>0</v>
      </c>
      <c r="BJ18" s="313">
        <v>2</v>
      </c>
      <c r="BK18" s="313">
        <v>1</v>
      </c>
      <c r="BL18" s="313">
        <v>1</v>
      </c>
      <c r="BM18" s="313">
        <v>2</v>
      </c>
      <c r="BN18" s="314">
        <v>6</v>
      </c>
      <c r="BO18" s="315">
        <v>6</v>
      </c>
      <c r="BP18" s="310">
        <v>0</v>
      </c>
      <c r="BQ18" s="313">
        <v>0</v>
      </c>
      <c r="BR18" s="311">
        <v>0</v>
      </c>
      <c r="BS18" s="312">
        <v>0</v>
      </c>
      <c r="BT18" s="313">
        <v>0</v>
      </c>
      <c r="BU18" s="313">
        <v>0</v>
      </c>
      <c r="BV18" s="313">
        <v>0</v>
      </c>
      <c r="BW18" s="313">
        <v>0</v>
      </c>
      <c r="BX18" s="313">
        <v>0</v>
      </c>
      <c r="BY18" s="311">
        <v>0</v>
      </c>
      <c r="BZ18" s="315">
        <v>0</v>
      </c>
      <c r="CA18" s="310">
        <v>0</v>
      </c>
      <c r="CB18" s="313">
        <v>0</v>
      </c>
      <c r="CC18" s="311">
        <v>0</v>
      </c>
      <c r="CD18" s="312">
        <v>0</v>
      </c>
      <c r="CE18" s="313">
        <v>0</v>
      </c>
      <c r="CF18" s="313">
        <v>0</v>
      </c>
      <c r="CG18" s="313">
        <v>0</v>
      </c>
      <c r="CH18" s="313">
        <v>0</v>
      </c>
      <c r="CI18" s="313">
        <v>0</v>
      </c>
      <c r="CJ18" s="311">
        <v>0</v>
      </c>
      <c r="CK18" s="315">
        <v>0</v>
      </c>
      <c r="CL18" s="310">
        <v>0</v>
      </c>
      <c r="CM18" s="313">
        <v>0</v>
      </c>
      <c r="CN18" s="311">
        <v>0</v>
      </c>
      <c r="CO18" s="312">
        <v>0</v>
      </c>
      <c r="CP18" s="313">
        <v>0</v>
      </c>
      <c r="CQ18" s="313">
        <v>0</v>
      </c>
      <c r="CR18" s="313">
        <v>0</v>
      </c>
      <c r="CS18" s="313">
        <v>0</v>
      </c>
      <c r="CT18" s="313">
        <v>0</v>
      </c>
      <c r="CU18" s="311">
        <v>0</v>
      </c>
      <c r="CV18" s="315">
        <v>0</v>
      </c>
    </row>
    <row r="19" spans="1:100" ht="21" customHeight="1" x14ac:dyDescent="0.2">
      <c r="A19" s="297" t="s">
        <v>17</v>
      </c>
      <c r="B19" s="310">
        <v>0</v>
      </c>
      <c r="C19" s="313">
        <v>0</v>
      </c>
      <c r="D19" s="441">
        <v>0</v>
      </c>
      <c r="E19" s="312">
        <v>0</v>
      </c>
      <c r="F19" s="313">
        <v>0</v>
      </c>
      <c r="G19" s="313">
        <v>0</v>
      </c>
      <c r="H19" s="313">
        <v>0</v>
      </c>
      <c r="I19" s="313">
        <v>0</v>
      </c>
      <c r="J19" s="313">
        <v>0</v>
      </c>
      <c r="K19" s="314">
        <v>0</v>
      </c>
      <c r="L19" s="315">
        <v>0</v>
      </c>
      <c r="M19" s="310">
        <v>0</v>
      </c>
      <c r="N19" s="313">
        <v>0</v>
      </c>
      <c r="O19" s="311">
        <v>0</v>
      </c>
      <c r="P19" s="312">
        <v>0</v>
      </c>
      <c r="Q19" s="313">
        <v>0</v>
      </c>
      <c r="R19" s="313">
        <v>0</v>
      </c>
      <c r="S19" s="313">
        <v>0</v>
      </c>
      <c r="T19" s="313">
        <v>0</v>
      </c>
      <c r="U19" s="313">
        <v>0</v>
      </c>
      <c r="V19" s="311">
        <v>0</v>
      </c>
      <c r="W19" s="315">
        <v>0</v>
      </c>
      <c r="X19" s="310">
        <v>0</v>
      </c>
      <c r="Y19" s="313">
        <v>0</v>
      </c>
      <c r="Z19" s="311">
        <v>0</v>
      </c>
      <c r="AA19" s="312">
        <v>0</v>
      </c>
      <c r="AB19" s="313">
        <v>14</v>
      </c>
      <c r="AC19" s="313">
        <v>14</v>
      </c>
      <c r="AD19" s="313">
        <v>7</v>
      </c>
      <c r="AE19" s="313">
        <v>4</v>
      </c>
      <c r="AF19" s="313">
        <v>1</v>
      </c>
      <c r="AG19" s="311">
        <v>40</v>
      </c>
      <c r="AH19" s="315">
        <v>40</v>
      </c>
      <c r="AI19" s="310">
        <v>0</v>
      </c>
      <c r="AJ19" s="313">
        <v>0</v>
      </c>
      <c r="AK19" s="311">
        <v>0</v>
      </c>
      <c r="AL19" s="312">
        <v>0</v>
      </c>
      <c r="AM19" s="313">
        <v>1</v>
      </c>
      <c r="AN19" s="313">
        <v>0</v>
      </c>
      <c r="AO19" s="313">
        <v>0</v>
      </c>
      <c r="AP19" s="313">
        <v>0</v>
      </c>
      <c r="AQ19" s="313">
        <v>0</v>
      </c>
      <c r="AR19" s="311">
        <v>1</v>
      </c>
      <c r="AS19" s="315">
        <v>1</v>
      </c>
      <c r="AT19" s="310">
        <v>0</v>
      </c>
      <c r="AU19" s="313">
        <v>0</v>
      </c>
      <c r="AV19" s="311">
        <v>0</v>
      </c>
      <c r="AW19" s="312">
        <v>0</v>
      </c>
      <c r="AX19" s="313">
        <v>0</v>
      </c>
      <c r="AY19" s="313">
        <v>3</v>
      </c>
      <c r="AZ19" s="313">
        <v>0</v>
      </c>
      <c r="BA19" s="313">
        <v>3</v>
      </c>
      <c r="BB19" s="313">
        <v>0</v>
      </c>
      <c r="BC19" s="311">
        <v>6</v>
      </c>
      <c r="BD19" s="315">
        <v>6</v>
      </c>
      <c r="BE19" s="310">
        <v>0</v>
      </c>
      <c r="BF19" s="313">
        <v>0</v>
      </c>
      <c r="BG19" s="311">
        <v>0</v>
      </c>
      <c r="BH19" s="312">
        <v>0</v>
      </c>
      <c r="BI19" s="313">
        <v>2</v>
      </c>
      <c r="BJ19" s="313">
        <v>5</v>
      </c>
      <c r="BK19" s="313">
        <v>3</v>
      </c>
      <c r="BL19" s="313">
        <v>4</v>
      </c>
      <c r="BM19" s="313">
        <v>2</v>
      </c>
      <c r="BN19" s="314">
        <v>16</v>
      </c>
      <c r="BO19" s="315">
        <v>16</v>
      </c>
      <c r="BP19" s="310">
        <v>0</v>
      </c>
      <c r="BQ19" s="313">
        <v>0</v>
      </c>
      <c r="BR19" s="311">
        <v>0</v>
      </c>
      <c r="BS19" s="312">
        <v>0</v>
      </c>
      <c r="BT19" s="313">
        <v>0</v>
      </c>
      <c r="BU19" s="313">
        <v>0</v>
      </c>
      <c r="BV19" s="313">
        <v>0</v>
      </c>
      <c r="BW19" s="313">
        <v>0</v>
      </c>
      <c r="BX19" s="313">
        <v>0</v>
      </c>
      <c r="BY19" s="311">
        <v>0</v>
      </c>
      <c r="BZ19" s="315">
        <v>0</v>
      </c>
      <c r="CA19" s="310">
        <v>0</v>
      </c>
      <c r="CB19" s="313">
        <v>0</v>
      </c>
      <c r="CC19" s="311">
        <v>0</v>
      </c>
      <c r="CD19" s="312">
        <v>0</v>
      </c>
      <c r="CE19" s="313">
        <v>0</v>
      </c>
      <c r="CF19" s="313">
        <v>0</v>
      </c>
      <c r="CG19" s="313">
        <v>2</v>
      </c>
      <c r="CH19" s="313">
        <v>1</v>
      </c>
      <c r="CI19" s="313">
        <v>3</v>
      </c>
      <c r="CJ19" s="311">
        <v>6</v>
      </c>
      <c r="CK19" s="315">
        <v>6</v>
      </c>
      <c r="CL19" s="310">
        <v>0</v>
      </c>
      <c r="CM19" s="313">
        <v>0</v>
      </c>
      <c r="CN19" s="311">
        <v>0</v>
      </c>
      <c r="CO19" s="312">
        <v>0</v>
      </c>
      <c r="CP19" s="313">
        <v>0</v>
      </c>
      <c r="CQ19" s="313">
        <v>0</v>
      </c>
      <c r="CR19" s="313">
        <v>0</v>
      </c>
      <c r="CS19" s="313">
        <v>0</v>
      </c>
      <c r="CT19" s="313">
        <v>0</v>
      </c>
      <c r="CU19" s="311">
        <v>0</v>
      </c>
      <c r="CV19" s="315">
        <v>0</v>
      </c>
    </row>
    <row r="20" spans="1:100" ht="21" customHeight="1" x14ac:dyDescent="0.2">
      <c r="A20" s="297" t="s">
        <v>18</v>
      </c>
      <c r="B20" s="310">
        <v>0</v>
      </c>
      <c r="C20" s="313">
        <v>0</v>
      </c>
      <c r="D20" s="441">
        <v>0</v>
      </c>
      <c r="E20" s="312">
        <v>0</v>
      </c>
      <c r="F20" s="313">
        <v>0</v>
      </c>
      <c r="G20" s="313">
        <v>0</v>
      </c>
      <c r="H20" s="313">
        <v>0</v>
      </c>
      <c r="I20" s="313">
        <v>0</v>
      </c>
      <c r="J20" s="313">
        <v>1</v>
      </c>
      <c r="K20" s="314">
        <v>1</v>
      </c>
      <c r="L20" s="315">
        <v>1</v>
      </c>
      <c r="M20" s="310">
        <v>0</v>
      </c>
      <c r="N20" s="313">
        <v>0</v>
      </c>
      <c r="O20" s="311">
        <v>0</v>
      </c>
      <c r="P20" s="312">
        <v>0</v>
      </c>
      <c r="Q20" s="313">
        <v>0</v>
      </c>
      <c r="R20" s="313">
        <v>0</v>
      </c>
      <c r="S20" s="313">
        <v>0</v>
      </c>
      <c r="T20" s="313">
        <v>0</v>
      </c>
      <c r="U20" s="313">
        <v>0</v>
      </c>
      <c r="V20" s="311">
        <v>0</v>
      </c>
      <c r="W20" s="315">
        <v>0</v>
      </c>
      <c r="X20" s="310">
        <v>0</v>
      </c>
      <c r="Y20" s="313">
        <v>0</v>
      </c>
      <c r="Z20" s="311">
        <v>0</v>
      </c>
      <c r="AA20" s="312">
        <v>0</v>
      </c>
      <c r="AB20" s="313">
        <v>28</v>
      </c>
      <c r="AC20" s="313">
        <v>19</v>
      </c>
      <c r="AD20" s="313">
        <v>4</v>
      </c>
      <c r="AE20" s="313">
        <v>1</v>
      </c>
      <c r="AF20" s="313">
        <v>0</v>
      </c>
      <c r="AG20" s="311">
        <v>52</v>
      </c>
      <c r="AH20" s="315">
        <v>52</v>
      </c>
      <c r="AI20" s="310">
        <v>0</v>
      </c>
      <c r="AJ20" s="313">
        <v>0</v>
      </c>
      <c r="AK20" s="311">
        <v>0</v>
      </c>
      <c r="AL20" s="312">
        <v>0</v>
      </c>
      <c r="AM20" s="313">
        <v>0</v>
      </c>
      <c r="AN20" s="313">
        <v>0</v>
      </c>
      <c r="AO20" s="313">
        <v>3</v>
      </c>
      <c r="AP20" s="313">
        <v>0</v>
      </c>
      <c r="AQ20" s="313">
        <v>0</v>
      </c>
      <c r="AR20" s="311">
        <v>3</v>
      </c>
      <c r="AS20" s="315">
        <v>3</v>
      </c>
      <c r="AT20" s="310">
        <v>0</v>
      </c>
      <c r="AU20" s="313">
        <v>0</v>
      </c>
      <c r="AV20" s="311">
        <v>0</v>
      </c>
      <c r="AW20" s="312">
        <v>0</v>
      </c>
      <c r="AX20" s="313">
        <v>2</v>
      </c>
      <c r="AY20" s="313">
        <v>3</v>
      </c>
      <c r="AZ20" s="313">
        <v>0</v>
      </c>
      <c r="BA20" s="313">
        <v>1</v>
      </c>
      <c r="BB20" s="313">
        <v>0</v>
      </c>
      <c r="BC20" s="311">
        <v>6</v>
      </c>
      <c r="BD20" s="315">
        <v>6</v>
      </c>
      <c r="BE20" s="310">
        <v>0</v>
      </c>
      <c r="BF20" s="313">
        <v>0</v>
      </c>
      <c r="BG20" s="311">
        <v>0</v>
      </c>
      <c r="BH20" s="312">
        <v>0</v>
      </c>
      <c r="BI20" s="313">
        <v>0</v>
      </c>
      <c r="BJ20" s="313">
        <v>2</v>
      </c>
      <c r="BK20" s="313">
        <v>0</v>
      </c>
      <c r="BL20" s="313">
        <v>2</v>
      </c>
      <c r="BM20" s="313">
        <v>1</v>
      </c>
      <c r="BN20" s="314">
        <v>5</v>
      </c>
      <c r="BO20" s="315">
        <v>5</v>
      </c>
      <c r="BP20" s="310">
        <v>0</v>
      </c>
      <c r="BQ20" s="313">
        <v>0</v>
      </c>
      <c r="BR20" s="311">
        <v>0</v>
      </c>
      <c r="BS20" s="312">
        <v>0</v>
      </c>
      <c r="BT20" s="313">
        <v>0</v>
      </c>
      <c r="BU20" s="313">
        <v>0</v>
      </c>
      <c r="BV20" s="313">
        <v>0</v>
      </c>
      <c r="BW20" s="313">
        <v>0</v>
      </c>
      <c r="BX20" s="313">
        <v>0</v>
      </c>
      <c r="BY20" s="311">
        <v>0</v>
      </c>
      <c r="BZ20" s="315">
        <v>0</v>
      </c>
      <c r="CA20" s="310">
        <v>0</v>
      </c>
      <c r="CB20" s="313">
        <v>0</v>
      </c>
      <c r="CC20" s="311">
        <v>0</v>
      </c>
      <c r="CD20" s="312">
        <v>0</v>
      </c>
      <c r="CE20" s="313">
        <v>0</v>
      </c>
      <c r="CF20" s="313">
        <v>0</v>
      </c>
      <c r="CG20" s="313">
        <v>0</v>
      </c>
      <c r="CH20" s="313">
        <v>0</v>
      </c>
      <c r="CI20" s="313">
        <v>0</v>
      </c>
      <c r="CJ20" s="311">
        <v>0</v>
      </c>
      <c r="CK20" s="315">
        <v>0</v>
      </c>
      <c r="CL20" s="310">
        <v>0</v>
      </c>
      <c r="CM20" s="313">
        <v>0</v>
      </c>
      <c r="CN20" s="311">
        <v>0</v>
      </c>
      <c r="CO20" s="312">
        <v>0</v>
      </c>
      <c r="CP20" s="313">
        <v>0</v>
      </c>
      <c r="CQ20" s="313">
        <v>0</v>
      </c>
      <c r="CR20" s="313">
        <v>1</v>
      </c>
      <c r="CS20" s="313">
        <v>2</v>
      </c>
      <c r="CT20" s="313">
        <v>2</v>
      </c>
      <c r="CU20" s="311">
        <v>5</v>
      </c>
      <c r="CV20" s="315">
        <v>5</v>
      </c>
    </row>
    <row r="21" spans="1:100" ht="21" customHeight="1" x14ac:dyDescent="0.2">
      <c r="A21" s="297" t="s">
        <v>19</v>
      </c>
      <c r="B21" s="310">
        <v>0</v>
      </c>
      <c r="C21" s="313">
        <v>0</v>
      </c>
      <c r="D21" s="441">
        <v>0</v>
      </c>
      <c r="E21" s="312">
        <v>0</v>
      </c>
      <c r="F21" s="313">
        <v>0</v>
      </c>
      <c r="G21" s="313">
        <v>0</v>
      </c>
      <c r="H21" s="313">
        <v>0</v>
      </c>
      <c r="I21" s="313">
        <v>2</v>
      </c>
      <c r="J21" s="313">
        <v>0</v>
      </c>
      <c r="K21" s="314">
        <v>2</v>
      </c>
      <c r="L21" s="315">
        <v>2</v>
      </c>
      <c r="M21" s="310">
        <v>0</v>
      </c>
      <c r="N21" s="313">
        <v>0</v>
      </c>
      <c r="O21" s="311">
        <v>0</v>
      </c>
      <c r="P21" s="312">
        <v>0</v>
      </c>
      <c r="Q21" s="313">
        <v>0</v>
      </c>
      <c r="R21" s="313">
        <v>0</v>
      </c>
      <c r="S21" s="313">
        <v>0</v>
      </c>
      <c r="T21" s="313">
        <v>1</v>
      </c>
      <c r="U21" s="313">
        <v>0</v>
      </c>
      <c r="V21" s="311">
        <v>1</v>
      </c>
      <c r="W21" s="315">
        <v>1</v>
      </c>
      <c r="X21" s="310">
        <v>0</v>
      </c>
      <c r="Y21" s="313">
        <v>0</v>
      </c>
      <c r="Z21" s="311">
        <v>0</v>
      </c>
      <c r="AA21" s="312">
        <v>0</v>
      </c>
      <c r="AB21" s="313">
        <v>10</v>
      </c>
      <c r="AC21" s="313">
        <v>6</v>
      </c>
      <c r="AD21" s="313">
        <v>4</v>
      </c>
      <c r="AE21" s="313">
        <v>1</v>
      </c>
      <c r="AF21" s="313">
        <v>0</v>
      </c>
      <c r="AG21" s="311">
        <v>21</v>
      </c>
      <c r="AH21" s="315">
        <v>21</v>
      </c>
      <c r="AI21" s="310">
        <v>0</v>
      </c>
      <c r="AJ21" s="313">
        <v>0</v>
      </c>
      <c r="AK21" s="311">
        <v>0</v>
      </c>
      <c r="AL21" s="312">
        <v>0</v>
      </c>
      <c r="AM21" s="313">
        <v>1</v>
      </c>
      <c r="AN21" s="313">
        <v>3</v>
      </c>
      <c r="AO21" s="313">
        <v>1</v>
      </c>
      <c r="AP21" s="313">
        <v>0</v>
      </c>
      <c r="AQ21" s="313">
        <v>0</v>
      </c>
      <c r="AR21" s="311">
        <v>5</v>
      </c>
      <c r="AS21" s="315">
        <v>5</v>
      </c>
      <c r="AT21" s="310">
        <v>0</v>
      </c>
      <c r="AU21" s="313">
        <v>0</v>
      </c>
      <c r="AV21" s="311">
        <v>0</v>
      </c>
      <c r="AW21" s="312">
        <v>0</v>
      </c>
      <c r="AX21" s="313">
        <v>1</v>
      </c>
      <c r="AY21" s="313">
        <v>1</v>
      </c>
      <c r="AZ21" s="313">
        <v>1</v>
      </c>
      <c r="BA21" s="313">
        <v>3</v>
      </c>
      <c r="BB21" s="313">
        <v>1</v>
      </c>
      <c r="BC21" s="311">
        <v>7</v>
      </c>
      <c r="BD21" s="315">
        <v>7</v>
      </c>
      <c r="BE21" s="310">
        <v>0</v>
      </c>
      <c r="BF21" s="313">
        <v>0</v>
      </c>
      <c r="BG21" s="311">
        <v>0</v>
      </c>
      <c r="BH21" s="312">
        <v>0</v>
      </c>
      <c r="BI21" s="313">
        <v>1</v>
      </c>
      <c r="BJ21" s="313">
        <v>0</v>
      </c>
      <c r="BK21" s="313">
        <v>0</v>
      </c>
      <c r="BL21" s="313">
        <v>1</v>
      </c>
      <c r="BM21" s="313">
        <v>0</v>
      </c>
      <c r="BN21" s="314">
        <v>2</v>
      </c>
      <c r="BO21" s="315">
        <v>2</v>
      </c>
      <c r="BP21" s="310">
        <v>0</v>
      </c>
      <c r="BQ21" s="313">
        <v>0</v>
      </c>
      <c r="BR21" s="311">
        <v>0</v>
      </c>
      <c r="BS21" s="312">
        <v>0</v>
      </c>
      <c r="BT21" s="313">
        <v>0</v>
      </c>
      <c r="BU21" s="313">
        <v>0</v>
      </c>
      <c r="BV21" s="313">
        <v>0</v>
      </c>
      <c r="BW21" s="313">
        <v>0</v>
      </c>
      <c r="BX21" s="313">
        <v>0</v>
      </c>
      <c r="BY21" s="311">
        <v>0</v>
      </c>
      <c r="BZ21" s="315">
        <v>0</v>
      </c>
      <c r="CA21" s="310">
        <v>0</v>
      </c>
      <c r="CB21" s="313">
        <v>0</v>
      </c>
      <c r="CC21" s="311">
        <v>0</v>
      </c>
      <c r="CD21" s="312">
        <v>0</v>
      </c>
      <c r="CE21" s="313">
        <v>0</v>
      </c>
      <c r="CF21" s="313">
        <v>0</v>
      </c>
      <c r="CG21" s="313">
        <v>0</v>
      </c>
      <c r="CH21" s="313">
        <v>0</v>
      </c>
      <c r="CI21" s="313">
        <v>0</v>
      </c>
      <c r="CJ21" s="311">
        <v>0</v>
      </c>
      <c r="CK21" s="315">
        <v>0</v>
      </c>
      <c r="CL21" s="310">
        <v>0</v>
      </c>
      <c r="CM21" s="313">
        <v>0</v>
      </c>
      <c r="CN21" s="311">
        <v>0</v>
      </c>
      <c r="CO21" s="312">
        <v>0</v>
      </c>
      <c r="CP21" s="313">
        <v>0</v>
      </c>
      <c r="CQ21" s="313">
        <v>0</v>
      </c>
      <c r="CR21" s="313">
        <v>0</v>
      </c>
      <c r="CS21" s="313">
        <v>0</v>
      </c>
      <c r="CT21" s="313">
        <v>0</v>
      </c>
      <c r="CU21" s="311">
        <v>0</v>
      </c>
      <c r="CV21" s="315">
        <v>0</v>
      </c>
    </row>
    <row r="22" spans="1:100" ht="21" customHeight="1" x14ac:dyDescent="0.2">
      <c r="A22" s="297" t="s">
        <v>20</v>
      </c>
      <c r="B22" s="310">
        <v>0</v>
      </c>
      <c r="C22" s="313">
        <v>0</v>
      </c>
      <c r="D22" s="441">
        <v>0</v>
      </c>
      <c r="E22" s="312">
        <v>0</v>
      </c>
      <c r="F22" s="313">
        <v>0</v>
      </c>
      <c r="G22" s="313">
        <v>0</v>
      </c>
      <c r="H22" s="313">
        <v>0</v>
      </c>
      <c r="I22" s="313">
        <v>0</v>
      </c>
      <c r="J22" s="313">
        <v>0</v>
      </c>
      <c r="K22" s="314">
        <v>0</v>
      </c>
      <c r="L22" s="315">
        <v>0</v>
      </c>
      <c r="M22" s="310">
        <v>0</v>
      </c>
      <c r="N22" s="313">
        <v>0</v>
      </c>
      <c r="O22" s="311">
        <v>0</v>
      </c>
      <c r="P22" s="312">
        <v>0</v>
      </c>
      <c r="Q22" s="313">
        <v>0</v>
      </c>
      <c r="R22" s="313">
        <v>0</v>
      </c>
      <c r="S22" s="313">
        <v>0</v>
      </c>
      <c r="T22" s="313">
        <v>0</v>
      </c>
      <c r="U22" s="313">
        <v>0</v>
      </c>
      <c r="V22" s="311">
        <v>0</v>
      </c>
      <c r="W22" s="315">
        <v>0</v>
      </c>
      <c r="X22" s="310">
        <v>0</v>
      </c>
      <c r="Y22" s="313">
        <v>0</v>
      </c>
      <c r="Z22" s="311">
        <v>0</v>
      </c>
      <c r="AA22" s="312">
        <v>0</v>
      </c>
      <c r="AB22" s="313">
        <v>11</v>
      </c>
      <c r="AC22" s="313">
        <v>6</v>
      </c>
      <c r="AD22" s="313">
        <v>0</v>
      </c>
      <c r="AE22" s="313">
        <v>1</v>
      </c>
      <c r="AF22" s="313">
        <v>0</v>
      </c>
      <c r="AG22" s="311">
        <v>18</v>
      </c>
      <c r="AH22" s="315">
        <v>18</v>
      </c>
      <c r="AI22" s="310">
        <v>0</v>
      </c>
      <c r="AJ22" s="313">
        <v>0</v>
      </c>
      <c r="AK22" s="311">
        <v>0</v>
      </c>
      <c r="AL22" s="312">
        <v>0</v>
      </c>
      <c r="AM22" s="313">
        <v>0</v>
      </c>
      <c r="AN22" s="313">
        <v>0</v>
      </c>
      <c r="AO22" s="313">
        <v>0</v>
      </c>
      <c r="AP22" s="313">
        <v>1</v>
      </c>
      <c r="AQ22" s="313">
        <v>0</v>
      </c>
      <c r="AR22" s="311">
        <v>1</v>
      </c>
      <c r="AS22" s="315">
        <v>1</v>
      </c>
      <c r="AT22" s="310">
        <v>0</v>
      </c>
      <c r="AU22" s="313">
        <v>0</v>
      </c>
      <c r="AV22" s="311">
        <v>0</v>
      </c>
      <c r="AW22" s="312">
        <v>0</v>
      </c>
      <c r="AX22" s="313">
        <v>0</v>
      </c>
      <c r="AY22" s="313">
        <v>1</v>
      </c>
      <c r="AZ22" s="313">
        <v>0</v>
      </c>
      <c r="BA22" s="313">
        <v>0</v>
      </c>
      <c r="BB22" s="313">
        <v>0</v>
      </c>
      <c r="BC22" s="311">
        <v>1</v>
      </c>
      <c r="BD22" s="315">
        <v>1</v>
      </c>
      <c r="BE22" s="310">
        <v>0</v>
      </c>
      <c r="BF22" s="313">
        <v>0</v>
      </c>
      <c r="BG22" s="311">
        <v>0</v>
      </c>
      <c r="BH22" s="312">
        <v>0</v>
      </c>
      <c r="BI22" s="313">
        <v>2</v>
      </c>
      <c r="BJ22" s="313">
        <v>1</v>
      </c>
      <c r="BK22" s="313">
        <v>1</v>
      </c>
      <c r="BL22" s="313">
        <v>1</v>
      </c>
      <c r="BM22" s="313">
        <v>0</v>
      </c>
      <c r="BN22" s="314">
        <v>5</v>
      </c>
      <c r="BO22" s="315">
        <v>5</v>
      </c>
      <c r="BP22" s="310">
        <v>0</v>
      </c>
      <c r="BQ22" s="313">
        <v>0</v>
      </c>
      <c r="BR22" s="311">
        <v>0</v>
      </c>
      <c r="BS22" s="312">
        <v>0</v>
      </c>
      <c r="BT22" s="313">
        <v>0</v>
      </c>
      <c r="BU22" s="313">
        <v>0</v>
      </c>
      <c r="BV22" s="313">
        <v>0</v>
      </c>
      <c r="BW22" s="313">
        <v>0</v>
      </c>
      <c r="BX22" s="313">
        <v>0</v>
      </c>
      <c r="BY22" s="311">
        <v>0</v>
      </c>
      <c r="BZ22" s="315">
        <v>0</v>
      </c>
      <c r="CA22" s="310">
        <v>0</v>
      </c>
      <c r="CB22" s="313">
        <v>0</v>
      </c>
      <c r="CC22" s="311">
        <v>0</v>
      </c>
      <c r="CD22" s="312">
        <v>0</v>
      </c>
      <c r="CE22" s="313">
        <v>0</v>
      </c>
      <c r="CF22" s="313">
        <v>0</v>
      </c>
      <c r="CG22" s="313">
        <v>0</v>
      </c>
      <c r="CH22" s="313">
        <v>0</v>
      </c>
      <c r="CI22" s="313">
        <v>0</v>
      </c>
      <c r="CJ22" s="311">
        <v>0</v>
      </c>
      <c r="CK22" s="315">
        <v>0</v>
      </c>
      <c r="CL22" s="310">
        <v>0</v>
      </c>
      <c r="CM22" s="313">
        <v>0</v>
      </c>
      <c r="CN22" s="311">
        <v>0</v>
      </c>
      <c r="CO22" s="312">
        <v>0</v>
      </c>
      <c r="CP22" s="313">
        <v>0</v>
      </c>
      <c r="CQ22" s="313">
        <v>0</v>
      </c>
      <c r="CR22" s="313">
        <v>0</v>
      </c>
      <c r="CS22" s="313">
        <v>0</v>
      </c>
      <c r="CT22" s="313">
        <v>0</v>
      </c>
      <c r="CU22" s="311">
        <v>0</v>
      </c>
      <c r="CV22" s="315">
        <v>0</v>
      </c>
    </row>
    <row r="23" spans="1:100" ht="21" customHeight="1" x14ac:dyDescent="0.2">
      <c r="A23" s="297" t="s">
        <v>21</v>
      </c>
      <c r="B23" s="310">
        <v>0</v>
      </c>
      <c r="C23" s="313">
        <v>0</v>
      </c>
      <c r="D23" s="441">
        <v>0</v>
      </c>
      <c r="E23" s="312">
        <v>0</v>
      </c>
      <c r="F23" s="313">
        <v>0</v>
      </c>
      <c r="G23" s="313">
        <v>0</v>
      </c>
      <c r="H23" s="313">
        <v>0</v>
      </c>
      <c r="I23" s="313">
        <v>0</v>
      </c>
      <c r="J23" s="313">
        <v>0</v>
      </c>
      <c r="K23" s="314">
        <v>0</v>
      </c>
      <c r="L23" s="315">
        <v>0</v>
      </c>
      <c r="M23" s="310">
        <v>0</v>
      </c>
      <c r="N23" s="313">
        <v>0</v>
      </c>
      <c r="O23" s="311">
        <v>0</v>
      </c>
      <c r="P23" s="312">
        <v>0</v>
      </c>
      <c r="Q23" s="313">
        <v>0</v>
      </c>
      <c r="R23" s="313">
        <v>0</v>
      </c>
      <c r="S23" s="313">
        <v>0</v>
      </c>
      <c r="T23" s="313">
        <v>0</v>
      </c>
      <c r="U23" s="313">
        <v>0</v>
      </c>
      <c r="V23" s="311">
        <v>0</v>
      </c>
      <c r="W23" s="315">
        <v>0</v>
      </c>
      <c r="X23" s="310">
        <v>0</v>
      </c>
      <c r="Y23" s="313">
        <v>0</v>
      </c>
      <c r="Z23" s="311">
        <v>0</v>
      </c>
      <c r="AA23" s="312">
        <v>0</v>
      </c>
      <c r="AB23" s="313">
        <v>12</v>
      </c>
      <c r="AC23" s="313">
        <v>4</v>
      </c>
      <c r="AD23" s="313">
        <v>3</v>
      </c>
      <c r="AE23" s="313">
        <v>1</v>
      </c>
      <c r="AF23" s="313">
        <v>0</v>
      </c>
      <c r="AG23" s="311">
        <v>20</v>
      </c>
      <c r="AH23" s="315">
        <v>20</v>
      </c>
      <c r="AI23" s="310">
        <v>0</v>
      </c>
      <c r="AJ23" s="313">
        <v>0</v>
      </c>
      <c r="AK23" s="311">
        <v>0</v>
      </c>
      <c r="AL23" s="312">
        <v>0</v>
      </c>
      <c r="AM23" s="313">
        <v>0</v>
      </c>
      <c r="AN23" s="313">
        <v>0</v>
      </c>
      <c r="AO23" s="313">
        <v>0</v>
      </c>
      <c r="AP23" s="313">
        <v>0</v>
      </c>
      <c r="AQ23" s="313">
        <v>0</v>
      </c>
      <c r="AR23" s="311">
        <v>0</v>
      </c>
      <c r="AS23" s="315">
        <v>0</v>
      </c>
      <c r="AT23" s="310">
        <v>0</v>
      </c>
      <c r="AU23" s="313">
        <v>0</v>
      </c>
      <c r="AV23" s="311">
        <v>0</v>
      </c>
      <c r="AW23" s="312">
        <v>0</v>
      </c>
      <c r="AX23" s="313">
        <v>0</v>
      </c>
      <c r="AY23" s="313">
        <v>0</v>
      </c>
      <c r="AZ23" s="313">
        <v>3</v>
      </c>
      <c r="BA23" s="313">
        <v>0</v>
      </c>
      <c r="BB23" s="313">
        <v>0</v>
      </c>
      <c r="BC23" s="311">
        <v>3</v>
      </c>
      <c r="BD23" s="315">
        <v>3</v>
      </c>
      <c r="BE23" s="310">
        <v>0</v>
      </c>
      <c r="BF23" s="313">
        <v>0</v>
      </c>
      <c r="BG23" s="311">
        <v>0</v>
      </c>
      <c r="BH23" s="312">
        <v>0</v>
      </c>
      <c r="BI23" s="313">
        <v>1</v>
      </c>
      <c r="BJ23" s="313">
        <v>1</v>
      </c>
      <c r="BK23" s="313">
        <v>0</v>
      </c>
      <c r="BL23" s="313">
        <v>1</v>
      </c>
      <c r="BM23" s="313">
        <v>0</v>
      </c>
      <c r="BN23" s="314">
        <v>3</v>
      </c>
      <c r="BO23" s="315">
        <v>3</v>
      </c>
      <c r="BP23" s="310">
        <v>0</v>
      </c>
      <c r="BQ23" s="313">
        <v>0</v>
      </c>
      <c r="BR23" s="311">
        <v>0</v>
      </c>
      <c r="BS23" s="312">
        <v>0</v>
      </c>
      <c r="BT23" s="313">
        <v>0</v>
      </c>
      <c r="BU23" s="313">
        <v>0</v>
      </c>
      <c r="BV23" s="313">
        <v>0</v>
      </c>
      <c r="BW23" s="313">
        <v>0</v>
      </c>
      <c r="BX23" s="313">
        <v>0</v>
      </c>
      <c r="BY23" s="311">
        <v>0</v>
      </c>
      <c r="BZ23" s="315">
        <v>0</v>
      </c>
      <c r="CA23" s="310">
        <v>0</v>
      </c>
      <c r="CB23" s="313">
        <v>0</v>
      </c>
      <c r="CC23" s="311">
        <v>0</v>
      </c>
      <c r="CD23" s="312">
        <v>0</v>
      </c>
      <c r="CE23" s="313">
        <v>0</v>
      </c>
      <c r="CF23" s="313">
        <v>0</v>
      </c>
      <c r="CG23" s="313">
        <v>0</v>
      </c>
      <c r="CH23" s="313">
        <v>0</v>
      </c>
      <c r="CI23" s="313">
        <v>0</v>
      </c>
      <c r="CJ23" s="311">
        <v>0</v>
      </c>
      <c r="CK23" s="315">
        <v>0</v>
      </c>
      <c r="CL23" s="310">
        <v>0</v>
      </c>
      <c r="CM23" s="313">
        <v>0</v>
      </c>
      <c r="CN23" s="311">
        <v>0</v>
      </c>
      <c r="CO23" s="312">
        <v>0</v>
      </c>
      <c r="CP23" s="313">
        <v>0</v>
      </c>
      <c r="CQ23" s="313">
        <v>0</v>
      </c>
      <c r="CR23" s="313">
        <v>0</v>
      </c>
      <c r="CS23" s="313">
        <v>0</v>
      </c>
      <c r="CT23" s="313">
        <v>0</v>
      </c>
      <c r="CU23" s="311">
        <v>0</v>
      </c>
      <c r="CV23" s="315">
        <v>0</v>
      </c>
    </row>
    <row r="24" spans="1:100" ht="21" customHeight="1" x14ac:dyDescent="0.2">
      <c r="A24" s="297" t="s">
        <v>22</v>
      </c>
      <c r="B24" s="310">
        <v>0</v>
      </c>
      <c r="C24" s="313">
        <v>0</v>
      </c>
      <c r="D24" s="441">
        <v>0</v>
      </c>
      <c r="E24" s="312">
        <v>0</v>
      </c>
      <c r="F24" s="313">
        <v>3</v>
      </c>
      <c r="G24" s="313">
        <v>2</v>
      </c>
      <c r="H24" s="313">
        <v>0</v>
      </c>
      <c r="I24" s="313">
        <v>0</v>
      </c>
      <c r="J24" s="313">
        <v>0</v>
      </c>
      <c r="K24" s="314">
        <v>5</v>
      </c>
      <c r="L24" s="315">
        <v>5</v>
      </c>
      <c r="M24" s="310">
        <v>0</v>
      </c>
      <c r="N24" s="313">
        <v>0</v>
      </c>
      <c r="O24" s="311">
        <v>0</v>
      </c>
      <c r="P24" s="312">
        <v>0</v>
      </c>
      <c r="Q24" s="313">
        <v>0</v>
      </c>
      <c r="R24" s="313">
        <v>0</v>
      </c>
      <c r="S24" s="313">
        <v>0</v>
      </c>
      <c r="T24" s="313">
        <v>0</v>
      </c>
      <c r="U24" s="313">
        <v>0</v>
      </c>
      <c r="V24" s="311">
        <v>0</v>
      </c>
      <c r="W24" s="315">
        <v>0</v>
      </c>
      <c r="X24" s="310">
        <v>0</v>
      </c>
      <c r="Y24" s="313">
        <v>0</v>
      </c>
      <c r="Z24" s="311">
        <v>0</v>
      </c>
      <c r="AA24" s="312">
        <v>0</v>
      </c>
      <c r="AB24" s="313">
        <v>8</v>
      </c>
      <c r="AC24" s="313">
        <v>3</v>
      </c>
      <c r="AD24" s="313">
        <v>0</v>
      </c>
      <c r="AE24" s="313">
        <v>1</v>
      </c>
      <c r="AF24" s="313">
        <v>0</v>
      </c>
      <c r="AG24" s="311">
        <v>12</v>
      </c>
      <c r="AH24" s="315">
        <v>12</v>
      </c>
      <c r="AI24" s="310">
        <v>0</v>
      </c>
      <c r="AJ24" s="313">
        <v>0</v>
      </c>
      <c r="AK24" s="311">
        <v>0</v>
      </c>
      <c r="AL24" s="312">
        <v>0</v>
      </c>
      <c r="AM24" s="313">
        <v>0</v>
      </c>
      <c r="AN24" s="313">
        <v>0</v>
      </c>
      <c r="AO24" s="313">
        <v>1</v>
      </c>
      <c r="AP24" s="313">
        <v>0</v>
      </c>
      <c r="AQ24" s="313">
        <v>0</v>
      </c>
      <c r="AR24" s="311">
        <v>1</v>
      </c>
      <c r="AS24" s="315">
        <v>1</v>
      </c>
      <c r="AT24" s="310">
        <v>1</v>
      </c>
      <c r="AU24" s="313">
        <v>0</v>
      </c>
      <c r="AV24" s="311">
        <v>1</v>
      </c>
      <c r="AW24" s="312">
        <v>0</v>
      </c>
      <c r="AX24" s="313">
        <v>0</v>
      </c>
      <c r="AY24" s="313">
        <v>1</v>
      </c>
      <c r="AZ24" s="313">
        <v>0</v>
      </c>
      <c r="BA24" s="313">
        <v>0</v>
      </c>
      <c r="BB24" s="313">
        <v>0</v>
      </c>
      <c r="BC24" s="311">
        <v>1</v>
      </c>
      <c r="BD24" s="315">
        <v>2</v>
      </c>
      <c r="BE24" s="310">
        <v>0</v>
      </c>
      <c r="BF24" s="313">
        <v>0</v>
      </c>
      <c r="BG24" s="311">
        <v>0</v>
      </c>
      <c r="BH24" s="312">
        <v>0</v>
      </c>
      <c r="BI24" s="313">
        <v>0</v>
      </c>
      <c r="BJ24" s="313">
        <v>0</v>
      </c>
      <c r="BK24" s="313">
        <v>1</v>
      </c>
      <c r="BL24" s="313">
        <v>1</v>
      </c>
      <c r="BM24" s="313">
        <v>1</v>
      </c>
      <c r="BN24" s="314">
        <v>3</v>
      </c>
      <c r="BO24" s="315">
        <v>3</v>
      </c>
      <c r="BP24" s="310">
        <v>0</v>
      </c>
      <c r="BQ24" s="313">
        <v>0</v>
      </c>
      <c r="BR24" s="311">
        <v>0</v>
      </c>
      <c r="BS24" s="312">
        <v>0</v>
      </c>
      <c r="BT24" s="313">
        <v>0</v>
      </c>
      <c r="BU24" s="313">
        <v>0</v>
      </c>
      <c r="BV24" s="313">
        <v>0</v>
      </c>
      <c r="BW24" s="313">
        <v>0</v>
      </c>
      <c r="BX24" s="313">
        <v>0</v>
      </c>
      <c r="BY24" s="311">
        <v>0</v>
      </c>
      <c r="BZ24" s="315">
        <v>0</v>
      </c>
      <c r="CA24" s="310">
        <v>0</v>
      </c>
      <c r="CB24" s="313">
        <v>0</v>
      </c>
      <c r="CC24" s="311">
        <v>0</v>
      </c>
      <c r="CD24" s="312">
        <v>0</v>
      </c>
      <c r="CE24" s="313">
        <v>0</v>
      </c>
      <c r="CF24" s="313">
        <v>0</v>
      </c>
      <c r="CG24" s="313">
        <v>0</v>
      </c>
      <c r="CH24" s="313">
        <v>1</v>
      </c>
      <c r="CI24" s="313">
        <v>0</v>
      </c>
      <c r="CJ24" s="311">
        <v>1</v>
      </c>
      <c r="CK24" s="315">
        <v>1</v>
      </c>
      <c r="CL24" s="310">
        <v>0</v>
      </c>
      <c r="CM24" s="313">
        <v>0</v>
      </c>
      <c r="CN24" s="311">
        <v>0</v>
      </c>
      <c r="CO24" s="312">
        <v>0</v>
      </c>
      <c r="CP24" s="313">
        <v>0</v>
      </c>
      <c r="CQ24" s="313">
        <v>0</v>
      </c>
      <c r="CR24" s="313">
        <v>0</v>
      </c>
      <c r="CS24" s="313">
        <v>0</v>
      </c>
      <c r="CT24" s="313">
        <v>0</v>
      </c>
      <c r="CU24" s="311">
        <v>0</v>
      </c>
      <c r="CV24" s="315">
        <v>0</v>
      </c>
    </row>
    <row r="25" spans="1:100" ht="21" customHeight="1" x14ac:dyDescent="0.2">
      <c r="A25" s="297" t="s">
        <v>23</v>
      </c>
      <c r="B25" s="310">
        <v>0</v>
      </c>
      <c r="C25" s="313">
        <v>0</v>
      </c>
      <c r="D25" s="441">
        <v>0</v>
      </c>
      <c r="E25" s="312">
        <v>0</v>
      </c>
      <c r="F25" s="313">
        <v>0</v>
      </c>
      <c r="G25" s="313">
        <v>0</v>
      </c>
      <c r="H25" s="313">
        <v>0</v>
      </c>
      <c r="I25" s="313">
        <v>0</v>
      </c>
      <c r="J25" s="313">
        <v>0</v>
      </c>
      <c r="K25" s="314">
        <v>0</v>
      </c>
      <c r="L25" s="315">
        <v>0</v>
      </c>
      <c r="M25" s="310">
        <v>0</v>
      </c>
      <c r="N25" s="313">
        <v>0</v>
      </c>
      <c r="O25" s="311">
        <v>0</v>
      </c>
      <c r="P25" s="312">
        <v>0</v>
      </c>
      <c r="Q25" s="313">
        <v>0</v>
      </c>
      <c r="R25" s="313">
        <v>0</v>
      </c>
      <c r="S25" s="313">
        <v>0</v>
      </c>
      <c r="T25" s="313">
        <v>0</v>
      </c>
      <c r="U25" s="313">
        <v>0</v>
      </c>
      <c r="V25" s="311">
        <v>0</v>
      </c>
      <c r="W25" s="315">
        <v>0</v>
      </c>
      <c r="X25" s="310">
        <v>0</v>
      </c>
      <c r="Y25" s="313">
        <v>0</v>
      </c>
      <c r="Z25" s="311">
        <v>0</v>
      </c>
      <c r="AA25" s="312">
        <v>0</v>
      </c>
      <c r="AB25" s="313">
        <v>3</v>
      </c>
      <c r="AC25" s="313">
        <v>2</v>
      </c>
      <c r="AD25" s="313">
        <v>0</v>
      </c>
      <c r="AE25" s="313">
        <v>0</v>
      </c>
      <c r="AF25" s="313">
        <v>1</v>
      </c>
      <c r="AG25" s="311">
        <v>6</v>
      </c>
      <c r="AH25" s="315">
        <v>6</v>
      </c>
      <c r="AI25" s="310">
        <v>0</v>
      </c>
      <c r="AJ25" s="313">
        <v>0</v>
      </c>
      <c r="AK25" s="311">
        <v>0</v>
      </c>
      <c r="AL25" s="312">
        <v>0</v>
      </c>
      <c r="AM25" s="313">
        <v>0</v>
      </c>
      <c r="AN25" s="313">
        <v>0</v>
      </c>
      <c r="AO25" s="313">
        <v>0</v>
      </c>
      <c r="AP25" s="313">
        <v>0</v>
      </c>
      <c r="AQ25" s="313">
        <v>0</v>
      </c>
      <c r="AR25" s="311">
        <v>0</v>
      </c>
      <c r="AS25" s="315">
        <v>0</v>
      </c>
      <c r="AT25" s="310">
        <v>0</v>
      </c>
      <c r="AU25" s="313">
        <v>0</v>
      </c>
      <c r="AV25" s="311">
        <v>0</v>
      </c>
      <c r="AW25" s="312">
        <v>0</v>
      </c>
      <c r="AX25" s="313">
        <v>0</v>
      </c>
      <c r="AY25" s="313">
        <v>0</v>
      </c>
      <c r="AZ25" s="313">
        <v>0</v>
      </c>
      <c r="BA25" s="313">
        <v>0</v>
      </c>
      <c r="BB25" s="313">
        <v>0</v>
      </c>
      <c r="BC25" s="311">
        <v>0</v>
      </c>
      <c r="BD25" s="315">
        <v>0</v>
      </c>
      <c r="BE25" s="310">
        <v>0</v>
      </c>
      <c r="BF25" s="313">
        <v>0</v>
      </c>
      <c r="BG25" s="311">
        <v>0</v>
      </c>
      <c r="BH25" s="312">
        <v>0</v>
      </c>
      <c r="BI25" s="313">
        <v>0</v>
      </c>
      <c r="BJ25" s="313">
        <v>0</v>
      </c>
      <c r="BK25" s="313">
        <v>1</v>
      </c>
      <c r="BL25" s="313">
        <v>0</v>
      </c>
      <c r="BM25" s="313">
        <v>0</v>
      </c>
      <c r="BN25" s="314">
        <v>1</v>
      </c>
      <c r="BO25" s="315">
        <v>1</v>
      </c>
      <c r="BP25" s="310">
        <v>0</v>
      </c>
      <c r="BQ25" s="313">
        <v>0</v>
      </c>
      <c r="BR25" s="311">
        <v>0</v>
      </c>
      <c r="BS25" s="312">
        <v>0</v>
      </c>
      <c r="BT25" s="313">
        <v>0</v>
      </c>
      <c r="BU25" s="313">
        <v>0</v>
      </c>
      <c r="BV25" s="313">
        <v>0</v>
      </c>
      <c r="BW25" s="313">
        <v>0</v>
      </c>
      <c r="BX25" s="313">
        <v>0</v>
      </c>
      <c r="BY25" s="311">
        <v>0</v>
      </c>
      <c r="BZ25" s="315">
        <v>0</v>
      </c>
      <c r="CA25" s="310">
        <v>0</v>
      </c>
      <c r="CB25" s="313">
        <v>0</v>
      </c>
      <c r="CC25" s="311">
        <v>0</v>
      </c>
      <c r="CD25" s="312">
        <v>0</v>
      </c>
      <c r="CE25" s="313">
        <v>0</v>
      </c>
      <c r="CF25" s="313">
        <v>0</v>
      </c>
      <c r="CG25" s="313">
        <v>0</v>
      </c>
      <c r="CH25" s="313">
        <v>0</v>
      </c>
      <c r="CI25" s="313">
        <v>0</v>
      </c>
      <c r="CJ25" s="311">
        <v>0</v>
      </c>
      <c r="CK25" s="315">
        <v>0</v>
      </c>
      <c r="CL25" s="310">
        <v>0</v>
      </c>
      <c r="CM25" s="313">
        <v>0</v>
      </c>
      <c r="CN25" s="311">
        <v>0</v>
      </c>
      <c r="CO25" s="312">
        <v>0</v>
      </c>
      <c r="CP25" s="313">
        <v>0</v>
      </c>
      <c r="CQ25" s="313">
        <v>0</v>
      </c>
      <c r="CR25" s="313">
        <v>0</v>
      </c>
      <c r="CS25" s="313">
        <v>0</v>
      </c>
      <c r="CT25" s="313">
        <v>0</v>
      </c>
      <c r="CU25" s="311">
        <v>0</v>
      </c>
      <c r="CV25" s="315">
        <v>0</v>
      </c>
    </row>
    <row r="26" spans="1:100" ht="21" customHeight="1" x14ac:dyDescent="0.2">
      <c r="A26" s="297" t="s">
        <v>24</v>
      </c>
      <c r="B26" s="310">
        <v>0</v>
      </c>
      <c r="C26" s="313">
        <v>0</v>
      </c>
      <c r="D26" s="441">
        <v>0</v>
      </c>
      <c r="E26" s="312">
        <v>0</v>
      </c>
      <c r="F26" s="313">
        <v>0</v>
      </c>
      <c r="G26" s="313">
        <v>0</v>
      </c>
      <c r="H26" s="313">
        <v>0</v>
      </c>
      <c r="I26" s="313">
        <v>1</v>
      </c>
      <c r="J26" s="313">
        <v>0</v>
      </c>
      <c r="K26" s="314">
        <v>1</v>
      </c>
      <c r="L26" s="315">
        <v>1</v>
      </c>
      <c r="M26" s="310">
        <v>0</v>
      </c>
      <c r="N26" s="313">
        <v>0</v>
      </c>
      <c r="O26" s="311">
        <v>0</v>
      </c>
      <c r="P26" s="312">
        <v>0</v>
      </c>
      <c r="Q26" s="313">
        <v>0</v>
      </c>
      <c r="R26" s="313">
        <v>0</v>
      </c>
      <c r="S26" s="313">
        <v>0</v>
      </c>
      <c r="T26" s="313">
        <v>0</v>
      </c>
      <c r="U26" s="313">
        <v>0</v>
      </c>
      <c r="V26" s="311">
        <v>0</v>
      </c>
      <c r="W26" s="315">
        <v>0</v>
      </c>
      <c r="X26" s="310">
        <v>0</v>
      </c>
      <c r="Y26" s="313">
        <v>0</v>
      </c>
      <c r="Z26" s="311">
        <v>0</v>
      </c>
      <c r="AA26" s="312">
        <v>0</v>
      </c>
      <c r="AB26" s="313">
        <v>1</v>
      </c>
      <c r="AC26" s="313">
        <v>2</v>
      </c>
      <c r="AD26" s="313">
        <v>2</v>
      </c>
      <c r="AE26" s="313">
        <v>0</v>
      </c>
      <c r="AF26" s="313">
        <v>0</v>
      </c>
      <c r="AG26" s="311">
        <v>5</v>
      </c>
      <c r="AH26" s="315">
        <v>5</v>
      </c>
      <c r="AI26" s="310">
        <v>0</v>
      </c>
      <c r="AJ26" s="313">
        <v>0</v>
      </c>
      <c r="AK26" s="311">
        <v>0</v>
      </c>
      <c r="AL26" s="312">
        <v>0</v>
      </c>
      <c r="AM26" s="313">
        <v>0</v>
      </c>
      <c r="AN26" s="313">
        <v>1</v>
      </c>
      <c r="AO26" s="313">
        <v>0</v>
      </c>
      <c r="AP26" s="313">
        <v>0</v>
      </c>
      <c r="AQ26" s="313">
        <v>1</v>
      </c>
      <c r="AR26" s="311">
        <v>2</v>
      </c>
      <c r="AS26" s="315">
        <v>2</v>
      </c>
      <c r="AT26" s="310">
        <v>1</v>
      </c>
      <c r="AU26" s="313">
        <v>1</v>
      </c>
      <c r="AV26" s="311">
        <v>2</v>
      </c>
      <c r="AW26" s="312">
        <v>0</v>
      </c>
      <c r="AX26" s="313">
        <v>4</v>
      </c>
      <c r="AY26" s="313">
        <v>1</v>
      </c>
      <c r="AZ26" s="313">
        <v>0</v>
      </c>
      <c r="BA26" s="313">
        <v>0</v>
      </c>
      <c r="BB26" s="313">
        <v>0</v>
      </c>
      <c r="BC26" s="311">
        <v>5</v>
      </c>
      <c r="BD26" s="315">
        <v>7</v>
      </c>
      <c r="BE26" s="310">
        <v>0</v>
      </c>
      <c r="BF26" s="313">
        <v>0</v>
      </c>
      <c r="BG26" s="311">
        <v>0</v>
      </c>
      <c r="BH26" s="312">
        <v>0</v>
      </c>
      <c r="BI26" s="313">
        <v>0</v>
      </c>
      <c r="BJ26" s="313">
        <v>0</v>
      </c>
      <c r="BK26" s="313">
        <v>2</v>
      </c>
      <c r="BL26" s="313">
        <v>1</v>
      </c>
      <c r="BM26" s="313">
        <v>1</v>
      </c>
      <c r="BN26" s="314">
        <v>4</v>
      </c>
      <c r="BO26" s="315">
        <v>4</v>
      </c>
      <c r="BP26" s="310">
        <v>0</v>
      </c>
      <c r="BQ26" s="313">
        <v>0</v>
      </c>
      <c r="BR26" s="311">
        <v>0</v>
      </c>
      <c r="BS26" s="312">
        <v>0</v>
      </c>
      <c r="BT26" s="313">
        <v>0</v>
      </c>
      <c r="BU26" s="313">
        <v>0</v>
      </c>
      <c r="BV26" s="313">
        <v>0</v>
      </c>
      <c r="BW26" s="313">
        <v>0</v>
      </c>
      <c r="BX26" s="313">
        <v>0</v>
      </c>
      <c r="BY26" s="311">
        <v>0</v>
      </c>
      <c r="BZ26" s="315">
        <v>0</v>
      </c>
      <c r="CA26" s="310">
        <v>0</v>
      </c>
      <c r="CB26" s="313">
        <v>0</v>
      </c>
      <c r="CC26" s="311">
        <v>0</v>
      </c>
      <c r="CD26" s="312">
        <v>0</v>
      </c>
      <c r="CE26" s="313">
        <v>0</v>
      </c>
      <c r="CF26" s="313">
        <v>0</v>
      </c>
      <c r="CG26" s="313">
        <v>0</v>
      </c>
      <c r="CH26" s="313">
        <v>0</v>
      </c>
      <c r="CI26" s="313">
        <v>0</v>
      </c>
      <c r="CJ26" s="311">
        <v>0</v>
      </c>
      <c r="CK26" s="315">
        <v>0</v>
      </c>
      <c r="CL26" s="310">
        <v>0</v>
      </c>
      <c r="CM26" s="313">
        <v>0</v>
      </c>
      <c r="CN26" s="311">
        <v>0</v>
      </c>
      <c r="CO26" s="312">
        <v>0</v>
      </c>
      <c r="CP26" s="313">
        <v>0</v>
      </c>
      <c r="CQ26" s="313">
        <v>0</v>
      </c>
      <c r="CR26" s="313">
        <v>0</v>
      </c>
      <c r="CS26" s="313">
        <v>0</v>
      </c>
      <c r="CT26" s="313">
        <v>0</v>
      </c>
      <c r="CU26" s="311">
        <v>0</v>
      </c>
      <c r="CV26" s="315">
        <v>0</v>
      </c>
    </row>
    <row r="27" spans="1:100" ht="21" customHeight="1" x14ac:dyDescent="0.2">
      <c r="A27" s="297" t="s">
        <v>25</v>
      </c>
      <c r="B27" s="310">
        <v>0</v>
      </c>
      <c r="C27" s="313">
        <v>0</v>
      </c>
      <c r="D27" s="441">
        <v>0</v>
      </c>
      <c r="E27" s="312">
        <v>0</v>
      </c>
      <c r="F27" s="313">
        <v>0</v>
      </c>
      <c r="G27" s="313">
        <v>0</v>
      </c>
      <c r="H27" s="313">
        <v>0</v>
      </c>
      <c r="I27" s="313">
        <v>0</v>
      </c>
      <c r="J27" s="313">
        <v>0</v>
      </c>
      <c r="K27" s="314">
        <v>0</v>
      </c>
      <c r="L27" s="315">
        <v>0</v>
      </c>
      <c r="M27" s="310">
        <v>0</v>
      </c>
      <c r="N27" s="313">
        <v>0</v>
      </c>
      <c r="O27" s="311">
        <v>0</v>
      </c>
      <c r="P27" s="312">
        <v>0</v>
      </c>
      <c r="Q27" s="313">
        <v>0</v>
      </c>
      <c r="R27" s="313">
        <v>0</v>
      </c>
      <c r="S27" s="313">
        <v>0</v>
      </c>
      <c r="T27" s="313">
        <v>0</v>
      </c>
      <c r="U27" s="313">
        <v>0</v>
      </c>
      <c r="V27" s="311">
        <v>0</v>
      </c>
      <c r="W27" s="315">
        <v>0</v>
      </c>
      <c r="X27" s="310">
        <v>0</v>
      </c>
      <c r="Y27" s="313">
        <v>0</v>
      </c>
      <c r="Z27" s="311">
        <v>0</v>
      </c>
      <c r="AA27" s="312">
        <v>0</v>
      </c>
      <c r="AB27" s="313">
        <v>3</v>
      </c>
      <c r="AC27" s="313">
        <v>0</v>
      </c>
      <c r="AD27" s="313">
        <v>0</v>
      </c>
      <c r="AE27" s="313">
        <v>1</v>
      </c>
      <c r="AF27" s="313">
        <v>0</v>
      </c>
      <c r="AG27" s="311">
        <v>4</v>
      </c>
      <c r="AH27" s="315">
        <v>4</v>
      </c>
      <c r="AI27" s="310">
        <v>0</v>
      </c>
      <c r="AJ27" s="313">
        <v>0</v>
      </c>
      <c r="AK27" s="311">
        <v>0</v>
      </c>
      <c r="AL27" s="312">
        <v>0</v>
      </c>
      <c r="AM27" s="313">
        <v>0</v>
      </c>
      <c r="AN27" s="313">
        <v>0</v>
      </c>
      <c r="AO27" s="313">
        <v>0</v>
      </c>
      <c r="AP27" s="313">
        <v>0</v>
      </c>
      <c r="AQ27" s="313">
        <v>0</v>
      </c>
      <c r="AR27" s="311">
        <v>0</v>
      </c>
      <c r="AS27" s="315">
        <v>0</v>
      </c>
      <c r="AT27" s="310">
        <v>0</v>
      </c>
      <c r="AU27" s="313">
        <v>0</v>
      </c>
      <c r="AV27" s="311">
        <v>0</v>
      </c>
      <c r="AW27" s="312">
        <v>0</v>
      </c>
      <c r="AX27" s="313">
        <v>0</v>
      </c>
      <c r="AY27" s="313">
        <v>0</v>
      </c>
      <c r="AZ27" s="313">
        <v>0</v>
      </c>
      <c r="BA27" s="313">
        <v>0</v>
      </c>
      <c r="BB27" s="313">
        <v>1</v>
      </c>
      <c r="BC27" s="311">
        <v>1</v>
      </c>
      <c r="BD27" s="315">
        <v>1</v>
      </c>
      <c r="BE27" s="310">
        <v>0</v>
      </c>
      <c r="BF27" s="313">
        <v>0</v>
      </c>
      <c r="BG27" s="311">
        <v>0</v>
      </c>
      <c r="BH27" s="312">
        <v>0</v>
      </c>
      <c r="BI27" s="313">
        <v>2</v>
      </c>
      <c r="BJ27" s="313">
        <v>2</v>
      </c>
      <c r="BK27" s="313">
        <v>0</v>
      </c>
      <c r="BL27" s="313">
        <v>0</v>
      </c>
      <c r="BM27" s="313">
        <v>0</v>
      </c>
      <c r="BN27" s="314">
        <v>4</v>
      </c>
      <c r="BO27" s="315">
        <v>4</v>
      </c>
      <c r="BP27" s="310">
        <v>0</v>
      </c>
      <c r="BQ27" s="313">
        <v>0</v>
      </c>
      <c r="BR27" s="311">
        <v>0</v>
      </c>
      <c r="BS27" s="312">
        <v>0</v>
      </c>
      <c r="BT27" s="313">
        <v>0</v>
      </c>
      <c r="BU27" s="313">
        <v>0</v>
      </c>
      <c r="BV27" s="313">
        <v>0</v>
      </c>
      <c r="BW27" s="313">
        <v>0</v>
      </c>
      <c r="BX27" s="313">
        <v>0</v>
      </c>
      <c r="BY27" s="311">
        <v>0</v>
      </c>
      <c r="BZ27" s="315">
        <v>0</v>
      </c>
      <c r="CA27" s="310">
        <v>0</v>
      </c>
      <c r="CB27" s="313">
        <v>0</v>
      </c>
      <c r="CC27" s="311">
        <v>0</v>
      </c>
      <c r="CD27" s="312">
        <v>0</v>
      </c>
      <c r="CE27" s="313">
        <v>0</v>
      </c>
      <c r="CF27" s="313">
        <v>0</v>
      </c>
      <c r="CG27" s="313">
        <v>0</v>
      </c>
      <c r="CH27" s="313">
        <v>0</v>
      </c>
      <c r="CI27" s="313">
        <v>0</v>
      </c>
      <c r="CJ27" s="311">
        <v>0</v>
      </c>
      <c r="CK27" s="315">
        <v>0</v>
      </c>
      <c r="CL27" s="310">
        <v>0</v>
      </c>
      <c r="CM27" s="313">
        <v>0</v>
      </c>
      <c r="CN27" s="311">
        <v>0</v>
      </c>
      <c r="CO27" s="312">
        <v>0</v>
      </c>
      <c r="CP27" s="313">
        <v>0</v>
      </c>
      <c r="CQ27" s="313">
        <v>0</v>
      </c>
      <c r="CR27" s="313">
        <v>0</v>
      </c>
      <c r="CS27" s="313">
        <v>0</v>
      </c>
      <c r="CT27" s="313">
        <v>0</v>
      </c>
      <c r="CU27" s="311">
        <v>0</v>
      </c>
      <c r="CV27" s="315">
        <v>0</v>
      </c>
    </row>
    <row r="28" spans="1:100" ht="21" customHeight="1" x14ac:dyDescent="0.2">
      <c r="A28" s="297" t="s">
        <v>26</v>
      </c>
      <c r="B28" s="310">
        <v>0</v>
      </c>
      <c r="C28" s="313">
        <v>0</v>
      </c>
      <c r="D28" s="441">
        <v>0</v>
      </c>
      <c r="E28" s="312">
        <v>0</v>
      </c>
      <c r="F28" s="313">
        <v>0</v>
      </c>
      <c r="G28" s="313">
        <v>0</v>
      </c>
      <c r="H28" s="313">
        <v>0</v>
      </c>
      <c r="I28" s="313">
        <v>0</v>
      </c>
      <c r="J28" s="313">
        <v>0</v>
      </c>
      <c r="K28" s="314">
        <v>0</v>
      </c>
      <c r="L28" s="315">
        <v>0</v>
      </c>
      <c r="M28" s="310">
        <v>0</v>
      </c>
      <c r="N28" s="313">
        <v>0</v>
      </c>
      <c r="O28" s="311">
        <v>0</v>
      </c>
      <c r="P28" s="312">
        <v>0</v>
      </c>
      <c r="Q28" s="313">
        <v>0</v>
      </c>
      <c r="R28" s="313">
        <v>0</v>
      </c>
      <c r="S28" s="313">
        <v>0</v>
      </c>
      <c r="T28" s="313">
        <v>0</v>
      </c>
      <c r="U28" s="313">
        <v>0</v>
      </c>
      <c r="V28" s="311">
        <v>0</v>
      </c>
      <c r="W28" s="315">
        <v>0</v>
      </c>
      <c r="X28" s="310">
        <v>0</v>
      </c>
      <c r="Y28" s="313">
        <v>0</v>
      </c>
      <c r="Z28" s="311">
        <v>0</v>
      </c>
      <c r="AA28" s="312">
        <v>0</v>
      </c>
      <c r="AB28" s="313">
        <v>1</v>
      </c>
      <c r="AC28" s="313">
        <v>0</v>
      </c>
      <c r="AD28" s="313">
        <v>1</v>
      </c>
      <c r="AE28" s="313">
        <v>0</v>
      </c>
      <c r="AF28" s="313">
        <v>1</v>
      </c>
      <c r="AG28" s="311">
        <v>3</v>
      </c>
      <c r="AH28" s="315">
        <v>3</v>
      </c>
      <c r="AI28" s="310">
        <v>0</v>
      </c>
      <c r="AJ28" s="313">
        <v>0</v>
      </c>
      <c r="AK28" s="311">
        <v>0</v>
      </c>
      <c r="AL28" s="312">
        <v>0</v>
      </c>
      <c r="AM28" s="313">
        <v>0</v>
      </c>
      <c r="AN28" s="313">
        <v>0</v>
      </c>
      <c r="AO28" s="313">
        <v>1</v>
      </c>
      <c r="AP28" s="313">
        <v>0</v>
      </c>
      <c r="AQ28" s="313">
        <v>0</v>
      </c>
      <c r="AR28" s="311">
        <v>1</v>
      </c>
      <c r="AS28" s="315">
        <v>1</v>
      </c>
      <c r="AT28" s="310">
        <v>0</v>
      </c>
      <c r="AU28" s="313">
        <v>0</v>
      </c>
      <c r="AV28" s="311">
        <v>0</v>
      </c>
      <c r="AW28" s="312">
        <v>0</v>
      </c>
      <c r="AX28" s="313">
        <v>1</v>
      </c>
      <c r="AY28" s="313">
        <v>0</v>
      </c>
      <c r="AZ28" s="313">
        <v>0</v>
      </c>
      <c r="BA28" s="313">
        <v>0</v>
      </c>
      <c r="BB28" s="313">
        <v>0</v>
      </c>
      <c r="BC28" s="311">
        <v>1</v>
      </c>
      <c r="BD28" s="315">
        <v>1</v>
      </c>
      <c r="BE28" s="310">
        <v>0</v>
      </c>
      <c r="BF28" s="313">
        <v>0</v>
      </c>
      <c r="BG28" s="311">
        <v>0</v>
      </c>
      <c r="BH28" s="312">
        <v>0</v>
      </c>
      <c r="BI28" s="313">
        <v>0</v>
      </c>
      <c r="BJ28" s="313">
        <v>0</v>
      </c>
      <c r="BK28" s="313">
        <v>0</v>
      </c>
      <c r="BL28" s="313">
        <v>1</v>
      </c>
      <c r="BM28" s="313">
        <v>2</v>
      </c>
      <c r="BN28" s="314">
        <v>3</v>
      </c>
      <c r="BO28" s="315">
        <v>3</v>
      </c>
      <c r="BP28" s="310">
        <v>0</v>
      </c>
      <c r="BQ28" s="313">
        <v>0</v>
      </c>
      <c r="BR28" s="311">
        <v>0</v>
      </c>
      <c r="BS28" s="312">
        <v>0</v>
      </c>
      <c r="BT28" s="313">
        <v>0</v>
      </c>
      <c r="BU28" s="313">
        <v>0</v>
      </c>
      <c r="BV28" s="313">
        <v>0</v>
      </c>
      <c r="BW28" s="313">
        <v>0</v>
      </c>
      <c r="BX28" s="313">
        <v>0</v>
      </c>
      <c r="BY28" s="311">
        <v>0</v>
      </c>
      <c r="BZ28" s="315">
        <v>0</v>
      </c>
      <c r="CA28" s="310">
        <v>0</v>
      </c>
      <c r="CB28" s="313">
        <v>0</v>
      </c>
      <c r="CC28" s="311">
        <v>0</v>
      </c>
      <c r="CD28" s="312">
        <v>0</v>
      </c>
      <c r="CE28" s="313">
        <v>0</v>
      </c>
      <c r="CF28" s="313">
        <v>0</v>
      </c>
      <c r="CG28" s="313">
        <v>0</v>
      </c>
      <c r="CH28" s="313">
        <v>0</v>
      </c>
      <c r="CI28" s="313">
        <v>0</v>
      </c>
      <c r="CJ28" s="311">
        <v>0</v>
      </c>
      <c r="CK28" s="315">
        <v>0</v>
      </c>
      <c r="CL28" s="310">
        <v>0</v>
      </c>
      <c r="CM28" s="313">
        <v>0</v>
      </c>
      <c r="CN28" s="311">
        <v>0</v>
      </c>
      <c r="CO28" s="312">
        <v>0</v>
      </c>
      <c r="CP28" s="313">
        <v>0</v>
      </c>
      <c r="CQ28" s="313">
        <v>0</v>
      </c>
      <c r="CR28" s="313">
        <v>0</v>
      </c>
      <c r="CS28" s="313">
        <v>0</v>
      </c>
      <c r="CT28" s="313">
        <v>0</v>
      </c>
      <c r="CU28" s="311">
        <v>0</v>
      </c>
      <c r="CV28" s="315">
        <v>0</v>
      </c>
    </row>
    <row r="29" spans="1:100" ht="21" customHeight="1" x14ac:dyDescent="0.2">
      <c r="A29" s="297" t="s">
        <v>27</v>
      </c>
      <c r="B29" s="310">
        <v>0</v>
      </c>
      <c r="C29" s="313">
        <v>0</v>
      </c>
      <c r="D29" s="441">
        <v>0</v>
      </c>
      <c r="E29" s="312">
        <v>0</v>
      </c>
      <c r="F29" s="313">
        <v>0</v>
      </c>
      <c r="G29" s="313">
        <v>0</v>
      </c>
      <c r="H29" s="313">
        <v>0</v>
      </c>
      <c r="I29" s="313">
        <v>0</v>
      </c>
      <c r="J29" s="313">
        <v>0</v>
      </c>
      <c r="K29" s="314">
        <v>0</v>
      </c>
      <c r="L29" s="315">
        <v>0</v>
      </c>
      <c r="M29" s="310">
        <v>0</v>
      </c>
      <c r="N29" s="313">
        <v>0</v>
      </c>
      <c r="O29" s="311">
        <v>0</v>
      </c>
      <c r="P29" s="312">
        <v>0</v>
      </c>
      <c r="Q29" s="313">
        <v>0</v>
      </c>
      <c r="R29" s="313">
        <v>0</v>
      </c>
      <c r="S29" s="313">
        <v>0</v>
      </c>
      <c r="T29" s="313">
        <v>0</v>
      </c>
      <c r="U29" s="313">
        <v>0</v>
      </c>
      <c r="V29" s="311">
        <v>0</v>
      </c>
      <c r="W29" s="315">
        <v>0</v>
      </c>
      <c r="X29" s="310">
        <v>0</v>
      </c>
      <c r="Y29" s="313">
        <v>0</v>
      </c>
      <c r="Z29" s="311">
        <v>0</v>
      </c>
      <c r="AA29" s="312">
        <v>0</v>
      </c>
      <c r="AB29" s="313">
        <v>0</v>
      </c>
      <c r="AC29" s="313">
        <v>0</v>
      </c>
      <c r="AD29" s="313">
        <v>1</v>
      </c>
      <c r="AE29" s="313">
        <v>0</v>
      </c>
      <c r="AF29" s="313">
        <v>0</v>
      </c>
      <c r="AG29" s="311">
        <v>1</v>
      </c>
      <c r="AH29" s="315">
        <v>1</v>
      </c>
      <c r="AI29" s="310">
        <v>0</v>
      </c>
      <c r="AJ29" s="313">
        <v>0</v>
      </c>
      <c r="AK29" s="311">
        <v>0</v>
      </c>
      <c r="AL29" s="312">
        <v>0</v>
      </c>
      <c r="AM29" s="313">
        <v>1</v>
      </c>
      <c r="AN29" s="313">
        <v>0</v>
      </c>
      <c r="AO29" s="313">
        <v>0</v>
      </c>
      <c r="AP29" s="313">
        <v>0</v>
      </c>
      <c r="AQ29" s="313">
        <v>0</v>
      </c>
      <c r="AR29" s="311">
        <v>1</v>
      </c>
      <c r="AS29" s="315">
        <v>1</v>
      </c>
      <c r="AT29" s="310">
        <v>0</v>
      </c>
      <c r="AU29" s="313">
        <v>0</v>
      </c>
      <c r="AV29" s="311">
        <v>0</v>
      </c>
      <c r="AW29" s="312">
        <v>0</v>
      </c>
      <c r="AX29" s="313">
        <v>0</v>
      </c>
      <c r="AY29" s="313">
        <v>0</v>
      </c>
      <c r="AZ29" s="313">
        <v>0</v>
      </c>
      <c r="BA29" s="313">
        <v>0</v>
      </c>
      <c r="BB29" s="313">
        <v>0</v>
      </c>
      <c r="BC29" s="311">
        <v>0</v>
      </c>
      <c r="BD29" s="315">
        <v>0</v>
      </c>
      <c r="BE29" s="310">
        <v>0</v>
      </c>
      <c r="BF29" s="313">
        <v>0</v>
      </c>
      <c r="BG29" s="311">
        <v>0</v>
      </c>
      <c r="BH29" s="312">
        <v>0</v>
      </c>
      <c r="BI29" s="313">
        <v>0</v>
      </c>
      <c r="BJ29" s="313">
        <v>0</v>
      </c>
      <c r="BK29" s="313">
        <v>0</v>
      </c>
      <c r="BL29" s="313">
        <v>0</v>
      </c>
      <c r="BM29" s="313">
        <v>0</v>
      </c>
      <c r="BN29" s="314">
        <v>0</v>
      </c>
      <c r="BO29" s="315">
        <v>0</v>
      </c>
      <c r="BP29" s="310">
        <v>0</v>
      </c>
      <c r="BQ29" s="313">
        <v>0</v>
      </c>
      <c r="BR29" s="311">
        <v>0</v>
      </c>
      <c r="BS29" s="312">
        <v>0</v>
      </c>
      <c r="BT29" s="313">
        <v>0</v>
      </c>
      <c r="BU29" s="313">
        <v>0</v>
      </c>
      <c r="BV29" s="313">
        <v>0</v>
      </c>
      <c r="BW29" s="313">
        <v>0</v>
      </c>
      <c r="BX29" s="313">
        <v>0</v>
      </c>
      <c r="BY29" s="311">
        <v>0</v>
      </c>
      <c r="BZ29" s="315">
        <v>0</v>
      </c>
      <c r="CA29" s="310">
        <v>0</v>
      </c>
      <c r="CB29" s="313">
        <v>0</v>
      </c>
      <c r="CC29" s="311">
        <v>0</v>
      </c>
      <c r="CD29" s="312">
        <v>0</v>
      </c>
      <c r="CE29" s="313">
        <v>0</v>
      </c>
      <c r="CF29" s="313">
        <v>0</v>
      </c>
      <c r="CG29" s="313">
        <v>0</v>
      </c>
      <c r="CH29" s="313">
        <v>0</v>
      </c>
      <c r="CI29" s="313">
        <v>0</v>
      </c>
      <c r="CJ29" s="311">
        <v>0</v>
      </c>
      <c r="CK29" s="315">
        <v>0</v>
      </c>
      <c r="CL29" s="310">
        <v>0</v>
      </c>
      <c r="CM29" s="313">
        <v>0</v>
      </c>
      <c r="CN29" s="311">
        <v>0</v>
      </c>
      <c r="CO29" s="312">
        <v>0</v>
      </c>
      <c r="CP29" s="313">
        <v>0</v>
      </c>
      <c r="CQ29" s="313">
        <v>0</v>
      </c>
      <c r="CR29" s="313">
        <v>0</v>
      </c>
      <c r="CS29" s="313">
        <v>0</v>
      </c>
      <c r="CT29" s="313">
        <v>0</v>
      </c>
      <c r="CU29" s="311">
        <v>0</v>
      </c>
      <c r="CV29" s="315">
        <v>0</v>
      </c>
    </row>
    <row r="30" spans="1:100" ht="21" customHeight="1" x14ac:dyDescent="0.2">
      <c r="A30" s="297" t="s">
        <v>28</v>
      </c>
      <c r="B30" s="310">
        <v>0</v>
      </c>
      <c r="C30" s="313">
        <v>0</v>
      </c>
      <c r="D30" s="441">
        <v>0</v>
      </c>
      <c r="E30" s="312">
        <v>0</v>
      </c>
      <c r="F30" s="313">
        <v>0</v>
      </c>
      <c r="G30" s="313">
        <v>0</v>
      </c>
      <c r="H30" s="313">
        <v>0</v>
      </c>
      <c r="I30" s="313">
        <v>0</v>
      </c>
      <c r="J30" s="313">
        <v>0</v>
      </c>
      <c r="K30" s="314">
        <v>0</v>
      </c>
      <c r="L30" s="315">
        <v>0</v>
      </c>
      <c r="M30" s="310">
        <v>0</v>
      </c>
      <c r="N30" s="313">
        <v>0</v>
      </c>
      <c r="O30" s="311">
        <v>0</v>
      </c>
      <c r="P30" s="312">
        <v>0</v>
      </c>
      <c r="Q30" s="313">
        <v>0</v>
      </c>
      <c r="R30" s="313">
        <v>0</v>
      </c>
      <c r="S30" s="313">
        <v>0</v>
      </c>
      <c r="T30" s="313">
        <v>0</v>
      </c>
      <c r="U30" s="313">
        <v>0</v>
      </c>
      <c r="V30" s="311">
        <v>0</v>
      </c>
      <c r="W30" s="315">
        <v>0</v>
      </c>
      <c r="X30" s="310">
        <v>0</v>
      </c>
      <c r="Y30" s="313">
        <v>0</v>
      </c>
      <c r="Z30" s="311">
        <v>0</v>
      </c>
      <c r="AA30" s="312">
        <v>0</v>
      </c>
      <c r="AB30" s="313">
        <v>2</v>
      </c>
      <c r="AC30" s="313">
        <v>2</v>
      </c>
      <c r="AD30" s="313">
        <v>0</v>
      </c>
      <c r="AE30" s="313">
        <v>0</v>
      </c>
      <c r="AF30" s="313">
        <v>0</v>
      </c>
      <c r="AG30" s="311">
        <v>4</v>
      </c>
      <c r="AH30" s="315">
        <v>4</v>
      </c>
      <c r="AI30" s="310">
        <v>0</v>
      </c>
      <c r="AJ30" s="313">
        <v>0</v>
      </c>
      <c r="AK30" s="311">
        <v>0</v>
      </c>
      <c r="AL30" s="312">
        <v>0</v>
      </c>
      <c r="AM30" s="313">
        <v>0</v>
      </c>
      <c r="AN30" s="313">
        <v>0</v>
      </c>
      <c r="AO30" s="313">
        <v>1</v>
      </c>
      <c r="AP30" s="313">
        <v>0</v>
      </c>
      <c r="AQ30" s="313">
        <v>0</v>
      </c>
      <c r="AR30" s="311">
        <v>1</v>
      </c>
      <c r="AS30" s="315">
        <v>1</v>
      </c>
      <c r="AT30" s="310">
        <v>0</v>
      </c>
      <c r="AU30" s="313">
        <v>0</v>
      </c>
      <c r="AV30" s="311">
        <v>0</v>
      </c>
      <c r="AW30" s="312">
        <v>0</v>
      </c>
      <c r="AX30" s="313">
        <v>0</v>
      </c>
      <c r="AY30" s="313">
        <v>0</v>
      </c>
      <c r="AZ30" s="313">
        <v>0</v>
      </c>
      <c r="BA30" s="313">
        <v>0</v>
      </c>
      <c r="BB30" s="313">
        <v>0</v>
      </c>
      <c r="BC30" s="311">
        <v>0</v>
      </c>
      <c r="BD30" s="315">
        <v>0</v>
      </c>
      <c r="BE30" s="310">
        <v>0</v>
      </c>
      <c r="BF30" s="313">
        <v>0</v>
      </c>
      <c r="BG30" s="311">
        <v>0</v>
      </c>
      <c r="BH30" s="312">
        <v>0</v>
      </c>
      <c r="BI30" s="313">
        <v>0</v>
      </c>
      <c r="BJ30" s="313">
        <v>0</v>
      </c>
      <c r="BK30" s="313">
        <v>0</v>
      </c>
      <c r="BL30" s="313">
        <v>0</v>
      </c>
      <c r="BM30" s="313">
        <v>0</v>
      </c>
      <c r="BN30" s="314">
        <v>0</v>
      </c>
      <c r="BO30" s="315">
        <v>0</v>
      </c>
      <c r="BP30" s="310">
        <v>0</v>
      </c>
      <c r="BQ30" s="313">
        <v>0</v>
      </c>
      <c r="BR30" s="311">
        <v>0</v>
      </c>
      <c r="BS30" s="312">
        <v>0</v>
      </c>
      <c r="BT30" s="313">
        <v>0</v>
      </c>
      <c r="BU30" s="313">
        <v>0</v>
      </c>
      <c r="BV30" s="313">
        <v>0</v>
      </c>
      <c r="BW30" s="313">
        <v>0</v>
      </c>
      <c r="BX30" s="313">
        <v>0</v>
      </c>
      <c r="BY30" s="311">
        <v>0</v>
      </c>
      <c r="BZ30" s="315">
        <v>0</v>
      </c>
      <c r="CA30" s="310">
        <v>0</v>
      </c>
      <c r="CB30" s="313">
        <v>0</v>
      </c>
      <c r="CC30" s="311">
        <v>0</v>
      </c>
      <c r="CD30" s="312">
        <v>0</v>
      </c>
      <c r="CE30" s="313">
        <v>0</v>
      </c>
      <c r="CF30" s="313">
        <v>0</v>
      </c>
      <c r="CG30" s="313">
        <v>0</v>
      </c>
      <c r="CH30" s="313">
        <v>0</v>
      </c>
      <c r="CI30" s="313">
        <v>0</v>
      </c>
      <c r="CJ30" s="311">
        <v>0</v>
      </c>
      <c r="CK30" s="315">
        <v>0</v>
      </c>
      <c r="CL30" s="310">
        <v>0</v>
      </c>
      <c r="CM30" s="313">
        <v>0</v>
      </c>
      <c r="CN30" s="311">
        <v>0</v>
      </c>
      <c r="CO30" s="312">
        <v>0</v>
      </c>
      <c r="CP30" s="313">
        <v>0</v>
      </c>
      <c r="CQ30" s="313">
        <v>0</v>
      </c>
      <c r="CR30" s="313">
        <v>0</v>
      </c>
      <c r="CS30" s="313">
        <v>0</v>
      </c>
      <c r="CT30" s="313">
        <v>0</v>
      </c>
      <c r="CU30" s="311">
        <v>0</v>
      </c>
      <c r="CV30" s="315">
        <v>0</v>
      </c>
    </row>
    <row r="31" spans="1:100" ht="21" customHeight="1" x14ac:dyDescent="0.2">
      <c r="A31" s="297" t="s">
        <v>29</v>
      </c>
      <c r="B31" s="310">
        <v>0</v>
      </c>
      <c r="C31" s="313">
        <v>0</v>
      </c>
      <c r="D31" s="441">
        <v>0</v>
      </c>
      <c r="E31" s="312">
        <v>0</v>
      </c>
      <c r="F31" s="313">
        <v>0</v>
      </c>
      <c r="G31" s="313">
        <v>0</v>
      </c>
      <c r="H31" s="313">
        <v>0</v>
      </c>
      <c r="I31" s="313">
        <v>0</v>
      </c>
      <c r="J31" s="313">
        <v>0</v>
      </c>
      <c r="K31" s="314">
        <v>0</v>
      </c>
      <c r="L31" s="315">
        <v>0</v>
      </c>
      <c r="M31" s="310">
        <v>0</v>
      </c>
      <c r="N31" s="313">
        <v>0</v>
      </c>
      <c r="O31" s="311">
        <v>0</v>
      </c>
      <c r="P31" s="312">
        <v>0</v>
      </c>
      <c r="Q31" s="313">
        <v>0</v>
      </c>
      <c r="R31" s="313">
        <v>0</v>
      </c>
      <c r="S31" s="313">
        <v>0</v>
      </c>
      <c r="T31" s="313">
        <v>0</v>
      </c>
      <c r="U31" s="313">
        <v>0</v>
      </c>
      <c r="V31" s="311">
        <v>0</v>
      </c>
      <c r="W31" s="315">
        <v>0</v>
      </c>
      <c r="X31" s="310">
        <v>0</v>
      </c>
      <c r="Y31" s="313">
        <v>0</v>
      </c>
      <c r="Z31" s="311">
        <v>0</v>
      </c>
      <c r="AA31" s="312">
        <v>0</v>
      </c>
      <c r="AB31" s="313">
        <v>1</v>
      </c>
      <c r="AC31" s="313">
        <v>1</v>
      </c>
      <c r="AD31" s="313">
        <v>0</v>
      </c>
      <c r="AE31" s="313">
        <v>0</v>
      </c>
      <c r="AF31" s="313">
        <v>0</v>
      </c>
      <c r="AG31" s="311">
        <v>2</v>
      </c>
      <c r="AH31" s="315">
        <v>2</v>
      </c>
      <c r="AI31" s="310">
        <v>0</v>
      </c>
      <c r="AJ31" s="313">
        <v>0</v>
      </c>
      <c r="AK31" s="311">
        <v>0</v>
      </c>
      <c r="AL31" s="312">
        <v>0</v>
      </c>
      <c r="AM31" s="313">
        <v>0</v>
      </c>
      <c r="AN31" s="313">
        <v>0</v>
      </c>
      <c r="AO31" s="313">
        <v>1</v>
      </c>
      <c r="AP31" s="313">
        <v>0</v>
      </c>
      <c r="AQ31" s="313">
        <v>0</v>
      </c>
      <c r="AR31" s="311">
        <v>1</v>
      </c>
      <c r="AS31" s="315">
        <v>1</v>
      </c>
      <c r="AT31" s="310">
        <v>0</v>
      </c>
      <c r="AU31" s="313">
        <v>0</v>
      </c>
      <c r="AV31" s="311">
        <v>0</v>
      </c>
      <c r="AW31" s="312">
        <v>0</v>
      </c>
      <c r="AX31" s="313">
        <v>1</v>
      </c>
      <c r="AY31" s="313">
        <v>0</v>
      </c>
      <c r="AZ31" s="313">
        <v>0</v>
      </c>
      <c r="BA31" s="313">
        <v>0</v>
      </c>
      <c r="BB31" s="313">
        <v>0</v>
      </c>
      <c r="BC31" s="311">
        <v>1</v>
      </c>
      <c r="BD31" s="315">
        <v>1</v>
      </c>
      <c r="BE31" s="310">
        <v>0</v>
      </c>
      <c r="BF31" s="313">
        <v>0</v>
      </c>
      <c r="BG31" s="311">
        <v>0</v>
      </c>
      <c r="BH31" s="312">
        <v>0</v>
      </c>
      <c r="BI31" s="313">
        <v>0</v>
      </c>
      <c r="BJ31" s="313">
        <v>0</v>
      </c>
      <c r="BK31" s="313">
        <v>0</v>
      </c>
      <c r="BL31" s="313">
        <v>0</v>
      </c>
      <c r="BM31" s="313">
        <v>0</v>
      </c>
      <c r="BN31" s="314">
        <v>0</v>
      </c>
      <c r="BO31" s="315">
        <v>0</v>
      </c>
      <c r="BP31" s="310">
        <v>0</v>
      </c>
      <c r="BQ31" s="313">
        <v>0</v>
      </c>
      <c r="BR31" s="311">
        <v>0</v>
      </c>
      <c r="BS31" s="312">
        <v>0</v>
      </c>
      <c r="BT31" s="313">
        <v>0</v>
      </c>
      <c r="BU31" s="313">
        <v>0</v>
      </c>
      <c r="BV31" s="313">
        <v>0</v>
      </c>
      <c r="BW31" s="313">
        <v>0</v>
      </c>
      <c r="BX31" s="313">
        <v>0</v>
      </c>
      <c r="BY31" s="311">
        <v>0</v>
      </c>
      <c r="BZ31" s="315">
        <v>0</v>
      </c>
      <c r="CA31" s="310">
        <v>0</v>
      </c>
      <c r="CB31" s="313">
        <v>0</v>
      </c>
      <c r="CC31" s="311">
        <v>0</v>
      </c>
      <c r="CD31" s="312">
        <v>0</v>
      </c>
      <c r="CE31" s="313">
        <v>0</v>
      </c>
      <c r="CF31" s="313">
        <v>0</v>
      </c>
      <c r="CG31" s="313">
        <v>0</v>
      </c>
      <c r="CH31" s="313">
        <v>0</v>
      </c>
      <c r="CI31" s="313">
        <v>0</v>
      </c>
      <c r="CJ31" s="311">
        <v>0</v>
      </c>
      <c r="CK31" s="315">
        <v>0</v>
      </c>
      <c r="CL31" s="310">
        <v>0</v>
      </c>
      <c r="CM31" s="313">
        <v>0</v>
      </c>
      <c r="CN31" s="311">
        <v>0</v>
      </c>
      <c r="CO31" s="312">
        <v>0</v>
      </c>
      <c r="CP31" s="313">
        <v>0</v>
      </c>
      <c r="CQ31" s="313">
        <v>0</v>
      </c>
      <c r="CR31" s="313">
        <v>0</v>
      </c>
      <c r="CS31" s="313">
        <v>0</v>
      </c>
      <c r="CT31" s="313">
        <v>0</v>
      </c>
      <c r="CU31" s="311">
        <v>0</v>
      </c>
      <c r="CV31" s="315">
        <v>0</v>
      </c>
    </row>
    <row r="32" spans="1:100" ht="21" customHeight="1" x14ac:dyDescent="0.2">
      <c r="A32" s="297" t="s">
        <v>30</v>
      </c>
      <c r="B32" s="310">
        <v>0</v>
      </c>
      <c r="C32" s="313">
        <v>0</v>
      </c>
      <c r="D32" s="441">
        <v>0</v>
      </c>
      <c r="E32" s="312">
        <v>0</v>
      </c>
      <c r="F32" s="313">
        <v>0</v>
      </c>
      <c r="G32" s="313">
        <v>0</v>
      </c>
      <c r="H32" s="313">
        <v>0</v>
      </c>
      <c r="I32" s="313">
        <v>0</v>
      </c>
      <c r="J32" s="313">
        <v>0</v>
      </c>
      <c r="K32" s="314">
        <v>0</v>
      </c>
      <c r="L32" s="315">
        <v>0</v>
      </c>
      <c r="M32" s="310">
        <v>0</v>
      </c>
      <c r="N32" s="313">
        <v>0</v>
      </c>
      <c r="O32" s="311">
        <v>0</v>
      </c>
      <c r="P32" s="312">
        <v>0</v>
      </c>
      <c r="Q32" s="313">
        <v>0</v>
      </c>
      <c r="R32" s="313">
        <v>0</v>
      </c>
      <c r="S32" s="313">
        <v>0</v>
      </c>
      <c r="T32" s="313">
        <v>0</v>
      </c>
      <c r="U32" s="313">
        <v>0</v>
      </c>
      <c r="V32" s="311">
        <v>0</v>
      </c>
      <c r="W32" s="315">
        <v>0</v>
      </c>
      <c r="X32" s="310">
        <v>0</v>
      </c>
      <c r="Y32" s="313">
        <v>0</v>
      </c>
      <c r="Z32" s="311">
        <v>0</v>
      </c>
      <c r="AA32" s="312">
        <v>0</v>
      </c>
      <c r="AB32" s="313">
        <v>3</v>
      </c>
      <c r="AC32" s="313">
        <v>0</v>
      </c>
      <c r="AD32" s="313">
        <v>0</v>
      </c>
      <c r="AE32" s="313">
        <v>0</v>
      </c>
      <c r="AF32" s="313">
        <v>0</v>
      </c>
      <c r="AG32" s="311">
        <v>3</v>
      </c>
      <c r="AH32" s="315">
        <v>3</v>
      </c>
      <c r="AI32" s="310">
        <v>0</v>
      </c>
      <c r="AJ32" s="313">
        <v>0</v>
      </c>
      <c r="AK32" s="311">
        <v>0</v>
      </c>
      <c r="AL32" s="312">
        <v>0</v>
      </c>
      <c r="AM32" s="313">
        <v>0</v>
      </c>
      <c r="AN32" s="313">
        <v>1</v>
      </c>
      <c r="AO32" s="313">
        <v>0</v>
      </c>
      <c r="AP32" s="313">
        <v>0</v>
      </c>
      <c r="AQ32" s="313">
        <v>0</v>
      </c>
      <c r="AR32" s="311">
        <v>1</v>
      </c>
      <c r="AS32" s="315">
        <v>1</v>
      </c>
      <c r="AT32" s="310">
        <v>0</v>
      </c>
      <c r="AU32" s="313">
        <v>0</v>
      </c>
      <c r="AV32" s="311">
        <v>0</v>
      </c>
      <c r="AW32" s="312">
        <v>0</v>
      </c>
      <c r="AX32" s="313">
        <v>0</v>
      </c>
      <c r="AY32" s="313">
        <v>0</v>
      </c>
      <c r="AZ32" s="313">
        <v>0</v>
      </c>
      <c r="BA32" s="313">
        <v>0</v>
      </c>
      <c r="BB32" s="313">
        <v>0</v>
      </c>
      <c r="BC32" s="311">
        <v>0</v>
      </c>
      <c r="BD32" s="315">
        <v>0</v>
      </c>
      <c r="BE32" s="310">
        <v>0</v>
      </c>
      <c r="BF32" s="313">
        <v>0</v>
      </c>
      <c r="BG32" s="311">
        <v>0</v>
      </c>
      <c r="BH32" s="312">
        <v>0</v>
      </c>
      <c r="BI32" s="313">
        <v>1</v>
      </c>
      <c r="BJ32" s="313">
        <v>0</v>
      </c>
      <c r="BK32" s="313">
        <v>0</v>
      </c>
      <c r="BL32" s="313">
        <v>0</v>
      </c>
      <c r="BM32" s="313">
        <v>0</v>
      </c>
      <c r="BN32" s="314">
        <v>1</v>
      </c>
      <c r="BO32" s="315">
        <v>1</v>
      </c>
      <c r="BP32" s="310">
        <v>0</v>
      </c>
      <c r="BQ32" s="313">
        <v>0</v>
      </c>
      <c r="BR32" s="311">
        <v>0</v>
      </c>
      <c r="BS32" s="312">
        <v>0</v>
      </c>
      <c r="BT32" s="313">
        <v>0</v>
      </c>
      <c r="BU32" s="313">
        <v>0</v>
      </c>
      <c r="BV32" s="313">
        <v>0</v>
      </c>
      <c r="BW32" s="313">
        <v>0</v>
      </c>
      <c r="BX32" s="313">
        <v>0</v>
      </c>
      <c r="BY32" s="311">
        <v>0</v>
      </c>
      <c r="BZ32" s="315">
        <v>0</v>
      </c>
      <c r="CA32" s="310">
        <v>0</v>
      </c>
      <c r="CB32" s="313">
        <v>0</v>
      </c>
      <c r="CC32" s="311">
        <v>0</v>
      </c>
      <c r="CD32" s="312">
        <v>0</v>
      </c>
      <c r="CE32" s="313">
        <v>0</v>
      </c>
      <c r="CF32" s="313">
        <v>0</v>
      </c>
      <c r="CG32" s="313">
        <v>0</v>
      </c>
      <c r="CH32" s="313">
        <v>0</v>
      </c>
      <c r="CI32" s="313">
        <v>0</v>
      </c>
      <c r="CJ32" s="311">
        <v>0</v>
      </c>
      <c r="CK32" s="315">
        <v>0</v>
      </c>
      <c r="CL32" s="310">
        <v>0</v>
      </c>
      <c r="CM32" s="313">
        <v>0</v>
      </c>
      <c r="CN32" s="311">
        <v>0</v>
      </c>
      <c r="CO32" s="312">
        <v>0</v>
      </c>
      <c r="CP32" s="313">
        <v>0</v>
      </c>
      <c r="CQ32" s="313">
        <v>0</v>
      </c>
      <c r="CR32" s="313">
        <v>0</v>
      </c>
      <c r="CS32" s="313">
        <v>0</v>
      </c>
      <c r="CT32" s="313">
        <v>0</v>
      </c>
      <c r="CU32" s="311">
        <v>0</v>
      </c>
      <c r="CV32" s="315">
        <v>0</v>
      </c>
    </row>
    <row r="33" spans="1:100" ht="21" customHeight="1" x14ac:dyDescent="0.2">
      <c r="A33" s="297" t="s">
        <v>31</v>
      </c>
      <c r="B33" s="310">
        <v>0</v>
      </c>
      <c r="C33" s="313">
        <v>0</v>
      </c>
      <c r="D33" s="441">
        <v>0</v>
      </c>
      <c r="E33" s="312">
        <v>0</v>
      </c>
      <c r="F33" s="313">
        <v>0</v>
      </c>
      <c r="G33" s="313">
        <v>1</v>
      </c>
      <c r="H33" s="313">
        <v>0</v>
      </c>
      <c r="I33" s="313">
        <v>0</v>
      </c>
      <c r="J33" s="313">
        <v>0</v>
      </c>
      <c r="K33" s="314">
        <v>1</v>
      </c>
      <c r="L33" s="315">
        <v>1</v>
      </c>
      <c r="M33" s="310">
        <v>0</v>
      </c>
      <c r="N33" s="313">
        <v>0</v>
      </c>
      <c r="O33" s="311">
        <v>0</v>
      </c>
      <c r="P33" s="312">
        <v>0</v>
      </c>
      <c r="Q33" s="313">
        <v>0</v>
      </c>
      <c r="R33" s="313">
        <v>0</v>
      </c>
      <c r="S33" s="313">
        <v>0</v>
      </c>
      <c r="T33" s="313">
        <v>0</v>
      </c>
      <c r="U33" s="313">
        <v>0</v>
      </c>
      <c r="V33" s="311">
        <v>0</v>
      </c>
      <c r="W33" s="315">
        <v>0</v>
      </c>
      <c r="X33" s="310">
        <v>0</v>
      </c>
      <c r="Y33" s="313">
        <v>0</v>
      </c>
      <c r="Z33" s="311">
        <v>0</v>
      </c>
      <c r="AA33" s="312">
        <v>0</v>
      </c>
      <c r="AB33" s="313">
        <v>2</v>
      </c>
      <c r="AC33" s="313">
        <v>3</v>
      </c>
      <c r="AD33" s="313">
        <v>1</v>
      </c>
      <c r="AE33" s="313">
        <v>0</v>
      </c>
      <c r="AF33" s="313">
        <v>0</v>
      </c>
      <c r="AG33" s="311">
        <v>6</v>
      </c>
      <c r="AH33" s="315">
        <v>6</v>
      </c>
      <c r="AI33" s="310">
        <v>0</v>
      </c>
      <c r="AJ33" s="313">
        <v>0</v>
      </c>
      <c r="AK33" s="311">
        <v>0</v>
      </c>
      <c r="AL33" s="312">
        <v>0</v>
      </c>
      <c r="AM33" s="313">
        <v>0</v>
      </c>
      <c r="AN33" s="313">
        <v>0</v>
      </c>
      <c r="AO33" s="313">
        <v>0</v>
      </c>
      <c r="AP33" s="313">
        <v>0</v>
      </c>
      <c r="AQ33" s="313">
        <v>0</v>
      </c>
      <c r="AR33" s="311">
        <v>0</v>
      </c>
      <c r="AS33" s="315">
        <v>0</v>
      </c>
      <c r="AT33" s="310">
        <v>0</v>
      </c>
      <c r="AU33" s="313">
        <v>0</v>
      </c>
      <c r="AV33" s="311">
        <v>0</v>
      </c>
      <c r="AW33" s="312">
        <v>0</v>
      </c>
      <c r="AX33" s="313">
        <v>1</v>
      </c>
      <c r="AY33" s="313">
        <v>0</v>
      </c>
      <c r="AZ33" s="313">
        <v>0</v>
      </c>
      <c r="BA33" s="313">
        <v>0</v>
      </c>
      <c r="BB33" s="313">
        <v>0</v>
      </c>
      <c r="BC33" s="311">
        <v>1</v>
      </c>
      <c r="BD33" s="315">
        <v>1</v>
      </c>
      <c r="BE33" s="310">
        <v>0</v>
      </c>
      <c r="BF33" s="313">
        <v>0</v>
      </c>
      <c r="BG33" s="311">
        <v>0</v>
      </c>
      <c r="BH33" s="312">
        <v>0</v>
      </c>
      <c r="BI33" s="313">
        <v>0</v>
      </c>
      <c r="BJ33" s="313">
        <v>0</v>
      </c>
      <c r="BK33" s="313">
        <v>0</v>
      </c>
      <c r="BL33" s="313">
        <v>0</v>
      </c>
      <c r="BM33" s="313">
        <v>1</v>
      </c>
      <c r="BN33" s="314">
        <v>1</v>
      </c>
      <c r="BO33" s="315">
        <v>1</v>
      </c>
      <c r="BP33" s="310">
        <v>0</v>
      </c>
      <c r="BQ33" s="313">
        <v>0</v>
      </c>
      <c r="BR33" s="311">
        <v>0</v>
      </c>
      <c r="BS33" s="312">
        <v>0</v>
      </c>
      <c r="BT33" s="313">
        <v>0</v>
      </c>
      <c r="BU33" s="313">
        <v>0</v>
      </c>
      <c r="BV33" s="313">
        <v>0</v>
      </c>
      <c r="BW33" s="313">
        <v>0</v>
      </c>
      <c r="BX33" s="313">
        <v>0</v>
      </c>
      <c r="BY33" s="311">
        <v>0</v>
      </c>
      <c r="BZ33" s="315">
        <v>0</v>
      </c>
      <c r="CA33" s="310">
        <v>0</v>
      </c>
      <c r="CB33" s="313">
        <v>0</v>
      </c>
      <c r="CC33" s="311">
        <v>0</v>
      </c>
      <c r="CD33" s="312">
        <v>0</v>
      </c>
      <c r="CE33" s="313">
        <v>0</v>
      </c>
      <c r="CF33" s="313">
        <v>0</v>
      </c>
      <c r="CG33" s="313">
        <v>0</v>
      </c>
      <c r="CH33" s="313">
        <v>0</v>
      </c>
      <c r="CI33" s="313">
        <v>0</v>
      </c>
      <c r="CJ33" s="311">
        <v>0</v>
      </c>
      <c r="CK33" s="315">
        <v>0</v>
      </c>
      <c r="CL33" s="310">
        <v>0</v>
      </c>
      <c r="CM33" s="313">
        <v>0</v>
      </c>
      <c r="CN33" s="311">
        <v>0</v>
      </c>
      <c r="CO33" s="312">
        <v>0</v>
      </c>
      <c r="CP33" s="313">
        <v>0</v>
      </c>
      <c r="CQ33" s="313">
        <v>0</v>
      </c>
      <c r="CR33" s="313">
        <v>0</v>
      </c>
      <c r="CS33" s="313">
        <v>0</v>
      </c>
      <c r="CT33" s="313">
        <v>0</v>
      </c>
      <c r="CU33" s="311">
        <v>0</v>
      </c>
      <c r="CV33" s="315">
        <v>0</v>
      </c>
    </row>
    <row r="34" spans="1:100" ht="21" customHeight="1" x14ac:dyDescent="0.2">
      <c r="A34" s="297" t="s">
        <v>32</v>
      </c>
      <c r="B34" s="310">
        <v>0</v>
      </c>
      <c r="C34" s="313">
        <v>0</v>
      </c>
      <c r="D34" s="441">
        <v>0</v>
      </c>
      <c r="E34" s="312">
        <v>0</v>
      </c>
      <c r="F34" s="313">
        <v>1</v>
      </c>
      <c r="G34" s="313">
        <v>0</v>
      </c>
      <c r="H34" s="313">
        <v>0</v>
      </c>
      <c r="I34" s="313">
        <v>0</v>
      </c>
      <c r="J34" s="313">
        <v>0</v>
      </c>
      <c r="K34" s="314">
        <v>1</v>
      </c>
      <c r="L34" s="315">
        <v>1</v>
      </c>
      <c r="M34" s="310">
        <v>0</v>
      </c>
      <c r="N34" s="313">
        <v>0</v>
      </c>
      <c r="O34" s="311">
        <v>0</v>
      </c>
      <c r="P34" s="312">
        <v>0</v>
      </c>
      <c r="Q34" s="313">
        <v>0</v>
      </c>
      <c r="R34" s="313">
        <v>0</v>
      </c>
      <c r="S34" s="313">
        <v>0</v>
      </c>
      <c r="T34" s="313">
        <v>0</v>
      </c>
      <c r="U34" s="313">
        <v>0</v>
      </c>
      <c r="V34" s="311">
        <v>0</v>
      </c>
      <c r="W34" s="315">
        <v>0</v>
      </c>
      <c r="X34" s="310">
        <v>0</v>
      </c>
      <c r="Y34" s="313">
        <v>0</v>
      </c>
      <c r="Z34" s="311">
        <v>0</v>
      </c>
      <c r="AA34" s="312">
        <v>0</v>
      </c>
      <c r="AB34" s="313">
        <v>2</v>
      </c>
      <c r="AC34" s="313">
        <v>2</v>
      </c>
      <c r="AD34" s="313">
        <v>1</v>
      </c>
      <c r="AE34" s="313">
        <v>0</v>
      </c>
      <c r="AF34" s="313">
        <v>0</v>
      </c>
      <c r="AG34" s="311">
        <v>5</v>
      </c>
      <c r="AH34" s="315">
        <v>5</v>
      </c>
      <c r="AI34" s="310">
        <v>0</v>
      </c>
      <c r="AJ34" s="313">
        <v>0</v>
      </c>
      <c r="AK34" s="311">
        <v>0</v>
      </c>
      <c r="AL34" s="312">
        <v>0</v>
      </c>
      <c r="AM34" s="313">
        <v>0</v>
      </c>
      <c r="AN34" s="313">
        <v>0</v>
      </c>
      <c r="AO34" s="313">
        <v>0</v>
      </c>
      <c r="AP34" s="313">
        <v>0</v>
      </c>
      <c r="AQ34" s="313">
        <v>0</v>
      </c>
      <c r="AR34" s="311">
        <v>0</v>
      </c>
      <c r="AS34" s="315">
        <v>0</v>
      </c>
      <c r="AT34" s="310">
        <v>0</v>
      </c>
      <c r="AU34" s="313">
        <v>0</v>
      </c>
      <c r="AV34" s="311">
        <v>0</v>
      </c>
      <c r="AW34" s="312">
        <v>0</v>
      </c>
      <c r="AX34" s="313">
        <v>0</v>
      </c>
      <c r="AY34" s="313">
        <v>0</v>
      </c>
      <c r="AZ34" s="313">
        <v>0</v>
      </c>
      <c r="BA34" s="313">
        <v>0</v>
      </c>
      <c r="BB34" s="313">
        <v>0</v>
      </c>
      <c r="BC34" s="311">
        <v>0</v>
      </c>
      <c r="BD34" s="315">
        <v>0</v>
      </c>
      <c r="BE34" s="310">
        <v>0</v>
      </c>
      <c r="BF34" s="313">
        <v>0</v>
      </c>
      <c r="BG34" s="311">
        <v>0</v>
      </c>
      <c r="BH34" s="312">
        <v>0</v>
      </c>
      <c r="BI34" s="313">
        <v>0</v>
      </c>
      <c r="BJ34" s="313">
        <v>0</v>
      </c>
      <c r="BK34" s="313">
        <v>1</v>
      </c>
      <c r="BL34" s="313">
        <v>0</v>
      </c>
      <c r="BM34" s="313">
        <v>1</v>
      </c>
      <c r="BN34" s="314">
        <v>2</v>
      </c>
      <c r="BO34" s="315">
        <v>2</v>
      </c>
      <c r="BP34" s="310">
        <v>0</v>
      </c>
      <c r="BQ34" s="313">
        <v>0</v>
      </c>
      <c r="BR34" s="311">
        <v>0</v>
      </c>
      <c r="BS34" s="312">
        <v>0</v>
      </c>
      <c r="BT34" s="313">
        <v>0</v>
      </c>
      <c r="BU34" s="313">
        <v>0</v>
      </c>
      <c r="BV34" s="313">
        <v>0</v>
      </c>
      <c r="BW34" s="313">
        <v>0</v>
      </c>
      <c r="BX34" s="313">
        <v>0</v>
      </c>
      <c r="BY34" s="311">
        <v>0</v>
      </c>
      <c r="BZ34" s="315">
        <v>0</v>
      </c>
      <c r="CA34" s="310">
        <v>0</v>
      </c>
      <c r="CB34" s="313">
        <v>0</v>
      </c>
      <c r="CC34" s="311">
        <v>0</v>
      </c>
      <c r="CD34" s="312">
        <v>0</v>
      </c>
      <c r="CE34" s="313">
        <v>0</v>
      </c>
      <c r="CF34" s="313">
        <v>1</v>
      </c>
      <c r="CG34" s="313">
        <v>0</v>
      </c>
      <c r="CH34" s="313">
        <v>0</v>
      </c>
      <c r="CI34" s="313">
        <v>0</v>
      </c>
      <c r="CJ34" s="311">
        <v>1</v>
      </c>
      <c r="CK34" s="315">
        <v>1</v>
      </c>
      <c r="CL34" s="310">
        <v>0</v>
      </c>
      <c r="CM34" s="313">
        <v>0</v>
      </c>
      <c r="CN34" s="311">
        <v>0</v>
      </c>
      <c r="CO34" s="312">
        <v>0</v>
      </c>
      <c r="CP34" s="313">
        <v>0</v>
      </c>
      <c r="CQ34" s="313">
        <v>0</v>
      </c>
      <c r="CR34" s="313">
        <v>0</v>
      </c>
      <c r="CS34" s="313">
        <v>0</v>
      </c>
      <c r="CT34" s="313">
        <v>0</v>
      </c>
      <c r="CU34" s="311">
        <v>0</v>
      </c>
      <c r="CV34" s="315">
        <v>0</v>
      </c>
    </row>
    <row r="35" spans="1:100" ht="21" customHeight="1" x14ac:dyDescent="0.2">
      <c r="A35" s="297" t="s">
        <v>33</v>
      </c>
      <c r="B35" s="310">
        <v>0</v>
      </c>
      <c r="C35" s="313">
        <v>0</v>
      </c>
      <c r="D35" s="441">
        <v>0</v>
      </c>
      <c r="E35" s="312">
        <v>0</v>
      </c>
      <c r="F35" s="313">
        <v>0</v>
      </c>
      <c r="G35" s="313">
        <v>0</v>
      </c>
      <c r="H35" s="313">
        <v>0</v>
      </c>
      <c r="I35" s="313">
        <v>0</v>
      </c>
      <c r="J35" s="313">
        <v>0</v>
      </c>
      <c r="K35" s="314">
        <v>0</v>
      </c>
      <c r="L35" s="315">
        <v>0</v>
      </c>
      <c r="M35" s="310">
        <v>0</v>
      </c>
      <c r="N35" s="313">
        <v>0</v>
      </c>
      <c r="O35" s="311">
        <v>0</v>
      </c>
      <c r="P35" s="312">
        <v>0</v>
      </c>
      <c r="Q35" s="313">
        <v>0</v>
      </c>
      <c r="R35" s="313">
        <v>0</v>
      </c>
      <c r="S35" s="313">
        <v>0</v>
      </c>
      <c r="T35" s="313">
        <v>0</v>
      </c>
      <c r="U35" s="313">
        <v>0</v>
      </c>
      <c r="V35" s="311">
        <v>0</v>
      </c>
      <c r="W35" s="315">
        <v>0</v>
      </c>
      <c r="X35" s="310">
        <v>0</v>
      </c>
      <c r="Y35" s="313">
        <v>0</v>
      </c>
      <c r="Z35" s="311">
        <v>0</v>
      </c>
      <c r="AA35" s="312">
        <v>0</v>
      </c>
      <c r="AB35" s="313">
        <v>3</v>
      </c>
      <c r="AC35" s="313">
        <v>0</v>
      </c>
      <c r="AD35" s="313">
        <v>2</v>
      </c>
      <c r="AE35" s="313">
        <v>0</v>
      </c>
      <c r="AF35" s="313">
        <v>0</v>
      </c>
      <c r="AG35" s="311">
        <v>5</v>
      </c>
      <c r="AH35" s="315">
        <v>5</v>
      </c>
      <c r="AI35" s="310">
        <v>0</v>
      </c>
      <c r="AJ35" s="313">
        <v>0</v>
      </c>
      <c r="AK35" s="311">
        <v>0</v>
      </c>
      <c r="AL35" s="312">
        <v>0</v>
      </c>
      <c r="AM35" s="313">
        <v>0</v>
      </c>
      <c r="AN35" s="313">
        <v>0</v>
      </c>
      <c r="AO35" s="313">
        <v>0</v>
      </c>
      <c r="AP35" s="313">
        <v>0</v>
      </c>
      <c r="AQ35" s="313">
        <v>0</v>
      </c>
      <c r="AR35" s="311">
        <v>0</v>
      </c>
      <c r="AS35" s="315">
        <v>0</v>
      </c>
      <c r="AT35" s="310">
        <v>0</v>
      </c>
      <c r="AU35" s="313">
        <v>0</v>
      </c>
      <c r="AV35" s="311">
        <v>0</v>
      </c>
      <c r="AW35" s="312">
        <v>0</v>
      </c>
      <c r="AX35" s="313">
        <v>0</v>
      </c>
      <c r="AY35" s="313">
        <v>0</v>
      </c>
      <c r="AZ35" s="313">
        <v>0</v>
      </c>
      <c r="BA35" s="313">
        <v>0</v>
      </c>
      <c r="BB35" s="313">
        <v>0</v>
      </c>
      <c r="BC35" s="311">
        <v>0</v>
      </c>
      <c r="BD35" s="315">
        <v>0</v>
      </c>
      <c r="BE35" s="310">
        <v>0</v>
      </c>
      <c r="BF35" s="313">
        <v>0</v>
      </c>
      <c r="BG35" s="311">
        <v>0</v>
      </c>
      <c r="BH35" s="312">
        <v>0</v>
      </c>
      <c r="BI35" s="313">
        <v>0</v>
      </c>
      <c r="BJ35" s="313">
        <v>0</v>
      </c>
      <c r="BK35" s="313">
        <v>0</v>
      </c>
      <c r="BL35" s="313">
        <v>0</v>
      </c>
      <c r="BM35" s="313">
        <v>0</v>
      </c>
      <c r="BN35" s="314">
        <v>0</v>
      </c>
      <c r="BO35" s="315">
        <v>0</v>
      </c>
      <c r="BP35" s="310">
        <v>0</v>
      </c>
      <c r="BQ35" s="313">
        <v>0</v>
      </c>
      <c r="BR35" s="311">
        <v>0</v>
      </c>
      <c r="BS35" s="312">
        <v>0</v>
      </c>
      <c r="BT35" s="313">
        <v>0</v>
      </c>
      <c r="BU35" s="313">
        <v>0</v>
      </c>
      <c r="BV35" s="313">
        <v>0</v>
      </c>
      <c r="BW35" s="313">
        <v>0</v>
      </c>
      <c r="BX35" s="313">
        <v>0</v>
      </c>
      <c r="BY35" s="311">
        <v>0</v>
      </c>
      <c r="BZ35" s="315">
        <v>0</v>
      </c>
      <c r="CA35" s="310">
        <v>0</v>
      </c>
      <c r="CB35" s="313">
        <v>0</v>
      </c>
      <c r="CC35" s="311">
        <v>0</v>
      </c>
      <c r="CD35" s="312">
        <v>0</v>
      </c>
      <c r="CE35" s="313">
        <v>0</v>
      </c>
      <c r="CF35" s="313">
        <v>0</v>
      </c>
      <c r="CG35" s="313">
        <v>0</v>
      </c>
      <c r="CH35" s="313">
        <v>0</v>
      </c>
      <c r="CI35" s="313">
        <v>0</v>
      </c>
      <c r="CJ35" s="311">
        <v>0</v>
      </c>
      <c r="CK35" s="315">
        <v>0</v>
      </c>
      <c r="CL35" s="310">
        <v>0</v>
      </c>
      <c r="CM35" s="313">
        <v>0</v>
      </c>
      <c r="CN35" s="311">
        <v>0</v>
      </c>
      <c r="CO35" s="312">
        <v>0</v>
      </c>
      <c r="CP35" s="313">
        <v>0</v>
      </c>
      <c r="CQ35" s="313">
        <v>0</v>
      </c>
      <c r="CR35" s="313">
        <v>1</v>
      </c>
      <c r="CS35" s="313">
        <v>0</v>
      </c>
      <c r="CT35" s="313">
        <v>0</v>
      </c>
      <c r="CU35" s="311">
        <v>1</v>
      </c>
      <c r="CV35" s="315">
        <v>1</v>
      </c>
    </row>
    <row r="36" spans="1:100" ht="21" customHeight="1" x14ac:dyDescent="0.2">
      <c r="A36" s="297" t="s">
        <v>34</v>
      </c>
      <c r="B36" s="310">
        <v>0</v>
      </c>
      <c r="C36" s="313">
        <v>0</v>
      </c>
      <c r="D36" s="441">
        <v>0</v>
      </c>
      <c r="E36" s="312">
        <v>0</v>
      </c>
      <c r="F36" s="313">
        <v>0</v>
      </c>
      <c r="G36" s="313">
        <v>0</v>
      </c>
      <c r="H36" s="313">
        <v>0</v>
      </c>
      <c r="I36" s="313">
        <v>0</v>
      </c>
      <c r="J36" s="313">
        <v>0</v>
      </c>
      <c r="K36" s="314">
        <v>0</v>
      </c>
      <c r="L36" s="315">
        <v>0</v>
      </c>
      <c r="M36" s="310">
        <v>0</v>
      </c>
      <c r="N36" s="313">
        <v>0</v>
      </c>
      <c r="O36" s="311">
        <v>0</v>
      </c>
      <c r="P36" s="312">
        <v>0</v>
      </c>
      <c r="Q36" s="313">
        <v>0</v>
      </c>
      <c r="R36" s="313">
        <v>0</v>
      </c>
      <c r="S36" s="313">
        <v>0</v>
      </c>
      <c r="T36" s="313">
        <v>0</v>
      </c>
      <c r="U36" s="313">
        <v>0</v>
      </c>
      <c r="V36" s="311">
        <v>0</v>
      </c>
      <c r="W36" s="315">
        <v>0</v>
      </c>
      <c r="X36" s="310">
        <v>0</v>
      </c>
      <c r="Y36" s="313">
        <v>0</v>
      </c>
      <c r="Z36" s="311">
        <v>0</v>
      </c>
      <c r="AA36" s="312">
        <v>0</v>
      </c>
      <c r="AB36" s="313">
        <v>0</v>
      </c>
      <c r="AC36" s="313">
        <v>0</v>
      </c>
      <c r="AD36" s="313">
        <v>0</v>
      </c>
      <c r="AE36" s="313">
        <v>0</v>
      </c>
      <c r="AF36" s="313">
        <v>0</v>
      </c>
      <c r="AG36" s="311">
        <v>0</v>
      </c>
      <c r="AH36" s="315">
        <v>0</v>
      </c>
      <c r="AI36" s="310">
        <v>0</v>
      </c>
      <c r="AJ36" s="313">
        <v>0</v>
      </c>
      <c r="AK36" s="311">
        <v>0</v>
      </c>
      <c r="AL36" s="312">
        <v>0</v>
      </c>
      <c r="AM36" s="313">
        <v>0</v>
      </c>
      <c r="AN36" s="313">
        <v>0</v>
      </c>
      <c r="AO36" s="313">
        <v>0</v>
      </c>
      <c r="AP36" s="313">
        <v>0</v>
      </c>
      <c r="AQ36" s="313">
        <v>0</v>
      </c>
      <c r="AR36" s="311">
        <v>0</v>
      </c>
      <c r="AS36" s="315">
        <v>0</v>
      </c>
      <c r="AT36" s="310">
        <v>0</v>
      </c>
      <c r="AU36" s="313">
        <v>0</v>
      </c>
      <c r="AV36" s="311">
        <v>0</v>
      </c>
      <c r="AW36" s="312">
        <v>0</v>
      </c>
      <c r="AX36" s="313">
        <v>1</v>
      </c>
      <c r="AY36" s="313">
        <v>0</v>
      </c>
      <c r="AZ36" s="313">
        <v>0</v>
      </c>
      <c r="BA36" s="313">
        <v>1</v>
      </c>
      <c r="BB36" s="313">
        <v>0</v>
      </c>
      <c r="BC36" s="311">
        <v>2</v>
      </c>
      <c r="BD36" s="315">
        <v>2</v>
      </c>
      <c r="BE36" s="310">
        <v>0</v>
      </c>
      <c r="BF36" s="313">
        <v>0</v>
      </c>
      <c r="BG36" s="311">
        <v>0</v>
      </c>
      <c r="BH36" s="312">
        <v>0</v>
      </c>
      <c r="BI36" s="313">
        <v>0</v>
      </c>
      <c r="BJ36" s="313">
        <v>0</v>
      </c>
      <c r="BK36" s="313">
        <v>0</v>
      </c>
      <c r="BL36" s="313">
        <v>0</v>
      </c>
      <c r="BM36" s="313">
        <v>0</v>
      </c>
      <c r="BN36" s="314">
        <v>0</v>
      </c>
      <c r="BO36" s="315">
        <v>0</v>
      </c>
      <c r="BP36" s="310">
        <v>0</v>
      </c>
      <c r="BQ36" s="313">
        <v>0</v>
      </c>
      <c r="BR36" s="311">
        <v>0</v>
      </c>
      <c r="BS36" s="312">
        <v>0</v>
      </c>
      <c r="BT36" s="313">
        <v>0</v>
      </c>
      <c r="BU36" s="313">
        <v>0</v>
      </c>
      <c r="BV36" s="313">
        <v>0</v>
      </c>
      <c r="BW36" s="313">
        <v>0</v>
      </c>
      <c r="BX36" s="313">
        <v>0</v>
      </c>
      <c r="BY36" s="311">
        <v>0</v>
      </c>
      <c r="BZ36" s="315">
        <v>0</v>
      </c>
      <c r="CA36" s="310">
        <v>0</v>
      </c>
      <c r="CB36" s="313">
        <v>0</v>
      </c>
      <c r="CC36" s="311">
        <v>0</v>
      </c>
      <c r="CD36" s="312">
        <v>0</v>
      </c>
      <c r="CE36" s="313">
        <v>0</v>
      </c>
      <c r="CF36" s="313">
        <v>0</v>
      </c>
      <c r="CG36" s="313">
        <v>0</v>
      </c>
      <c r="CH36" s="313">
        <v>0</v>
      </c>
      <c r="CI36" s="313">
        <v>0</v>
      </c>
      <c r="CJ36" s="311">
        <v>0</v>
      </c>
      <c r="CK36" s="315">
        <v>0</v>
      </c>
      <c r="CL36" s="310">
        <v>0</v>
      </c>
      <c r="CM36" s="313">
        <v>0</v>
      </c>
      <c r="CN36" s="311">
        <v>0</v>
      </c>
      <c r="CO36" s="312">
        <v>0</v>
      </c>
      <c r="CP36" s="313">
        <v>0</v>
      </c>
      <c r="CQ36" s="313">
        <v>0</v>
      </c>
      <c r="CR36" s="313">
        <v>1</v>
      </c>
      <c r="CS36" s="313">
        <v>0</v>
      </c>
      <c r="CT36" s="313">
        <v>0</v>
      </c>
      <c r="CU36" s="311">
        <v>1</v>
      </c>
      <c r="CV36" s="315">
        <v>1</v>
      </c>
    </row>
    <row r="37" spans="1:100" ht="21" customHeight="1" x14ac:dyDescent="0.2">
      <c r="A37" s="297" t="s">
        <v>35</v>
      </c>
      <c r="B37" s="310">
        <v>0</v>
      </c>
      <c r="C37" s="313">
        <v>0</v>
      </c>
      <c r="D37" s="441">
        <v>0</v>
      </c>
      <c r="E37" s="312">
        <v>0</v>
      </c>
      <c r="F37" s="313">
        <v>0</v>
      </c>
      <c r="G37" s="313">
        <v>0</v>
      </c>
      <c r="H37" s="313">
        <v>0</v>
      </c>
      <c r="I37" s="313">
        <v>0</v>
      </c>
      <c r="J37" s="313">
        <v>0</v>
      </c>
      <c r="K37" s="314">
        <v>0</v>
      </c>
      <c r="L37" s="315">
        <v>0</v>
      </c>
      <c r="M37" s="310">
        <v>0</v>
      </c>
      <c r="N37" s="313">
        <v>0</v>
      </c>
      <c r="O37" s="311">
        <v>0</v>
      </c>
      <c r="P37" s="312">
        <v>0</v>
      </c>
      <c r="Q37" s="313">
        <v>0</v>
      </c>
      <c r="R37" s="313">
        <v>0</v>
      </c>
      <c r="S37" s="313">
        <v>0</v>
      </c>
      <c r="T37" s="313">
        <v>0</v>
      </c>
      <c r="U37" s="313">
        <v>0</v>
      </c>
      <c r="V37" s="311">
        <v>0</v>
      </c>
      <c r="W37" s="315">
        <v>0</v>
      </c>
      <c r="X37" s="310">
        <v>0</v>
      </c>
      <c r="Y37" s="313">
        <v>0</v>
      </c>
      <c r="Z37" s="311">
        <v>0</v>
      </c>
      <c r="AA37" s="312">
        <v>0</v>
      </c>
      <c r="AB37" s="313">
        <v>2</v>
      </c>
      <c r="AC37" s="313">
        <v>0</v>
      </c>
      <c r="AD37" s="313">
        <v>0</v>
      </c>
      <c r="AE37" s="313">
        <v>0</v>
      </c>
      <c r="AF37" s="313">
        <v>0</v>
      </c>
      <c r="AG37" s="311">
        <v>2</v>
      </c>
      <c r="AH37" s="315">
        <v>2</v>
      </c>
      <c r="AI37" s="310">
        <v>0</v>
      </c>
      <c r="AJ37" s="313">
        <v>0</v>
      </c>
      <c r="AK37" s="311">
        <v>0</v>
      </c>
      <c r="AL37" s="312">
        <v>0</v>
      </c>
      <c r="AM37" s="313">
        <v>0</v>
      </c>
      <c r="AN37" s="313">
        <v>0</v>
      </c>
      <c r="AO37" s="313">
        <v>0</v>
      </c>
      <c r="AP37" s="313">
        <v>0</v>
      </c>
      <c r="AQ37" s="313">
        <v>0</v>
      </c>
      <c r="AR37" s="311">
        <v>0</v>
      </c>
      <c r="AS37" s="315">
        <v>0</v>
      </c>
      <c r="AT37" s="310">
        <v>0</v>
      </c>
      <c r="AU37" s="313">
        <v>0</v>
      </c>
      <c r="AV37" s="311">
        <v>0</v>
      </c>
      <c r="AW37" s="312">
        <v>0</v>
      </c>
      <c r="AX37" s="313">
        <v>0</v>
      </c>
      <c r="AY37" s="313">
        <v>0</v>
      </c>
      <c r="AZ37" s="313">
        <v>1</v>
      </c>
      <c r="BA37" s="313">
        <v>0</v>
      </c>
      <c r="BB37" s="313">
        <v>0</v>
      </c>
      <c r="BC37" s="311">
        <v>1</v>
      </c>
      <c r="BD37" s="315">
        <v>1</v>
      </c>
      <c r="BE37" s="310">
        <v>0</v>
      </c>
      <c r="BF37" s="313">
        <v>0</v>
      </c>
      <c r="BG37" s="311">
        <v>0</v>
      </c>
      <c r="BH37" s="312">
        <v>0</v>
      </c>
      <c r="BI37" s="313">
        <v>0</v>
      </c>
      <c r="BJ37" s="313">
        <v>0</v>
      </c>
      <c r="BK37" s="313">
        <v>1</v>
      </c>
      <c r="BL37" s="313">
        <v>0</v>
      </c>
      <c r="BM37" s="313">
        <v>0</v>
      </c>
      <c r="BN37" s="314">
        <v>1</v>
      </c>
      <c r="BO37" s="315">
        <v>1</v>
      </c>
      <c r="BP37" s="310">
        <v>0</v>
      </c>
      <c r="BQ37" s="313">
        <v>0</v>
      </c>
      <c r="BR37" s="311">
        <v>0</v>
      </c>
      <c r="BS37" s="312">
        <v>0</v>
      </c>
      <c r="BT37" s="313">
        <v>0</v>
      </c>
      <c r="BU37" s="313">
        <v>0</v>
      </c>
      <c r="BV37" s="313">
        <v>0</v>
      </c>
      <c r="BW37" s="313">
        <v>0</v>
      </c>
      <c r="BX37" s="313">
        <v>0</v>
      </c>
      <c r="BY37" s="311">
        <v>0</v>
      </c>
      <c r="BZ37" s="315">
        <v>0</v>
      </c>
      <c r="CA37" s="310">
        <v>0</v>
      </c>
      <c r="CB37" s="313">
        <v>0</v>
      </c>
      <c r="CC37" s="311">
        <v>0</v>
      </c>
      <c r="CD37" s="312">
        <v>0</v>
      </c>
      <c r="CE37" s="313">
        <v>0</v>
      </c>
      <c r="CF37" s="313">
        <v>0</v>
      </c>
      <c r="CG37" s="313">
        <v>0</v>
      </c>
      <c r="CH37" s="313">
        <v>0</v>
      </c>
      <c r="CI37" s="313">
        <v>0</v>
      </c>
      <c r="CJ37" s="311">
        <v>0</v>
      </c>
      <c r="CK37" s="315">
        <v>0</v>
      </c>
      <c r="CL37" s="310">
        <v>0</v>
      </c>
      <c r="CM37" s="313">
        <v>0</v>
      </c>
      <c r="CN37" s="311">
        <v>0</v>
      </c>
      <c r="CO37" s="312">
        <v>0</v>
      </c>
      <c r="CP37" s="313">
        <v>0</v>
      </c>
      <c r="CQ37" s="313">
        <v>0</v>
      </c>
      <c r="CR37" s="313">
        <v>0</v>
      </c>
      <c r="CS37" s="313">
        <v>0</v>
      </c>
      <c r="CT37" s="313">
        <v>0</v>
      </c>
      <c r="CU37" s="311">
        <v>0</v>
      </c>
      <c r="CV37" s="315">
        <v>0</v>
      </c>
    </row>
    <row r="38" spans="1:100" ht="21" customHeight="1" x14ac:dyDescent="0.2">
      <c r="A38" s="297" t="s">
        <v>36</v>
      </c>
      <c r="B38" s="310">
        <v>0</v>
      </c>
      <c r="C38" s="313">
        <v>0</v>
      </c>
      <c r="D38" s="441">
        <v>0</v>
      </c>
      <c r="E38" s="312">
        <v>0</v>
      </c>
      <c r="F38" s="313">
        <v>0</v>
      </c>
      <c r="G38" s="313">
        <v>0</v>
      </c>
      <c r="H38" s="313">
        <v>0</v>
      </c>
      <c r="I38" s="313">
        <v>0</v>
      </c>
      <c r="J38" s="313">
        <v>0</v>
      </c>
      <c r="K38" s="314">
        <v>0</v>
      </c>
      <c r="L38" s="315">
        <v>0</v>
      </c>
      <c r="M38" s="310">
        <v>0</v>
      </c>
      <c r="N38" s="313">
        <v>0</v>
      </c>
      <c r="O38" s="311">
        <v>0</v>
      </c>
      <c r="P38" s="312">
        <v>0</v>
      </c>
      <c r="Q38" s="313">
        <v>0</v>
      </c>
      <c r="R38" s="313">
        <v>0</v>
      </c>
      <c r="S38" s="313">
        <v>0</v>
      </c>
      <c r="T38" s="313">
        <v>0</v>
      </c>
      <c r="U38" s="313">
        <v>0</v>
      </c>
      <c r="V38" s="311">
        <v>0</v>
      </c>
      <c r="W38" s="315">
        <v>0</v>
      </c>
      <c r="X38" s="310">
        <v>0</v>
      </c>
      <c r="Y38" s="313">
        <v>0</v>
      </c>
      <c r="Z38" s="311">
        <v>0</v>
      </c>
      <c r="AA38" s="312">
        <v>0</v>
      </c>
      <c r="AB38" s="313">
        <v>1</v>
      </c>
      <c r="AC38" s="313">
        <v>3</v>
      </c>
      <c r="AD38" s="313">
        <v>0</v>
      </c>
      <c r="AE38" s="313">
        <v>1</v>
      </c>
      <c r="AF38" s="313">
        <v>0</v>
      </c>
      <c r="AG38" s="311">
        <v>5</v>
      </c>
      <c r="AH38" s="315">
        <v>5</v>
      </c>
      <c r="AI38" s="310">
        <v>0</v>
      </c>
      <c r="AJ38" s="313">
        <v>0</v>
      </c>
      <c r="AK38" s="311">
        <v>0</v>
      </c>
      <c r="AL38" s="312">
        <v>0</v>
      </c>
      <c r="AM38" s="313">
        <v>0</v>
      </c>
      <c r="AN38" s="313">
        <v>0</v>
      </c>
      <c r="AO38" s="313">
        <v>0</v>
      </c>
      <c r="AP38" s="313">
        <v>0</v>
      </c>
      <c r="AQ38" s="313">
        <v>0</v>
      </c>
      <c r="AR38" s="311">
        <v>0</v>
      </c>
      <c r="AS38" s="315">
        <v>0</v>
      </c>
      <c r="AT38" s="310">
        <v>0</v>
      </c>
      <c r="AU38" s="313">
        <v>0</v>
      </c>
      <c r="AV38" s="311">
        <v>0</v>
      </c>
      <c r="AW38" s="312">
        <v>0</v>
      </c>
      <c r="AX38" s="313">
        <v>0</v>
      </c>
      <c r="AY38" s="313">
        <v>0</v>
      </c>
      <c r="AZ38" s="313">
        <v>0</v>
      </c>
      <c r="BA38" s="313">
        <v>0</v>
      </c>
      <c r="BB38" s="313">
        <v>0</v>
      </c>
      <c r="BC38" s="311">
        <v>0</v>
      </c>
      <c r="BD38" s="315">
        <v>0</v>
      </c>
      <c r="BE38" s="310">
        <v>0</v>
      </c>
      <c r="BF38" s="313">
        <v>0</v>
      </c>
      <c r="BG38" s="311">
        <v>0</v>
      </c>
      <c r="BH38" s="312">
        <v>0</v>
      </c>
      <c r="BI38" s="313">
        <v>0</v>
      </c>
      <c r="BJ38" s="313">
        <v>0</v>
      </c>
      <c r="BK38" s="313">
        <v>1</v>
      </c>
      <c r="BL38" s="313">
        <v>1</v>
      </c>
      <c r="BM38" s="313">
        <v>0</v>
      </c>
      <c r="BN38" s="314">
        <v>2</v>
      </c>
      <c r="BO38" s="315">
        <v>2</v>
      </c>
      <c r="BP38" s="310">
        <v>0</v>
      </c>
      <c r="BQ38" s="313">
        <v>0</v>
      </c>
      <c r="BR38" s="311">
        <v>0</v>
      </c>
      <c r="BS38" s="312">
        <v>0</v>
      </c>
      <c r="BT38" s="313">
        <v>0</v>
      </c>
      <c r="BU38" s="313">
        <v>0</v>
      </c>
      <c r="BV38" s="313">
        <v>0</v>
      </c>
      <c r="BW38" s="313">
        <v>0</v>
      </c>
      <c r="BX38" s="313">
        <v>0</v>
      </c>
      <c r="BY38" s="311">
        <v>0</v>
      </c>
      <c r="BZ38" s="315">
        <v>0</v>
      </c>
      <c r="CA38" s="310">
        <v>0</v>
      </c>
      <c r="CB38" s="313">
        <v>0</v>
      </c>
      <c r="CC38" s="311">
        <v>0</v>
      </c>
      <c r="CD38" s="312">
        <v>0</v>
      </c>
      <c r="CE38" s="313">
        <v>0</v>
      </c>
      <c r="CF38" s="313">
        <v>0</v>
      </c>
      <c r="CG38" s="313">
        <v>0</v>
      </c>
      <c r="CH38" s="313">
        <v>0</v>
      </c>
      <c r="CI38" s="313">
        <v>0</v>
      </c>
      <c r="CJ38" s="311">
        <v>0</v>
      </c>
      <c r="CK38" s="315">
        <v>0</v>
      </c>
      <c r="CL38" s="310">
        <v>0</v>
      </c>
      <c r="CM38" s="313">
        <v>0</v>
      </c>
      <c r="CN38" s="311">
        <v>0</v>
      </c>
      <c r="CO38" s="312">
        <v>0</v>
      </c>
      <c r="CP38" s="313">
        <v>0</v>
      </c>
      <c r="CQ38" s="313">
        <v>0</v>
      </c>
      <c r="CR38" s="313">
        <v>0</v>
      </c>
      <c r="CS38" s="313">
        <v>0</v>
      </c>
      <c r="CT38" s="313">
        <v>0</v>
      </c>
      <c r="CU38" s="311">
        <v>0</v>
      </c>
      <c r="CV38" s="315">
        <v>0</v>
      </c>
    </row>
    <row r="39" spans="1:100" ht="21" customHeight="1" thickBot="1" x14ac:dyDescent="0.25">
      <c r="A39" s="298" t="s">
        <v>37</v>
      </c>
      <c r="B39" s="316">
        <v>0</v>
      </c>
      <c r="C39" s="319">
        <v>0</v>
      </c>
      <c r="D39" s="442">
        <v>0</v>
      </c>
      <c r="E39" s="318">
        <v>0</v>
      </c>
      <c r="F39" s="319">
        <v>0</v>
      </c>
      <c r="G39" s="319">
        <v>0</v>
      </c>
      <c r="H39" s="319">
        <v>0</v>
      </c>
      <c r="I39" s="319">
        <v>0</v>
      </c>
      <c r="J39" s="319">
        <v>0</v>
      </c>
      <c r="K39" s="320">
        <v>0</v>
      </c>
      <c r="L39" s="321">
        <v>0</v>
      </c>
      <c r="M39" s="316">
        <v>0</v>
      </c>
      <c r="N39" s="319">
        <v>0</v>
      </c>
      <c r="O39" s="317">
        <v>0</v>
      </c>
      <c r="P39" s="318">
        <v>0</v>
      </c>
      <c r="Q39" s="319">
        <v>0</v>
      </c>
      <c r="R39" s="319">
        <v>0</v>
      </c>
      <c r="S39" s="319">
        <v>0</v>
      </c>
      <c r="T39" s="319">
        <v>0</v>
      </c>
      <c r="U39" s="319">
        <v>0</v>
      </c>
      <c r="V39" s="317">
        <v>0</v>
      </c>
      <c r="W39" s="321">
        <v>0</v>
      </c>
      <c r="X39" s="316">
        <v>0</v>
      </c>
      <c r="Y39" s="319">
        <v>0</v>
      </c>
      <c r="Z39" s="317">
        <v>0</v>
      </c>
      <c r="AA39" s="318">
        <v>0</v>
      </c>
      <c r="AB39" s="319">
        <v>0</v>
      </c>
      <c r="AC39" s="319">
        <v>0</v>
      </c>
      <c r="AD39" s="319">
        <v>0</v>
      </c>
      <c r="AE39" s="319">
        <v>0</v>
      </c>
      <c r="AF39" s="319">
        <v>1</v>
      </c>
      <c r="AG39" s="317">
        <v>1</v>
      </c>
      <c r="AH39" s="321">
        <v>1</v>
      </c>
      <c r="AI39" s="316">
        <v>0</v>
      </c>
      <c r="AJ39" s="319">
        <v>0</v>
      </c>
      <c r="AK39" s="317">
        <v>0</v>
      </c>
      <c r="AL39" s="318">
        <v>0</v>
      </c>
      <c r="AM39" s="319">
        <v>0</v>
      </c>
      <c r="AN39" s="319">
        <v>0</v>
      </c>
      <c r="AO39" s="319">
        <v>0</v>
      </c>
      <c r="AP39" s="319">
        <v>0</v>
      </c>
      <c r="AQ39" s="319">
        <v>0</v>
      </c>
      <c r="AR39" s="317">
        <v>0</v>
      </c>
      <c r="AS39" s="321">
        <v>0</v>
      </c>
      <c r="AT39" s="316">
        <v>0</v>
      </c>
      <c r="AU39" s="319">
        <v>0</v>
      </c>
      <c r="AV39" s="317">
        <v>0</v>
      </c>
      <c r="AW39" s="318">
        <v>0</v>
      </c>
      <c r="AX39" s="319">
        <v>0</v>
      </c>
      <c r="AY39" s="319">
        <v>0</v>
      </c>
      <c r="AZ39" s="319">
        <v>0</v>
      </c>
      <c r="BA39" s="319">
        <v>0</v>
      </c>
      <c r="BB39" s="319">
        <v>0</v>
      </c>
      <c r="BC39" s="317">
        <v>0</v>
      </c>
      <c r="BD39" s="321">
        <v>0</v>
      </c>
      <c r="BE39" s="316">
        <v>0</v>
      </c>
      <c r="BF39" s="319">
        <v>0</v>
      </c>
      <c r="BG39" s="317">
        <v>0</v>
      </c>
      <c r="BH39" s="318">
        <v>0</v>
      </c>
      <c r="BI39" s="319">
        <v>0</v>
      </c>
      <c r="BJ39" s="319">
        <v>0</v>
      </c>
      <c r="BK39" s="319">
        <v>0</v>
      </c>
      <c r="BL39" s="319">
        <v>0</v>
      </c>
      <c r="BM39" s="319">
        <v>0</v>
      </c>
      <c r="BN39" s="320">
        <v>0</v>
      </c>
      <c r="BO39" s="321">
        <v>0</v>
      </c>
      <c r="BP39" s="316">
        <v>0</v>
      </c>
      <c r="BQ39" s="319">
        <v>0</v>
      </c>
      <c r="BR39" s="317">
        <v>0</v>
      </c>
      <c r="BS39" s="318">
        <v>0</v>
      </c>
      <c r="BT39" s="319">
        <v>0</v>
      </c>
      <c r="BU39" s="319">
        <v>0</v>
      </c>
      <c r="BV39" s="319">
        <v>0</v>
      </c>
      <c r="BW39" s="319">
        <v>0</v>
      </c>
      <c r="BX39" s="319">
        <v>0</v>
      </c>
      <c r="BY39" s="317">
        <v>0</v>
      </c>
      <c r="BZ39" s="321">
        <v>0</v>
      </c>
      <c r="CA39" s="316">
        <v>0</v>
      </c>
      <c r="CB39" s="319">
        <v>0</v>
      </c>
      <c r="CC39" s="317">
        <v>0</v>
      </c>
      <c r="CD39" s="318">
        <v>0</v>
      </c>
      <c r="CE39" s="319">
        <v>0</v>
      </c>
      <c r="CF39" s="319">
        <v>0</v>
      </c>
      <c r="CG39" s="319">
        <v>0</v>
      </c>
      <c r="CH39" s="319">
        <v>0</v>
      </c>
      <c r="CI39" s="319">
        <v>0</v>
      </c>
      <c r="CJ39" s="317">
        <v>0</v>
      </c>
      <c r="CK39" s="321">
        <v>0</v>
      </c>
      <c r="CL39" s="316">
        <v>0</v>
      </c>
      <c r="CM39" s="319">
        <v>0</v>
      </c>
      <c r="CN39" s="317">
        <v>0</v>
      </c>
      <c r="CO39" s="318">
        <v>0</v>
      </c>
      <c r="CP39" s="319">
        <v>0</v>
      </c>
      <c r="CQ39" s="319">
        <v>0</v>
      </c>
      <c r="CR39" s="319">
        <v>0</v>
      </c>
      <c r="CS39" s="319">
        <v>0</v>
      </c>
      <c r="CT39" s="319">
        <v>0</v>
      </c>
      <c r="CU39" s="317">
        <v>0</v>
      </c>
      <c r="CV39" s="321">
        <v>0</v>
      </c>
    </row>
  </sheetData>
  <mergeCells count="39">
    <mergeCell ref="CL4:CN4"/>
    <mergeCell ref="AW4:BC4"/>
    <mergeCell ref="BE4:BG4"/>
    <mergeCell ref="BH4:BN4"/>
    <mergeCell ref="BZ4:BZ5"/>
    <mergeCell ref="CK4:CK5"/>
    <mergeCell ref="BP4:BR4"/>
    <mergeCell ref="BS4:BY4"/>
    <mergeCell ref="CA4:CC4"/>
    <mergeCell ref="CD4:CJ4"/>
    <mergeCell ref="A3:A5"/>
    <mergeCell ref="B3:L3"/>
    <mergeCell ref="M3:W3"/>
    <mergeCell ref="X3:AH3"/>
    <mergeCell ref="B4:D4"/>
    <mergeCell ref="E4:K4"/>
    <mergeCell ref="L4:L5"/>
    <mergeCell ref="M4:O4"/>
    <mergeCell ref="P4:V4"/>
    <mergeCell ref="W4:W5"/>
    <mergeCell ref="X4:Z4"/>
    <mergeCell ref="AA4:AG4"/>
    <mergeCell ref="AH4:AH5"/>
    <mergeCell ref="CV4:CV5"/>
    <mergeCell ref="CA3:CK3"/>
    <mergeCell ref="CL3:CV3"/>
    <mergeCell ref="H1:I1"/>
    <mergeCell ref="K1:L1"/>
    <mergeCell ref="BD4:BD5"/>
    <mergeCell ref="BE3:BO3"/>
    <mergeCell ref="BO4:BO5"/>
    <mergeCell ref="BP3:BZ3"/>
    <mergeCell ref="AI4:AK4"/>
    <mergeCell ref="AI3:AS3"/>
    <mergeCell ref="AT3:BD3"/>
    <mergeCell ref="CO4:CU4"/>
    <mergeCell ref="AL4:AR4"/>
    <mergeCell ref="AS4:AS5"/>
    <mergeCell ref="AT4:AV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1"/>
    <col min="4" max="4" width="10" style="291" customWidth="1"/>
    <col min="5" max="5" width="7.77734375" style="291" customWidth="1"/>
    <col min="6" max="6" width="10.77734375" style="291" customWidth="1"/>
    <col min="7" max="15" width="9" style="291"/>
    <col min="16" max="16" width="8" style="291" customWidth="1"/>
    <col min="17" max="16384" width="9" style="291"/>
  </cols>
  <sheetData>
    <row r="1" spans="1:23" ht="21" customHeight="1" x14ac:dyDescent="0.2">
      <c r="A1" s="322" t="s">
        <v>125</v>
      </c>
      <c r="G1" s="470">
        <f>第１表!F2</f>
        <v>4</v>
      </c>
      <c r="H1" s="470"/>
      <c r="I1" s="283">
        <f>第１表!G2</f>
        <v>2</v>
      </c>
      <c r="J1" s="471">
        <f>IF(I1&lt;3,I1+12-2,I1-2)</f>
        <v>12</v>
      </c>
      <c r="K1" s="471"/>
    </row>
    <row r="2" spans="1:23" ht="18.75" customHeight="1" thickBot="1" x14ac:dyDescent="0.25">
      <c r="A2" s="322" t="s">
        <v>133</v>
      </c>
    </row>
    <row r="3" spans="1:23" ht="21.75" customHeight="1" x14ac:dyDescent="0.2">
      <c r="A3" s="483"/>
      <c r="B3" s="479" t="s">
        <v>143</v>
      </c>
      <c r="C3" s="479"/>
      <c r="D3" s="479"/>
      <c r="E3" s="479"/>
      <c r="F3" s="479"/>
      <c r="G3" s="479"/>
      <c r="H3" s="479"/>
      <c r="I3" s="479"/>
      <c r="J3" s="479"/>
      <c r="K3" s="479"/>
      <c r="L3" s="509"/>
      <c r="M3" s="479" t="s">
        <v>113</v>
      </c>
      <c r="N3" s="479"/>
      <c r="O3" s="479"/>
      <c r="P3" s="479"/>
      <c r="Q3" s="479"/>
      <c r="R3" s="479"/>
      <c r="S3" s="479"/>
      <c r="T3" s="479"/>
      <c r="U3" s="479"/>
      <c r="V3" s="479"/>
      <c r="W3" s="509"/>
    </row>
    <row r="4" spans="1:23" ht="20.25" customHeight="1" x14ac:dyDescent="0.2">
      <c r="A4" s="507"/>
      <c r="B4" s="510" t="s">
        <v>61</v>
      </c>
      <c r="C4" s="510"/>
      <c r="D4" s="511"/>
      <c r="E4" s="512" t="s">
        <v>62</v>
      </c>
      <c r="F4" s="510"/>
      <c r="G4" s="510"/>
      <c r="H4" s="510"/>
      <c r="I4" s="510"/>
      <c r="J4" s="510"/>
      <c r="K4" s="513"/>
      <c r="L4" s="514" t="s">
        <v>52</v>
      </c>
      <c r="M4" s="510" t="s">
        <v>61</v>
      </c>
      <c r="N4" s="510"/>
      <c r="O4" s="511"/>
      <c r="P4" s="512" t="s">
        <v>62</v>
      </c>
      <c r="Q4" s="510"/>
      <c r="R4" s="510"/>
      <c r="S4" s="510"/>
      <c r="T4" s="510"/>
      <c r="U4" s="510"/>
      <c r="V4" s="513"/>
      <c r="W4" s="514" t="s">
        <v>52</v>
      </c>
    </row>
    <row r="5" spans="1:23" ht="28.5" customHeight="1" thickBot="1" x14ac:dyDescent="0.25">
      <c r="A5" s="508"/>
      <c r="B5" s="295" t="s">
        <v>43</v>
      </c>
      <c r="C5" s="295" t="s">
        <v>44</v>
      </c>
      <c r="D5" s="301" t="s">
        <v>45</v>
      </c>
      <c r="E5" s="302" t="s">
        <v>83</v>
      </c>
      <c r="F5" s="295" t="s">
        <v>47</v>
      </c>
      <c r="G5" s="295" t="s">
        <v>48</v>
      </c>
      <c r="H5" s="295" t="s">
        <v>49</v>
      </c>
      <c r="I5" s="295" t="s">
        <v>50</v>
      </c>
      <c r="J5" s="295" t="s">
        <v>51</v>
      </c>
      <c r="K5" s="301" t="s">
        <v>45</v>
      </c>
      <c r="L5" s="482"/>
      <c r="M5" s="295" t="s">
        <v>43</v>
      </c>
      <c r="N5" s="295" t="s">
        <v>44</v>
      </c>
      <c r="O5" s="301" t="s">
        <v>45</v>
      </c>
      <c r="P5" s="302" t="s">
        <v>83</v>
      </c>
      <c r="Q5" s="295" t="s">
        <v>47</v>
      </c>
      <c r="R5" s="295" t="s">
        <v>48</v>
      </c>
      <c r="S5" s="295" t="s">
        <v>49</v>
      </c>
      <c r="T5" s="295" t="s">
        <v>50</v>
      </c>
      <c r="U5" s="295" t="s">
        <v>51</v>
      </c>
      <c r="V5" s="301" t="s">
        <v>45</v>
      </c>
      <c r="W5" s="482"/>
    </row>
    <row r="6" spans="1:23" ht="21" customHeight="1" x14ac:dyDescent="0.2">
      <c r="A6" s="294" t="s">
        <v>4</v>
      </c>
      <c r="B6" s="307">
        <v>0</v>
      </c>
      <c r="C6" s="307">
        <v>4</v>
      </c>
      <c r="D6" s="305">
        <v>4</v>
      </c>
      <c r="E6" s="306">
        <v>0</v>
      </c>
      <c r="F6" s="307">
        <v>99210</v>
      </c>
      <c r="G6" s="307">
        <v>98432</v>
      </c>
      <c r="H6" s="307">
        <v>60558</v>
      </c>
      <c r="I6" s="307">
        <v>31391</v>
      </c>
      <c r="J6" s="307">
        <v>14399</v>
      </c>
      <c r="K6" s="305">
        <v>303990</v>
      </c>
      <c r="L6" s="309">
        <v>303994</v>
      </c>
      <c r="M6" s="307">
        <v>22</v>
      </c>
      <c r="N6" s="307">
        <v>54</v>
      </c>
      <c r="O6" s="305">
        <v>76</v>
      </c>
      <c r="P6" s="306">
        <v>0</v>
      </c>
      <c r="Q6" s="307">
        <v>6849</v>
      </c>
      <c r="R6" s="307">
        <v>9235</v>
      </c>
      <c r="S6" s="307">
        <v>12119</v>
      </c>
      <c r="T6" s="307">
        <v>6618</v>
      </c>
      <c r="U6" s="307">
        <v>5711</v>
      </c>
      <c r="V6" s="305">
        <v>40532</v>
      </c>
      <c r="W6" s="309">
        <v>40608</v>
      </c>
    </row>
    <row r="7" spans="1:23" ht="21" customHeight="1" x14ac:dyDescent="0.2">
      <c r="A7" s="292" t="s">
        <v>5</v>
      </c>
      <c r="B7" s="313">
        <v>0</v>
      </c>
      <c r="C7" s="313">
        <v>4</v>
      </c>
      <c r="D7" s="311">
        <v>4</v>
      </c>
      <c r="E7" s="312">
        <v>0</v>
      </c>
      <c r="F7" s="313">
        <v>32013</v>
      </c>
      <c r="G7" s="313">
        <v>44796</v>
      </c>
      <c r="H7" s="313">
        <v>26699</v>
      </c>
      <c r="I7" s="313">
        <v>14534</v>
      </c>
      <c r="J7" s="313">
        <v>6319</v>
      </c>
      <c r="K7" s="311">
        <v>124361</v>
      </c>
      <c r="L7" s="315">
        <v>124365</v>
      </c>
      <c r="M7" s="313">
        <v>11</v>
      </c>
      <c r="N7" s="313">
        <v>19</v>
      </c>
      <c r="O7" s="311">
        <v>30</v>
      </c>
      <c r="P7" s="312">
        <v>0</v>
      </c>
      <c r="Q7" s="313">
        <v>3030</v>
      </c>
      <c r="R7" s="313">
        <v>4694</v>
      </c>
      <c r="S7" s="313">
        <v>6281</v>
      </c>
      <c r="T7" s="313">
        <v>3661</v>
      </c>
      <c r="U7" s="313">
        <v>3445</v>
      </c>
      <c r="V7" s="311">
        <v>21111</v>
      </c>
      <c r="W7" s="315">
        <v>21141</v>
      </c>
    </row>
    <row r="8" spans="1:23" ht="21" customHeight="1" x14ac:dyDescent="0.2">
      <c r="A8" s="292" t="s">
        <v>6</v>
      </c>
      <c r="B8" s="313">
        <v>0</v>
      </c>
      <c r="C8" s="313">
        <v>0</v>
      </c>
      <c r="D8" s="311">
        <v>0</v>
      </c>
      <c r="E8" s="312">
        <v>0</v>
      </c>
      <c r="F8" s="313">
        <v>15542</v>
      </c>
      <c r="G8" s="313">
        <v>11019</v>
      </c>
      <c r="H8" s="313">
        <v>7409</v>
      </c>
      <c r="I8" s="313">
        <v>3981</v>
      </c>
      <c r="J8" s="313">
        <v>2047</v>
      </c>
      <c r="K8" s="311">
        <v>39998</v>
      </c>
      <c r="L8" s="315">
        <v>39998</v>
      </c>
      <c r="M8" s="313">
        <v>11</v>
      </c>
      <c r="N8" s="313">
        <v>2</v>
      </c>
      <c r="O8" s="311">
        <v>13</v>
      </c>
      <c r="P8" s="312">
        <v>0</v>
      </c>
      <c r="Q8" s="313">
        <v>1704</v>
      </c>
      <c r="R8" s="313">
        <v>1891</v>
      </c>
      <c r="S8" s="313">
        <v>2576</v>
      </c>
      <c r="T8" s="313">
        <v>1643</v>
      </c>
      <c r="U8" s="313">
        <v>1136</v>
      </c>
      <c r="V8" s="311">
        <v>8950</v>
      </c>
      <c r="W8" s="315">
        <v>8963</v>
      </c>
    </row>
    <row r="9" spans="1:23" ht="21" customHeight="1" x14ac:dyDescent="0.2">
      <c r="A9" s="292" t="s">
        <v>14</v>
      </c>
      <c r="B9" s="313">
        <v>0</v>
      </c>
      <c r="C9" s="313">
        <v>0</v>
      </c>
      <c r="D9" s="311">
        <v>0</v>
      </c>
      <c r="E9" s="312">
        <v>0</v>
      </c>
      <c r="F9" s="313">
        <v>8387</v>
      </c>
      <c r="G9" s="313">
        <v>8638</v>
      </c>
      <c r="H9" s="313">
        <v>6144</v>
      </c>
      <c r="I9" s="313">
        <v>2748</v>
      </c>
      <c r="J9" s="313">
        <v>1229</v>
      </c>
      <c r="K9" s="311">
        <v>27146</v>
      </c>
      <c r="L9" s="315">
        <v>27146</v>
      </c>
      <c r="M9" s="313">
        <v>0</v>
      </c>
      <c r="N9" s="313">
        <v>0</v>
      </c>
      <c r="O9" s="311">
        <v>0</v>
      </c>
      <c r="P9" s="312">
        <v>0</v>
      </c>
      <c r="Q9" s="313">
        <v>123</v>
      </c>
      <c r="R9" s="313">
        <v>169</v>
      </c>
      <c r="S9" s="313">
        <v>394</v>
      </c>
      <c r="T9" s="313">
        <v>223</v>
      </c>
      <c r="U9" s="313">
        <v>251</v>
      </c>
      <c r="V9" s="311">
        <v>1160</v>
      </c>
      <c r="W9" s="315">
        <v>1160</v>
      </c>
    </row>
    <row r="10" spans="1:23" ht="21" customHeight="1" x14ac:dyDescent="0.2">
      <c r="A10" s="292" t="s">
        <v>7</v>
      </c>
      <c r="B10" s="313">
        <v>0</v>
      </c>
      <c r="C10" s="313">
        <v>0</v>
      </c>
      <c r="D10" s="311">
        <v>0</v>
      </c>
      <c r="E10" s="312">
        <v>0</v>
      </c>
      <c r="F10" s="313">
        <v>7366</v>
      </c>
      <c r="G10" s="313">
        <v>5041</v>
      </c>
      <c r="H10" s="313">
        <v>3007</v>
      </c>
      <c r="I10" s="313">
        <v>1267</v>
      </c>
      <c r="J10" s="313">
        <v>466</v>
      </c>
      <c r="K10" s="311">
        <v>17147</v>
      </c>
      <c r="L10" s="315">
        <v>17147</v>
      </c>
      <c r="M10" s="313">
        <v>0</v>
      </c>
      <c r="N10" s="313">
        <v>0</v>
      </c>
      <c r="O10" s="311">
        <v>0</v>
      </c>
      <c r="P10" s="312">
        <v>0</v>
      </c>
      <c r="Q10" s="313">
        <v>755</v>
      </c>
      <c r="R10" s="313">
        <v>883</v>
      </c>
      <c r="S10" s="313">
        <v>1091</v>
      </c>
      <c r="T10" s="313">
        <v>404</v>
      </c>
      <c r="U10" s="313">
        <v>172</v>
      </c>
      <c r="V10" s="311">
        <v>3305</v>
      </c>
      <c r="W10" s="315">
        <v>3305</v>
      </c>
    </row>
    <row r="11" spans="1:23" ht="21" customHeight="1" x14ac:dyDescent="0.2">
      <c r="A11" s="292" t="s">
        <v>8</v>
      </c>
      <c r="B11" s="313">
        <v>0</v>
      </c>
      <c r="C11" s="313">
        <v>0</v>
      </c>
      <c r="D11" s="311">
        <v>0</v>
      </c>
      <c r="E11" s="312">
        <v>0</v>
      </c>
      <c r="F11" s="313">
        <v>4333</v>
      </c>
      <c r="G11" s="313">
        <v>4301</v>
      </c>
      <c r="H11" s="313">
        <v>2485</v>
      </c>
      <c r="I11" s="313">
        <v>1072</v>
      </c>
      <c r="J11" s="313">
        <v>616</v>
      </c>
      <c r="K11" s="311">
        <v>12807</v>
      </c>
      <c r="L11" s="315">
        <v>12807</v>
      </c>
      <c r="M11" s="313">
        <v>0</v>
      </c>
      <c r="N11" s="313">
        <v>0</v>
      </c>
      <c r="O11" s="311">
        <v>0</v>
      </c>
      <c r="P11" s="312">
        <v>0</v>
      </c>
      <c r="Q11" s="313">
        <v>79</v>
      </c>
      <c r="R11" s="313">
        <v>146</v>
      </c>
      <c r="S11" s="313">
        <v>114</v>
      </c>
      <c r="T11" s="313">
        <v>47</v>
      </c>
      <c r="U11" s="313">
        <v>58</v>
      </c>
      <c r="V11" s="311">
        <v>444</v>
      </c>
      <c r="W11" s="315">
        <v>444</v>
      </c>
    </row>
    <row r="12" spans="1:23" ht="21" customHeight="1" x14ac:dyDescent="0.2">
      <c r="A12" s="292" t="s">
        <v>9</v>
      </c>
      <c r="B12" s="313">
        <v>0</v>
      </c>
      <c r="C12" s="313">
        <v>0</v>
      </c>
      <c r="D12" s="311">
        <v>0</v>
      </c>
      <c r="E12" s="312">
        <v>0</v>
      </c>
      <c r="F12" s="313">
        <v>2821</v>
      </c>
      <c r="G12" s="313">
        <v>2451</v>
      </c>
      <c r="H12" s="313">
        <v>1583</v>
      </c>
      <c r="I12" s="313">
        <v>902</v>
      </c>
      <c r="J12" s="313">
        <v>293</v>
      </c>
      <c r="K12" s="311">
        <v>8050</v>
      </c>
      <c r="L12" s="315">
        <v>8050</v>
      </c>
      <c r="M12" s="313">
        <v>0</v>
      </c>
      <c r="N12" s="313">
        <v>0</v>
      </c>
      <c r="O12" s="311">
        <v>0</v>
      </c>
      <c r="P12" s="312">
        <v>0</v>
      </c>
      <c r="Q12" s="313">
        <v>55</v>
      </c>
      <c r="R12" s="313">
        <v>58</v>
      </c>
      <c r="S12" s="313">
        <v>68</v>
      </c>
      <c r="T12" s="313">
        <v>36</v>
      </c>
      <c r="U12" s="313">
        <v>37</v>
      </c>
      <c r="V12" s="311">
        <v>254</v>
      </c>
      <c r="W12" s="315">
        <v>254</v>
      </c>
    </row>
    <row r="13" spans="1:23" ht="21" customHeight="1" x14ac:dyDescent="0.2">
      <c r="A13" s="292" t="s">
        <v>10</v>
      </c>
      <c r="B13" s="313">
        <v>0</v>
      </c>
      <c r="C13" s="313">
        <v>0</v>
      </c>
      <c r="D13" s="311">
        <v>0</v>
      </c>
      <c r="E13" s="312">
        <v>0</v>
      </c>
      <c r="F13" s="313">
        <v>4258</v>
      </c>
      <c r="G13" s="313">
        <v>1978</v>
      </c>
      <c r="H13" s="313">
        <v>1199</v>
      </c>
      <c r="I13" s="313">
        <v>541</v>
      </c>
      <c r="J13" s="313">
        <v>291</v>
      </c>
      <c r="K13" s="311">
        <v>8267</v>
      </c>
      <c r="L13" s="315">
        <v>8267</v>
      </c>
      <c r="M13" s="313">
        <v>0</v>
      </c>
      <c r="N13" s="313">
        <v>4</v>
      </c>
      <c r="O13" s="311">
        <v>4</v>
      </c>
      <c r="P13" s="312">
        <v>0</v>
      </c>
      <c r="Q13" s="313">
        <v>132</v>
      </c>
      <c r="R13" s="313">
        <v>215</v>
      </c>
      <c r="S13" s="313">
        <v>177</v>
      </c>
      <c r="T13" s="313">
        <v>85</v>
      </c>
      <c r="U13" s="313">
        <v>72</v>
      </c>
      <c r="V13" s="311">
        <v>681</v>
      </c>
      <c r="W13" s="315">
        <v>685</v>
      </c>
    </row>
    <row r="14" spans="1:23" ht="21" customHeight="1" x14ac:dyDescent="0.2">
      <c r="A14" s="292" t="s">
        <v>11</v>
      </c>
      <c r="B14" s="313">
        <v>0</v>
      </c>
      <c r="C14" s="313">
        <v>0</v>
      </c>
      <c r="D14" s="311">
        <v>0</v>
      </c>
      <c r="E14" s="312">
        <v>0</v>
      </c>
      <c r="F14" s="313">
        <v>4703</v>
      </c>
      <c r="G14" s="313">
        <v>2821</v>
      </c>
      <c r="H14" s="313">
        <v>1875</v>
      </c>
      <c r="I14" s="313">
        <v>1052</v>
      </c>
      <c r="J14" s="313">
        <v>312</v>
      </c>
      <c r="K14" s="311">
        <v>10763</v>
      </c>
      <c r="L14" s="315">
        <v>10763</v>
      </c>
      <c r="M14" s="313">
        <v>0</v>
      </c>
      <c r="N14" s="313">
        <v>15</v>
      </c>
      <c r="O14" s="311">
        <v>15</v>
      </c>
      <c r="P14" s="312">
        <v>0</v>
      </c>
      <c r="Q14" s="313">
        <v>165</v>
      </c>
      <c r="R14" s="313">
        <v>83</v>
      </c>
      <c r="S14" s="313">
        <v>85</v>
      </c>
      <c r="T14" s="313">
        <v>12</v>
      </c>
      <c r="U14" s="313">
        <v>11</v>
      </c>
      <c r="V14" s="311">
        <v>356</v>
      </c>
      <c r="W14" s="315">
        <v>371</v>
      </c>
    </row>
    <row r="15" spans="1:23" ht="21" customHeight="1" x14ac:dyDescent="0.2">
      <c r="A15" s="292" t="s">
        <v>12</v>
      </c>
      <c r="B15" s="313">
        <v>0</v>
      </c>
      <c r="C15" s="313">
        <v>0</v>
      </c>
      <c r="D15" s="311">
        <v>0</v>
      </c>
      <c r="E15" s="312">
        <v>0</v>
      </c>
      <c r="F15" s="313">
        <v>3323</v>
      </c>
      <c r="G15" s="313">
        <v>2044</v>
      </c>
      <c r="H15" s="313">
        <v>1325</v>
      </c>
      <c r="I15" s="313">
        <v>461</v>
      </c>
      <c r="J15" s="313">
        <v>357</v>
      </c>
      <c r="K15" s="311">
        <v>7510</v>
      </c>
      <c r="L15" s="315">
        <v>7510</v>
      </c>
      <c r="M15" s="313">
        <v>0</v>
      </c>
      <c r="N15" s="313">
        <v>0</v>
      </c>
      <c r="O15" s="311">
        <v>0</v>
      </c>
      <c r="P15" s="312">
        <v>0</v>
      </c>
      <c r="Q15" s="313">
        <v>33</v>
      </c>
      <c r="R15" s="313">
        <v>42</v>
      </c>
      <c r="S15" s="313">
        <v>0</v>
      </c>
      <c r="T15" s="313">
        <v>0</v>
      </c>
      <c r="U15" s="313">
        <v>13</v>
      </c>
      <c r="V15" s="311">
        <v>88</v>
      </c>
      <c r="W15" s="315">
        <v>88</v>
      </c>
    </row>
    <row r="16" spans="1:23" ht="21" customHeight="1" x14ac:dyDescent="0.2">
      <c r="A16" s="292" t="s">
        <v>13</v>
      </c>
      <c r="B16" s="313">
        <v>0</v>
      </c>
      <c r="C16" s="313">
        <v>0</v>
      </c>
      <c r="D16" s="311">
        <v>0</v>
      </c>
      <c r="E16" s="312">
        <v>0</v>
      </c>
      <c r="F16" s="313">
        <v>946</v>
      </c>
      <c r="G16" s="313">
        <v>884</v>
      </c>
      <c r="H16" s="313">
        <v>547</v>
      </c>
      <c r="I16" s="313">
        <v>196</v>
      </c>
      <c r="J16" s="313">
        <v>115</v>
      </c>
      <c r="K16" s="311">
        <v>2688</v>
      </c>
      <c r="L16" s="315">
        <v>2688</v>
      </c>
      <c r="M16" s="313">
        <v>0</v>
      </c>
      <c r="N16" s="313">
        <v>0</v>
      </c>
      <c r="O16" s="311">
        <v>0</v>
      </c>
      <c r="P16" s="312">
        <v>0</v>
      </c>
      <c r="Q16" s="313">
        <v>16</v>
      </c>
      <c r="R16" s="313">
        <v>30</v>
      </c>
      <c r="S16" s="313">
        <v>85</v>
      </c>
      <c r="T16" s="313">
        <v>34</v>
      </c>
      <c r="U16" s="313">
        <v>36</v>
      </c>
      <c r="V16" s="311">
        <v>201</v>
      </c>
      <c r="W16" s="315">
        <v>201</v>
      </c>
    </row>
    <row r="17" spans="1:23" ht="21" customHeight="1" x14ac:dyDescent="0.2">
      <c r="A17" s="292" t="s">
        <v>15</v>
      </c>
      <c r="B17" s="313">
        <v>0</v>
      </c>
      <c r="C17" s="313">
        <v>0</v>
      </c>
      <c r="D17" s="311">
        <v>0</v>
      </c>
      <c r="E17" s="312">
        <v>0</v>
      </c>
      <c r="F17" s="313">
        <v>984</v>
      </c>
      <c r="G17" s="313">
        <v>1370</v>
      </c>
      <c r="H17" s="313">
        <v>569</v>
      </c>
      <c r="I17" s="313">
        <v>371</v>
      </c>
      <c r="J17" s="313">
        <v>79</v>
      </c>
      <c r="K17" s="311">
        <v>3373</v>
      </c>
      <c r="L17" s="315">
        <v>3373</v>
      </c>
      <c r="M17" s="313">
        <v>0</v>
      </c>
      <c r="N17" s="313">
        <v>0</v>
      </c>
      <c r="O17" s="311">
        <v>0</v>
      </c>
      <c r="P17" s="312">
        <v>0</v>
      </c>
      <c r="Q17" s="313">
        <v>40</v>
      </c>
      <c r="R17" s="313">
        <v>61</v>
      </c>
      <c r="S17" s="313">
        <v>78</v>
      </c>
      <c r="T17" s="313">
        <v>51</v>
      </c>
      <c r="U17" s="313">
        <v>12</v>
      </c>
      <c r="V17" s="311">
        <v>242</v>
      </c>
      <c r="W17" s="315">
        <v>242</v>
      </c>
    </row>
    <row r="18" spans="1:23" ht="21" customHeight="1" x14ac:dyDescent="0.2">
      <c r="A18" s="292" t="s">
        <v>16</v>
      </c>
      <c r="B18" s="313">
        <v>0</v>
      </c>
      <c r="C18" s="313">
        <v>0</v>
      </c>
      <c r="D18" s="311">
        <v>0</v>
      </c>
      <c r="E18" s="312">
        <v>0</v>
      </c>
      <c r="F18" s="313">
        <v>1319</v>
      </c>
      <c r="G18" s="313">
        <v>1586</v>
      </c>
      <c r="H18" s="313">
        <v>1033</v>
      </c>
      <c r="I18" s="313">
        <v>527</v>
      </c>
      <c r="J18" s="313">
        <v>279</v>
      </c>
      <c r="K18" s="311">
        <v>4744</v>
      </c>
      <c r="L18" s="315">
        <v>4744</v>
      </c>
      <c r="M18" s="313">
        <v>0</v>
      </c>
      <c r="N18" s="313">
        <v>0</v>
      </c>
      <c r="O18" s="311">
        <v>0</v>
      </c>
      <c r="P18" s="312">
        <v>0</v>
      </c>
      <c r="Q18" s="313">
        <v>52</v>
      </c>
      <c r="R18" s="313">
        <v>103</v>
      </c>
      <c r="S18" s="313">
        <v>91</v>
      </c>
      <c r="T18" s="313">
        <v>43</v>
      </c>
      <c r="U18" s="313">
        <v>47</v>
      </c>
      <c r="V18" s="311">
        <v>336</v>
      </c>
      <c r="W18" s="315">
        <v>336</v>
      </c>
    </row>
    <row r="19" spans="1:23" ht="21" customHeight="1" x14ac:dyDescent="0.2">
      <c r="A19" s="292" t="s">
        <v>17</v>
      </c>
      <c r="B19" s="313">
        <v>0</v>
      </c>
      <c r="C19" s="313">
        <v>0</v>
      </c>
      <c r="D19" s="311">
        <v>0</v>
      </c>
      <c r="E19" s="312">
        <v>0</v>
      </c>
      <c r="F19" s="313">
        <v>2102</v>
      </c>
      <c r="G19" s="313">
        <v>2484</v>
      </c>
      <c r="H19" s="313">
        <v>1544</v>
      </c>
      <c r="I19" s="313">
        <v>1202</v>
      </c>
      <c r="J19" s="313">
        <v>784</v>
      </c>
      <c r="K19" s="311">
        <v>8116</v>
      </c>
      <c r="L19" s="315">
        <v>8116</v>
      </c>
      <c r="M19" s="313">
        <v>0</v>
      </c>
      <c r="N19" s="313">
        <v>6</v>
      </c>
      <c r="O19" s="311">
        <v>6</v>
      </c>
      <c r="P19" s="312">
        <v>0</v>
      </c>
      <c r="Q19" s="313">
        <v>205</v>
      </c>
      <c r="R19" s="313">
        <v>237</v>
      </c>
      <c r="S19" s="313">
        <v>204</v>
      </c>
      <c r="T19" s="313">
        <v>122</v>
      </c>
      <c r="U19" s="313">
        <v>46</v>
      </c>
      <c r="V19" s="311">
        <v>814</v>
      </c>
      <c r="W19" s="315">
        <v>820</v>
      </c>
    </row>
    <row r="20" spans="1:23" ht="21" customHeight="1" x14ac:dyDescent="0.2">
      <c r="A20" s="292" t="s">
        <v>18</v>
      </c>
      <c r="B20" s="313">
        <v>0</v>
      </c>
      <c r="C20" s="313">
        <v>0</v>
      </c>
      <c r="D20" s="311">
        <v>0</v>
      </c>
      <c r="E20" s="312">
        <v>0</v>
      </c>
      <c r="F20" s="313">
        <v>2365</v>
      </c>
      <c r="G20" s="313">
        <v>2041</v>
      </c>
      <c r="H20" s="313">
        <v>1030</v>
      </c>
      <c r="I20" s="313">
        <v>453</v>
      </c>
      <c r="J20" s="313">
        <v>143</v>
      </c>
      <c r="K20" s="311">
        <v>6032</v>
      </c>
      <c r="L20" s="315">
        <v>6032</v>
      </c>
      <c r="M20" s="313">
        <v>0</v>
      </c>
      <c r="N20" s="313">
        <v>0</v>
      </c>
      <c r="O20" s="311">
        <v>0</v>
      </c>
      <c r="P20" s="312">
        <v>0</v>
      </c>
      <c r="Q20" s="313">
        <v>80</v>
      </c>
      <c r="R20" s="313">
        <v>68</v>
      </c>
      <c r="S20" s="313">
        <v>158</v>
      </c>
      <c r="T20" s="313">
        <v>121</v>
      </c>
      <c r="U20" s="313">
        <v>179</v>
      </c>
      <c r="V20" s="311">
        <v>606</v>
      </c>
      <c r="W20" s="315">
        <v>606</v>
      </c>
    </row>
    <row r="21" spans="1:23" ht="21" customHeight="1" x14ac:dyDescent="0.2">
      <c r="A21" s="292" t="s">
        <v>19</v>
      </c>
      <c r="B21" s="313">
        <v>0</v>
      </c>
      <c r="C21" s="313">
        <v>0</v>
      </c>
      <c r="D21" s="311">
        <v>0</v>
      </c>
      <c r="E21" s="312">
        <v>0</v>
      </c>
      <c r="F21" s="313">
        <v>1025</v>
      </c>
      <c r="G21" s="313">
        <v>980</v>
      </c>
      <c r="H21" s="313">
        <v>560</v>
      </c>
      <c r="I21" s="313">
        <v>223</v>
      </c>
      <c r="J21" s="313">
        <v>117</v>
      </c>
      <c r="K21" s="311">
        <v>2905</v>
      </c>
      <c r="L21" s="315">
        <v>2905</v>
      </c>
      <c r="M21" s="313">
        <v>0</v>
      </c>
      <c r="N21" s="313">
        <v>0</v>
      </c>
      <c r="O21" s="311">
        <v>0</v>
      </c>
      <c r="P21" s="312">
        <v>0</v>
      </c>
      <c r="Q21" s="313">
        <v>89</v>
      </c>
      <c r="R21" s="313">
        <v>248</v>
      </c>
      <c r="S21" s="313">
        <v>207</v>
      </c>
      <c r="T21" s="313">
        <v>0</v>
      </c>
      <c r="U21" s="313">
        <v>42</v>
      </c>
      <c r="V21" s="311">
        <v>586</v>
      </c>
      <c r="W21" s="315">
        <v>586</v>
      </c>
    </row>
    <row r="22" spans="1:23" ht="21" customHeight="1" x14ac:dyDescent="0.2">
      <c r="A22" s="292" t="s">
        <v>20</v>
      </c>
      <c r="B22" s="313">
        <v>0</v>
      </c>
      <c r="C22" s="313">
        <v>0</v>
      </c>
      <c r="D22" s="311">
        <v>0</v>
      </c>
      <c r="E22" s="312">
        <v>0</v>
      </c>
      <c r="F22" s="313">
        <v>1227</v>
      </c>
      <c r="G22" s="313">
        <v>709</v>
      </c>
      <c r="H22" s="313">
        <v>446</v>
      </c>
      <c r="I22" s="313">
        <v>324</v>
      </c>
      <c r="J22" s="313">
        <v>73</v>
      </c>
      <c r="K22" s="311">
        <v>2779</v>
      </c>
      <c r="L22" s="315">
        <v>2779</v>
      </c>
      <c r="M22" s="313">
        <v>0</v>
      </c>
      <c r="N22" s="313">
        <v>0</v>
      </c>
      <c r="O22" s="311">
        <v>0</v>
      </c>
      <c r="P22" s="312">
        <v>0</v>
      </c>
      <c r="Q22" s="313">
        <v>12</v>
      </c>
      <c r="R22" s="313">
        <v>42</v>
      </c>
      <c r="S22" s="313">
        <v>44</v>
      </c>
      <c r="T22" s="313">
        <v>18</v>
      </c>
      <c r="U22" s="313">
        <v>37</v>
      </c>
      <c r="V22" s="311">
        <v>153</v>
      </c>
      <c r="W22" s="315">
        <v>153</v>
      </c>
    </row>
    <row r="23" spans="1:23" ht="21" customHeight="1" x14ac:dyDescent="0.2">
      <c r="A23" s="292" t="s">
        <v>21</v>
      </c>
      <c r="B23" s="313">
        <v>0</v>
      </c>
      <c r="C23" s="313">
        <v>0</v>
      </c>
      <c r="D23" s="311">
        <v>0</v>
      </c>
      <c r="E23" s="312">
        <v>0</v>
      </c>
      <c r="F23" s="313">
        <v>1349</v>
      </c>
      <c r="G23" s="313">
        <v>1573</v>
      </c>
      <c r="H23" s="313">
        <v>830</v>
      </c>
      <c r="I23" s="313">
        <v>292</v>
      </c>
      <c r="J23" s="313">
        <v>159</v>
      </c>
      <c r="K23" s="311">
        <v>4203</v>
      </c>
      <c r="L23" s="315">
        <v>4203</v>
      </c>
      <c r="M23" s="313">
        <v>0</v>
      </c>
      <c r="N23" s="313">
        <v>0</v>
      </c>
      <c r="O23" s="311">
        <v>0</v>
      </c>
      <c r="P23" s="312">
        <v>0</v>
      </c>
      <c r="Q23" s="313">
        <v>0</v>
      </c>
      <c r="R23" s="313">
        <v>0</v>
      </c>
      <c r="S23" s="313">
        <v>0</v>
      </c>
      <c r="T23" s="313">
        <v>0</v>
      </c>
      <c r="U23" s="313">
        <v>0</v>
      </c>
      <c r="V23" s="311">
        <v>0</v>
      </c>
      <c r="W23" s="315">
        <v>0</v>
      </c>
    </row>
    <row r="24" spans="1:23" ht="21" customHeight="1" x14ac:dyDescent="0.2">
      <c r="A24" s="292" t="s">
        <v>22</v>
      </c>
      <c r="B24" s="313">
        <v>0</v>
      </c>
      <c r="C24" s="313">
        <v>0</v>
      </c>
      <c r="D24" s="311">
        <v>0</v>
      </c>
      <c r="E24" s="312">
        <v>0</v>
      </c>
      <c r="F24" s="313">
        <v>1035</v>
      </c>
      <c r="G24" s="313">
        <v>847</v>
      </c>
      <c r="H24" s="313">
        <v>392</v>
      </c>
      <c r="I24" s="313">
        <v>230</v>
      </c>
      <c r="J24" s="313">
        <v>101</v>
      </c>
      <c r="K24" s="311">
        <v>2605</v>
      </c>
      <c r="L24" s="315">
        <v>2605</v>
      </c>
      <c r="M24" s="313">
        <v>0</v>
      </c>
      <c r="N24" s="313">
        <v>8</v>
      </c>
      <c r="O24" s="311">
        <v>8</v>
      </c>
      <c r="P24" s="312">
        <v>0</v>
      </c>
      <c r="Q24" s="313">
        <v>84</v>
      </c>
      <c r="R24" s="313">
        <v>73</v>
      </c>
      <c r="S24" s="313">
        <v>40</v>
      </c>
      <c r="T24" s="313">
        <v>22</v>
      </c>
      <c r="U24" s="313">
        <v>12</v>
      </c>
      <c r="V24" s="311">
        <v>231</v>
      </c>
      <c r="W24" s="315">
        <v>239</v>
      </c>
    </row>
    <row r="25" spans="1:23" ht="21" customHeight="1" x14ac:dyDescent="0.2">
      <c r="A25" s="292" t="s">
        <v>23</v>
      </c>
      <c r="B25" s="313">
        <v>0</v>
      </c>
      <c r="C25" s="313">
        <v>0</v>
      </c>
      <c r="D25" s="311">
        <v>0</v>
      </c>
      <c r="E25" s="312">
        <v>0</v>
      </c>
      <c r="F25" s="313">
        <v>402</v>
      </c>
      <c r="G25" s="313">
        <v>362</v>
      </c>
      <c r="H25" s="313">
        <v>169</v>
      </c>
      <c r="I25" s="313">
        <v>212</v>
      </c>
      <c r="J25" s="313">
        <v>94</v>
      </c>
      <c r="K25" s="311">
        <v>1239</v>
      </c>
      <c r="L25" s="315">
        <v>1239</v>
      </c>
      <c r="M25" s="313">
        <v>0</v>
      </c>
      <c r="N25" s="313">
        <v>0</v>
      </c>
      <c r="O25" s="311">
        <v>0</v>
      </c>
      <c r="P25" s="312">
        <v>0</v>
      </c>
      <c r="Q25" s="313">
        <v>0</v>
      </c>
      <c r="R25" s="313">
        <v>0</v>
      </c>
      <c r="S25" s="313">
        <v>11</v>
      </c>
      <c r="T25" s="313">
        <v>20</v>
      </c>
      <c r="U25" s="313">
        <v>0</v>
      </c>
      <c r="V25" s="311">
        <v>31</v>
      </c>
      <c r="W25" s="315">
        <v>31</v>
      </c>
    </row>
    <row r="26" spans="1:23" ht="21" customHeight="1" x14ac:dyDescent="0.2">
      <c r="A26" s="292" t="s">
        <v>24</v>
      </c>
      <c r="B26" s="313">
        <v>0</v>
      </c>
      <c r="C26" s="313">
        <v>0</v>
      </c>
      <c r="D26" s="311">
        <v>0</v>
      </c>
      <c r="E26" s="312">
        <v>0</v>
      </c>
      <c r="F26" s="313">
        <v>421</v>
      </c>
      <c r="G26" s="313">
        <v>139</v>
      </c>
      <c r="H26" s="313">
        <v>168</v>
      </c>
      <c r="I26" s="313">
        <v>72</v>
      </c>
      <c r="J26" s="313">
        <v>58</v>
      </c>
      <c r="K26" s="311">
        <v>858</v>
      </c>
      <c r="L26" s="315">
        <v>858</v>
      </c>
      <c r="M26" s="313">
        <v>0</v>
      </c>
      <c r="N26" s="313">
        <v>0</v>
      </c>
      <c r="O26" s="311">
        <v>0</v>
      </c>
      <c r="P26" s="312">
        <v>0</v>
      </c>
      <c r="Q26" s="313">
        <v>60</v>
      </c>
      <c r="R26" s="313">
        <v>47</v>
      </c>
      <c r="S26" s="313">
        <v>38</v>
      </c>
      <c r="T26" s="313">
        <v>16</v>
      </c>
      <c r="U26" s="313">
        <v>23</v>
      </c>
      <c r="V26" s="311">
        <v>184</v>
      </c>
      <c r="W26" s="315">
        <v>184</v>
      </c>
    </row>
    <row r="27" spans="1:23" ht="21" customHeight="1" x14ac:dyDescent="0.2">
      <c r="A27" s="292" t="s">
        <v>25</v>
      </c>
      <c r="B27" s="313">
        <v>0</v>
      </c>
      <c r="C27" s="313">
        <v>0</v>
      </c>
      <c r="D27" s="311">
        <v>0</v>
      </c>
      <c r="E27" s="312">
        <v>0</v>
      </c>
      <c r="F27" s="313">
        <v>622</v>
      </c>
      <c r="G27" s="313">
        <v>245</v>
      </c>
      <c r="H27" s="313">
        <v>126</v>
      </c>
      <c r="I27" s="313">
        <v>91</v>
      </c>
      <c r="J27" s="313">
        <v>3</v>
      </c>
      <c r="K27" s="311">
        <v>1087</v>
      </c>
      <c r="L27" s="315">
        <v>1087</v>
      </c>
      <c r="M27" s="313">
        <v>0</v>
      </c>
      <c r="N27" s="313">
        <v>0</v>
      </c>
      <c r="O27" s="311">
        <v>0</v>
      </c>
      <c r="P27" s="312">
        <v>0</v>
      </c>
      <c r="Q27" s="313">
        <v>50</v>
      </c>
      <c r="R27" s="313">
        <v>41</v>
      </c>
      <c r="S27" s="313">
        <v>0</v>
      </c>
      <c r="T27" s="313">
        <v>0</v>
      </c>
      <c r="U27" s="313">
        <v>12</v>
      </c>
      <c r="V27" s="311">
        <v>103</v>
      </c>
      <c r="W27" s="315">
        <v>103</v>
      </c>
    </row>
    <row r="28" spans="1:23" ht="21" customHeight="1" x14ac:dyDescent="0.2">
      <c r="A28" s="292" t="s">
        <v>26</v>
      </c>
      <c r="B28" s="313">
        <v>0</v>
      </c>
      <c r="C28" s="313">
        <v>0</v>
      </c>
      <c r="D28" s="311">
        <v>0</v>
      </c>
      <c r="E28" s="312">
        <v>0</v>
      </c>
      <c r="F28" s="313">
        <v>255</v>
      </c>
      <c r="G28" s="313">
        <v>250</v>
      </c>
      <c r="H28" s="313">
        <v>187</v>
      </c>
      <c r="I28" s="313">
        <v>103</v>
      </c>
      <c r="J28" s="313">
        <v>106</v>
      </c>
      <c r="K28" s="311">
        <v>901</v>
      </c>
      <c r="L28" s="315">
        <v>901</v>
      </c>
      <c r="M28" s="313">
        <v>0</v>
      </c>
      <c r="N28" s="313">
        <v>0</v>
      </c>
      <c r="O28" s="311">
        <v>0</v>
      </c>
      <c r="P28" s="312">
        <v>0</v>
      </c>
      <c r="Q28" s="313">
        <v>17</v>
      </c>
      <c r="R28" s="313">
        <v>51</v>
      </c>
      <c r="S28" s="313">
        <v>219</v>
      </c>
      <c r="T28" s="313">
        <v>13</v>
      </c>
      <c r="U28" s="313">
        <v>46</v>
      </c>
      <c r="V28" s="311">
        <v>346</v>
      </c>
      <c r="W28" s="315">
        <v>346</v>
      </c>
    </row>
    <row r="29" spans="1:23" ht="21" customHeight="1" x14ac:dyDescent="0.2">
      <c r="A29" s="292" t="s">
        <v>27</v>
      </c>
      <c r="B29" s="313">
        <v>0</v>
      </c>
      <c r="C29" s="313">
        <v>0</v>
      </c>
      <c r="D29" s="311">
        <v>0</v>
      </c>
      <c r="E29" s="312">
        <v>0</v>
      </c>
      <c r="F29" s="313">
        <v>214</v>
      </c>
      <c r="G29" s="313">
        <v>180</v>
      </c>
      <c r="H29" s="313">
        <v>121</v>
      </c>
      <c r="I29" s="313">
        <v>12</v>
      </c>
      <c r="J29" s="313">
        <v>0</v>
      </c>
      <c r="K29" s="311">
        <v>527</v>
      </c>
      <c r="L29" s="315">
        <v>527</v>
      </c>
      <c r="M29" s="313">
        <v>0</v>
      </c>
      <c r="N29" s="313">
        <v>0</v>
      </c>
      <c r="O29" s="311">
        <v>0</v>
      </c>
      <c r="P29" s="312">
        <v>0</v>
      </c>
      <c r="Q29" s="313">
        <v>41</v>
      </c>
      <c r="R29" s="313">
        <v>10</v>
      </c>
      <c r="S29" s="313">
        <v>9</v>
      </c>
      <c r="T29" s="313">
        <v>20</v>
      </c>
      <c r="U29" s="313">
        <v>4</v>
      </c>
      <c r="V29" s="311">
        <v>84</v>
      </c>
      <c r="W29" s="315">
        <v>84</v>
      </c>
    </row>
    <row r="30" spans="1:23" ht="21" customHeight="1" x14ac:dyDescent="0.2">
      <c r="A30" s="292" t="s">
        <v>28</v>
      </c>
      <c r="B30" s="313">
        <v>0</v>
      </c>
      <c r="C30" s="313">
        <v>0</v>
      </c>
      <c r="D30" s="311">
        <v>0</v>
      </c>
      <c r="E30" s="312">
        <v>0</v>
      </c>
      <c r="F30" s="313">
        <v>124</v>
      </c>
      <c r="G30" s="313">
        <v>110</v>
      </c>
      <c r="H30" s="313">
        <v>26</v>
      </c>
      <c r="I30" s="313">
        <v>24</v>
      </c>
      <c r="J30" s="313">
        <v>0</v>
      </c>
      <c r="K30" s="311">
        <v>284</v>
      </c>
      <c r="L30" s="315">
        <v>284</v>
      </c>
      <c r="M30" s="313">
        <v>0</v>
      </c>
      <c r="N30" s="313">
        <v>0</v>
      </c>
      <c r="O30" s="311">
        <v>0</v>
      </c>
      <c r="P30" s="312">
        <v>0</v>
      </c>
      <c r="Q30" s="313">
        <v>8</v>
      </c>
      <c r="R30" s="313">
        <v>5</v>
      </c>
      <c r="S30" s="313">
        <v>46</v>
      </c>
      <c r="T30" s="313">
        <v>0</v>
      </c>
      <c r="U30" s="313">
        <v>0</v>
      </c>
      <c r="V30" s="311">
        <v>59</v>
      </c>
      <c r="W30" s="315">
        <v>59</v>
      </c>
    </row>
    <row r="31" spans="1:23" ht="21" customHeight="1" x14ac:dyDescent="0.2">
      <c r="A31" s="292" t="s">
        <v>29</v>
      </c>
      <c r="B31" s="313">
        <v>0</v>
      </c>
      <c r="C31" s="313">
        <v>0</v>
      </c>
      <c r="D31" s="311">
        <v>0</v>
      </c>
      <c r="E31" s="312">
        <v>0</v>
      </c>
      <c r="F31" s="313">
        <v>128</v>
      </c>
      <c r="G31" s="313">
        <v>123</v>
      </c>
      <c r="H31" s="313">
        <v>26</v>
      </c>
      <c r="I31" s="313">
        <v>18</v>
      </c>
      <c r="J31" s="313">
        <v>0</v>
      </c>
      <c r="K31" s="311">
        <v>295</v>
      </c>
      <c r="L31" s="315">
        <v>295</v>
      </c>
      <c r="M31" s="313">
        <v>0</v>
      </c>
      <c r="N31" s="313">
        <v>0</v>
      </c>
      <c r="O31" s="311">
        <v>0</v>
      </c>
      <c r="P31" s="312">
        <v>0</v>
      </c>
      <c r="Q31" s="313">
        <v>0</v>
      </c>
      <c r="R31" s="313">
        <v>8</v>
      </c>
      <c r="S31" s="313">
        <v>22</v>
      </c>
      <c r="T31" s="313">
        <v>4</v>
      </c>
      <c r="U31" s="313">
        <v>0</v>
      </c>
      <c r="V31" s="311">
        <v>34</v>
      </c>
      <c r="W31" s="315">
        <v>34</v>
      </c>
    </row>
    <row r="32" spans="1:23" ht="21" customHeight="1" x14ac:dyDescent="0.2">
      <c r="A32" s="292" t="s">
        <v>30</v>
      </c>
      <c r="B32" s="313">
        <v>0</v>
      </c>
      <c r="C32" s="313">
        <v>0</v>
      </c>
      <c r="D32" s="311">
        <v>0</v>
      </c>
      <c r="E32" s="312">
        <v>0</v>
      </c>
      <c r="F32" s="313">
        <v>201</v>
      </c>
      <c r="G32" s="313">
        <v>160</v>
      </c>
      <c r="H32" s="313">
        <v>103</v>
      </c>
      <c r="I32" s="313">
        <v>21</v>
      </c>
      <c r="J32" s="313">
        <v>14</v>
      </c>
      <c r="K32" s="311">
        <v>499</v>
      </c>
      <c r="L32" s="315">
        <v>499</v>
      </c>
      <c r="M32" s="313">
        <v>0</v>
      </c>
      <c r="N32" s="313">
        <v>0</v>
      </c>
      <c r="O32" s="311">
        <v>0</v>
      </c>
      <c r="P32" s="312">
        <v>0</v>
      </c>
      <c r="Q32" s="313">
        <v>0</v>
      </c>
      <c r="R32" s="313">
        <v>4</v>
      </c>
      <c r="S32" s="313">
        <v>10</v>
      </c>
      <c r="T32" s="313">
        <v>0</v>
      </c>
      <c r="U32" s="313">
        <v>0</v>
      </c>
      <c r="V32" s="311">
        <v>14</v>
      </c>
      <c r="W32" s="315">
        <v>14</v>
      </c>
    </row>
    <row r="33" spans="1:23" ht="21" customHeight="1" x14ac:dyDescent="0.2">
      <c r="A33" s="292" t="s">
        <v>31</v>
      </c>
      <c r="B33" s="313">
        <v>0</v>
      </c>
      <c r="C33" s="313">
        <v>0</v>
      </c>
      <c r="D33" s="311">
        <v>0</v>
      </c>
      <c r="E33" s="312">
        <v>0</v>
      </c>
      <c r="F33" s="313">
        <v>179</v>
      </c>
      <c r="G33" s="313">
        <v>92</v>
      </c>
      <c r="H33" s="313">
        <v>111</v>
      </c>
      <c r="I33" s="313">
        <v>1</v>
      </c>
      <c r="J33" s="313">
        <v>29</v>
      </c>
      <c r="K33" s="311">
        <v>412</v>
      </c>
      <c r="L33" s="315">
        <v>412</v>
      </c>
      <c r="M33" s="313">
        <v>0</v>
      </c>
      <c r="N33" s="313">
        <v>0</v>
      </c>
      <c r="O33" s="311">
        <v>0</v>
      </c>
      <c r="P33" s="312">
        <v>0</v>
      </c>
      <c r="Q33" s="313">
        <v>0</v>
      </c>
      <c r="R33" s="313">
        <v>26</v>
      </c>
      <c r="S33" s="313">
        <v>12</v>
      </c>
      <c r="T33" s="313">
        <v>0</v>
      </c>
      <c r="U33" s="313">
        <v>0</v>
      </c>
      <c r="V33" s="311">
        <v>38</v>
      </c>
      <c r="W33" s="315">
        <v>38</v>
      </c>
    </row>
    <row r="34" spans="1:23" ht="21" customHeight="1" x14ac:dyDescent="0.2">
      <c r="A34" s="292" t="s">
        <v>32</v>
      </c>
      <c r="B34" s="313">
        <v>0</v>
      </c>
      <c r="C34" s="313">
        <v>0</v>
      </c>
      <c r="D34" s="311">
        <v>0</v>
      </c>
      <c r="E34" s="312">
        <v>0</v>
      </c>
      <c r="F34" s="313">
        <v>397</v>
      </c>
      <c r="G34" s="313">
        <v>233</v>
      </c>
      <c r="H34" s="313">
        <v>101</v>
      </c>
      <c r="I34" s="313">
        <v>50</v>
      </c>
      <c r="J34" s="313">
        <v>8</v>
      </c>
      <c r="K34" s="311">
        <v>789</v>
      </c>
      <c r="L34" s="315">
        <v>789</v>
      </c>
      <c r="M34" s="313">
        <v>0</v>
      </c>
      <c r="N34" s="313">
        <v>0</v>
      </c>
      <c r="O34" s="311">
        <v>0</v>
      </c>
      <c r="P34" s="312">
        <v>0</v>
      </c>
      <c r="Q34" s="313">
        <v>15</v>
      </c>
      <c r="R34" s="313">
        <v>0</v>
      </c>
      <c r="S34" s="313">
        <v>31</v>
      </c>
      <c r="T34" s="313">
        <v>0</v>
      </c>
      <c r="U34" s="313">
        <v>20</v>
      </c>
      <c r="V34" s="311">
        <v>66</v>
      </c>
      <c r="W34" s="315">
        <v>66</v>
      </c>
    </row>
    <row r="35" spans="1:23" ht="21" customHeight="1" x14ac:dyDescent="0.2">
      <c r="A35" s="292" t="s">
        <v>33</v>
      </c>
      <c r="B35" s="313">
        <v>0</v>
      </c>
      <c r="C35" s="313">
        <v>0</v>
      </c>
      <c r="D35" s="311">
        <v>0</v>
      </c>
      <c r="E35" s="312">
        <v>0</v>
      </c>
      <c r="F35" s="313">
        <v>244</v>
      </c>
      <c r="G35" s="313">
        <v>96</v>
      </c>
      <c r="H35" s="313">
        <v>49</v>
      </c>
      <c r="I35" s="313">
        <v>43</v>
      </c>
      <c r="J35" s="313">
        <v>9</v>
      </c>
      <c r="K35" s="311">
        <v>441</v>
      </c>
      <c r="L35" s="315">
        <v>441</v>
      </c>
      <c r="M35" s="313">
        <v>0</v>
      </c>
      <c r="N35" s="313">
        <v>0</v>
      </c>
      <c r="O35" s="311">
        <v>0</v>
      </c>
      <c r="P35" s="312">
        <v>0</v>
      </c>
      <c r="Q35" s="313">
        <v>0</v>
      </c>
      <c r="R35" s="313">
        <v>0</v>
      </c>
      <c r="S35" s="313">
        <v>0</v>
      </c>
      <c r="T35" s="313">
        <v>0</v>
      </c>
      <c r="U35" s="313">
        <v>0</v>
      </c>
      <c r="V35" s="311">
        <v>0</v>
      </c>
      <c r="W35" s="315">
        <v>0</v>
      </c>
    </row>
    <row r="36" spans="1:23" ht="21" customHeight="1" x14ac:dyDescent="0.2">
      <c r="A36" s="292" t="s">
        <v>34</v>
      </c>
      <c r="B36" s="313">
        <v>0</v>
      </c>
      <c r="C36" s="313">
        <v>0</v>
      </c>
      <c r="D36" s="311">
        <v>0</v>
      </c>
      <c r="E36" s="312">
        <v>0</v>
      </c>
      <c r="F36" s="313">
        <v>188</v>
      </c>
      <c r="G36" s="313">
        <v>39</v>
      </c>
      <c r="H36" s="313">
        <v>48</v>
      </c>
      <c r="I36" s="313">
        <v>9</v>
      </c>
      <c r="J36" s="313">
        <v>0</v>
      </c>
      <c r="K36" s="311">
        <v>284</v>
      </c>
      <c r="L36" s="315">
        <v>284</v>
      </c>
      <c r="M36" s="313">
        <v>0</v>
      </c>
      <c r="N36" s="313">
        <v>0</v>
      </c>
      <c r="O36" s="311">
        <v>0</v>
      </c>
      <c r="P36" s="312">
        <v>0</v>
      </c>
      <c r="Q36" s="313">
        <v>0</v>
      </c>
      <c r="R36" s="313">
        <v>0</v>
      </c>
      <c r="S36" s="313">
        <v>0</v>
      </c>
      <c r="T36" s="313">
        <v>6</v>
      </c>
      <c r="U36" s="313">
        <v>0</v>
      </c>
      <c r="V36" s="311">
        <v>6</v>
      </c>
      <c r="W36" s="315">
        <v>6</v>
      </c>
    </row>
    <row r="37" spans="1:23" ht="21" customHeight="1" x14ac:dyDescent="0.2">
      <c r="A37" s="292" t="s">
        <v>35</v>
      </c>
      <c r="B37" s="313">
        <v>0</v>
      </c>
      <c r="C37" s="313">
        <v>0</v>
      </c>
      <c r="D37" s="311">
        <v>0</v>
      </c>
      <c r="E37" s="312">
        <v>0</v>
      </c>
      <c r="F37" s="313">
        <v>235</v>
      </c>
      <c r="G37" s="313">
        <v>199</v>
      </c>
      <c r="H37" s="313">
        <v>160</v>
      </c>
      <c r="I37" s="313">
        <v>143</v>
      </c>
      <c r="J37" s="313">
        <v>38</v>
      </c>
      <c r="K37" s="311">
        <v>775</v>
      </c>
      <c r="L37" s="315">
        <v>775</v>
      </c>
      <c r="M37" s="313">
        <v>0</v>
      </c>
      <c r="N37" s="313">
        <v>0</v>
      </c>
      <c r="O37" s="311">
        <v>0</v>
      </c>
      <c r="P37" s="312">
        <v>0</v>
      </c>
      <c r="Q37" s="313">
        <v>0</v>
      </c>
      <c r="R37" s="313">
        <v>0</v>
      </c>
      <c r="S37" s="313">
        <v>0</v>
      </c>
      <c r="T37" s="313">
        <v>0</v>
      </c>
      <c r="U37" s="313">
        <v>0</v>
      </c>
      <c r="V37" s="311">
        <v>0</v>
      </c>
      <c r="W37" s="315">
        <v>0</v>
      </c>
    </row>
    <row r="38" spans="1:23" ht="21" customHeight="1" x14ac:dyDescent="0.2">
      <c r="A38" s="292" t="s">
        <v>36</v>
      </c>
      <c r="B38" s="313">
        <v>0</v>
      </c>
      <c r="C38" s="313">
        <v>0</v>
      </c>
      <c r="D38" s="311">
        <v>0</v>
      </c>
      <c r="E38" s="312">
        <v>0</v>
      </c>
      <c r="F38" s="313">
        <v>401</v>
      </c>
      <c r="G38" s="313">
        <v>530</v>
      </c>
      <c r="H38" s="313">
        <v>427</v>
      </c>
      <c r="I38" s="313">
        <v>216</v>
      </c>
      <c r="J38" s="313">
        <v>231</v>
      </c>
      <c r="K38" s="311">
        <v>1805</v>
      </c>
      <c r="L38" s="315">
        <v>1805</v>
      </c>
      <c r="M38" s="313">
        <v>0</v>
      </c>
      <c r="N38" s="313">
        <v>0</v>
      </c>
      <c r="O38" s="311">
        <v>0</v>
      </c>
      <c r="P38" s="312">
        <v>0</v>
      </c>
      <c r="Q38" s="313">
        <v>0</v>
      </c>
      <c r="R38" s="313">
        <v>0</v>
      </c>
      <c r="S38" s="313">
        <v>0</v>
      </c>
      <c r="T38" s="313">
        <v>0</v>
      </c>
      <c r="U38" s="313">
        <v>0</v>
      </c>
      <c r="V38" s="311">
        <v>0</v>
      </c>
      <c r="W38" s="315">
        <v>0</v>
      </c>
    </row>
    <row r="39" spans="1:23" ht="21" customHeight="1" thickBot="1" x14ac:dyDescent="0.25">
      <c r="A39" s="293" t="s">
        <v>37</v>
      </c>
      <c r="B39" s="319">
        <v>0</v>
      </c>
      <c r="C39" s="319">
        <v>0</v>
      </c>
      <c r="D39" s="317">
        <v>0</v>
      </c>
      <c r="E39" s="318">
        <v>0</v>
      </c>
      <c r="F39" s="319">
        <v>101</v>
      </c>
      <c r="G39" s="319">
        <v>111</v>
      </c>
      <c r="H39" s="319">
        <v>59</v>
      </c>
      <c r="I39" s="319">
        <v>0</v>
      </c>
      <c r="J39" s="319">
        <v>29</v>
      </c>
      <c r="K39" s="317">
        <v>300</v>
      </c>
      <c r="L39" s="321">
        <v>300</v>
      </c>
      <c r="M39" s="319">
        <v>0</v>
      </c>
      <c r="N39" s="319">
        <v>0</v>
      </c>
      <c r="O39" s="317">
        <v>0</v>
      </c>
      <c r="P39" s="318">
        <v>0</v>
      </c>
      <c r="Q39" s="319">
        <v>4</v>
      </c>
      <c r="R39" s="319">
        <v>0</v>
      </c>
      <c r="S39" s="319">
        <v>28</v>
      </c>
      <c r="T39" s="319">
        <v>17</v>
      </c>
      <c r="U39" s="319">
        <v>0</v>
      </c>
      <c r="V39" s="317">
        <v>49</v>
      </c>
      <c r="W39" s="321">
        <v>49</v>
      </c>
    </row>
  </sheetData>
  <mergeCells count="11">
    <mergeCell ref="M3:W3"/>
    <mergeCell ref="M4:O4"/>
    <mergeCell ref="P4:V4"/>
    <mergeCell ref="W4:W5"/>
    <mergeCell ref="G1:H1"/>
    <mergeCell ref="J1:K1"/>
    <mergeCell ref="A3:A5"/>
    <mergeCell ref="B3:L3"/>
    <mergeCell ref="B4:D4"/>
    <mergeCell ref="E4:K4"/>
    <mergeCell ref="L4:L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1"/>
    <col min="4" max="4" width="10" style="291" customWidth="1"/>
    <col min="5" max="5" width="7.77734375" style="291" customWidth="1"/>
    <col min="6" max="6" width="10.77734375" style="291" customWidth="1"/>
    <col min="7" max="15" width="9" style="291"/>
    <col min="16" max="16" width="7.6640625" style="291" customWidth="1"/>
    <col min="17" max="16384" width="9" style="291"/>
  </cols>
  <sheetData>
    <row r="1" spans="1:23" ht="17.25" customHeight="1" x14ac:dyDescent="0.2">
      <c r="A1" s="322" t="s">
        <v>125</v>
      </c>
      <c r="G1" s="470">
        <f>第１表!F2</f>
        <v>4</v>
      </c>
      <c r="H1" s="470"/>
      <c r="I1" s="283">
        <f>第１表!G2</f>
        <v>2</v>
      </c>
      <c r="J1" s="471">
        <f>IF(I1&lt;3,I1+12-2,I1-2)</f>
        <v>12</v>
      </c>
      <c r="K1" s="471"/>
    </row>
    <row r="2" spans="1:23" ht="21" customHeight="1" thickBot="1" x14ac:dyDescent="0.25">
      <c r="A2" s="322" t="s">
        <v>135</v>
      </c>
    </row>
    <row r="3" spans="1:23" ht="18.75" customHeight="1" x14ac:dyDescent="0.2">
      <c r="A3" s="483"/>
      <c r="B3" s="479" t="s">
        <v>143</v>
      </c>
      <c r="C3" s="479"/>
      <c r="D3" s="479"/>
      <c r="E3" s="479"/>
      <c r="F3" s="479"/>
      <c r="G3" s="479"/>
      <c r="H3" s="479"/>
      <c r="I3" s="479"/>
      <c r="J3" s="479"/>
      <c r="K3" s="479"/>
      <c r="L3" s="509"/>
      <c r="M3" s="479" t="s">
        <v>113</v>
      </c>
      <c r="N3" s="479"/>
      <c r="O3" s="479"/>
      <c r="P3" s="479"/>
      <c r="Q3" s="479"/>
      <c r="R3" s="479"/>
      <c r="S3" s="479"/>
      <c r="T3" s="479"/>
      <c r="U3" s="479"/>
      <c r="V3" s="479"/>
      <c r="W3" s="509"/>
    </row>
    <row r="4" spans="1:23" ht="18.75" customHeight="1" x14ac:dyDescent="0.2">
      <c r="A4" s="507"/>
      <c r="B4" s="510" t="s">
        <v>61</v>
      </c>
      <c r="C4" s="510"/>
      <c r="D4" s="511"/>
      <c r="E4" s="512" t="s">
        <v>62</v>
      </c>
      <c r="F4" s="510"/>
      <c r="G4" s="510"/>
      <c r="H4" s="510"/>
      <c r="I4" s="510"/>
      <c r="J4" s="510"/>
      <c r="K4" s="513"/>
      <c r="L4" s="514" t="s">
        <v>52</v>
      </c>
      <c r="M4" s="510" t="s">
        <v>61</v>
      </c>
      <c r="N4" s="510"/>
      <c r="O4" s="511"/>
      <c r="P4" s="512" t="s">
        <v>62</v>
      </c>
      <c r="Q4" s="510"/>
      <c r="R4" s="510"/>
      <c r="S4" s="510"/>
      <c r="T4" s="510"/>
      <c r="U4" s="510"/>
      <c r="V4" s="513"/>
      <c r="W4" s="514" t="s">
        <v>52</v>
      </c>
    </row>
    <row r="5" spans="1:23" ht="27" thickBot="1" x14ac:dyDescent="0.25">
      <c r="A5" s="508"/>
      <c r="B5" s="295" t="s">
        <v>43</v>
      </c>
      <c r="C5" s="295" t="s">
        <v>44</v>
      </c>
      <c r="D5" s="301" t="s">
        <v>45</v>
      </c>
      <c r="E5" s="302" t="s">
        <v>83</v>
      </c>
      <c r="F5" s="295" t="s">
        <v>47</v>
      </c>
      <c r="G5" s="295" t="s">
        <v>48</v>
      </c>
      <c r="H5" s="295" t="s">
        <v>49</v>
      </c>
      <c r="I5" s="295" t="s">
        <v>50</v>
      </c>
      <c r="J5" s="295" t="s">
        <v>51</v>
      </c>
      <c r="K5" s="301" t="s">
        <v>45</v>
      </c>
      <c r="L5" s="482"/>
      <c r="M5" s="295" t="s">
        <v>43</v>
      </c>
      <c r="N5" s="295" t="s">
        <v>44</v>
      </c>
      <c r="O5" s="301" t="s">
        <v>45</v>
      </c>
      <c r="P5" s="302" t="s">
        <v>83</v>
      </c>
      <c r="Q5" s="295" t="s">
        <v>47</v>
      </c>
      <c r="R5" s="295" t="s">
        <v>48</v>
      </c>
      <c r="S5" s="295" t="s">
        <v>49</v>
      </c>
      <c r="T5" s="295" t="s">
        <v>50</v>
      </c>
      <c r="U5" s="295" t="s">
        <v>51</v>
      </c>
      <c r="V5" s="301" t="s">
        <v>45</v>
      </c>
      <c r="W5" s="482"/>
    </row>
    <row r="6" spans="1:23" ht="21" customHeight="1" x14ac:dyDescent="0.2">
      <c r="A6" s="294" t="s">
        <v>4</v>
      </c>
      <c r="B6" s="307">
        <v>0</v>
      </c>
      <c r="C6" s="307">
        <v>0</v>
      </c>
      <c r="D6" s="305">
        <v>0</v>
      </c>
      <c r="E6" s="306">
        <v>0</v>
      </c>
      <c r="F6" s="307">
        <v>6982</v>
      </c>
      <c r="G6" s="307">
        <v>5878</v>
      </c>
      <c r="H6" s="307">
        <v>3630</v>
      </c>
      <c r="I6" s="307">
        <v>1624</v>
      </c>
      <c r="J6" s="307">
        <v>553</v>
      </c>
      <c r="K6" s="305">
        <v>18667</v>
      </c>
      <c r="L6" s="309">
        <v>18667</v>
      </c>
      <c r="M6" s="307">
        <v>2</v>
      </c>
      <c r="N6" s="307">
        <v>19</v>
      </c>
      <c r="O6" s="305">
        <v>21</v>
      </c>
      <c r="P6" s="306">
        <v>0</v>
      </c>
      <c r="Q6" s="307">
        <v>565</v>
      </c>
      <c r="R6" s="307">
        <v>787</v>
      </c>
      <c r="S6" s="307">
        <v>717</v>
      </c>
      <c r="T6" s="307">
        <v>422</v>
      </c>
      <c r="U6" s="307">
        <v>207</v>
      </c>
      <c r="V6" s="305">
        <v>2698</v>
      </c>
      <c r="W6" s="309">
        <v>2719</v>
      </c>
    </row>
    <row r="7" spans="1:23" ht="21" customHeight="1" x14ac:dyDescent="0.2">
      <c r="A7" s="292" t="s">
        <v>5</v>
      </c>
      <c r="B7" s="313">
        <v>0</v>
      </c>
      <c r="C7" s="313">
        <v>0</v>
      </c>
      <c r="D7" s="311">
        <v>0</v>
      </c>
      <c r="E7" s="312">
        <v>0</v>
      </c>
      <c r="F7" s="313">
        <v>2351</v>
      </c>
      <c r="G7" s="313">
        <v>2679</v>
      </c>
      <c r="H7" s="313">
        <v>1754</v>
      </c>
      <c r="I7" s="313">
        <v>726</v>
      </c>
      <c r="J7" s="313">
        <v>319</v>
      </c>
      <c r="K7" s="311">
        <v>7829</v>
      </c>
      <c r="L7" s="315">
        <v>7829</v>
      </c>
      <c r="M7" s="313">
        <v>2</v>
      </c>
      <c r="N7" s="313">
        <v>19</v>
      </c>
      <c r="O7" s="311">
        <v>21</v>
      </c>
      <c r="P7" s="312">
        <v>0</v>
      </c>
      <c r="Q7" s="313">
        <v>227</v>
      </c>
      <c r="R7" s="313">
        <v>399</v>
      </c>
      <c r="S7" s="313">
        <v>328</v>
      </c>
      <c r="T7" s="313">
        <v>328</v>
      </c>
      <c r="U7" s="313">
        <v>137</v>
      </c>
      <c r="V7" s="311">
        <v>1419</v>
      </c>
      <c r="W7" s="315">
        <v>1440</v>
      </c>
    </row>
    <row r="8" spans="1:23" ht="21" customHeight="1" x14ac:dyDescent="0.2">
      <c r="A8" s="292" t="s">
        <v>6</v>
      </c>
      <c r="B8" s="313">
        <v>0</v>
      </c>
      <c r="C8" s="313">
        <v>0</v>
      </c>
      <c r="D8" s="311">
        <v>0</v>
      </c>
      <c r="E8" s="312">
        <v>0</v>
      </c>
      <c r="F8" s="313">
        <v>1053</v>
      </c>
      <c r="G8" s="313">
        <v>660</v>
      </c>
      <c r="H8" s="313">
        <v>446</v>
      </c>
      <c r="I8" s="313">
        <v>247</v>
      </c>
      <c r="J8" s="313">
        <v>33</v>
      </c>
      <c r="K8" s="311">
        <v>2439</v>
      </c>
      <c r="L8" s="315">
        <v>2439</v>
      </c>
      <c r="M8" s="313">
        <v>0</v>
      </c>
      <c r="N8" s="313">
        <v>0</v>
      </c>
      <c r="O8" s="311">
        <v>0</v>
      </c>
      <c r="P8" s="312">
        <v>0</v>
      </c>
      <c r="Q8" s="313">
        <v>132</v>
      </c>
      <c r="R8" s="313">
        <v>138</v>
      </c>
      <c r="S8" s="313">
        <v>172</v>
      </c>
      <c r="T8" s="313">
        <v>56</v>
      </c>
      <c r="U8" s="313">
        <v>41</v>
      </c>
      <c r="V8" s="311">
        <v>539</v>
      </c>
      <c r="W8" s="315">
        <v>539</v>
      </c>
    </row>
    <row r="9" spans="1:23" ht="21" customHeight="1" x14ac:dyDescent="0.2">
      <c r="A9" s="292" t="s">
        <v>14</v>
      </c>
      <c r="B9" s="313">
        <v>0</v>
      </c>
      <c r="C9" s="313">
        <v>0</v>
      </c>
      <c r="D9" s="311">
        <v>0</v>
      </c>
      <c r="E9" s="312">
        <v>0</v>
      </c>
      <c r="F9" s="313">
        <v>623</v>
      </c>
      <c r="G9" s="313">
        <v>574</v>
      </c>
      <c r="H9" s="313">
        <v>373</v>
      </c>
      <c r="I9" s="313">
        <v>100</v>
      </c>
      <c r="J9" s="313">
        <v>20</v>
      </c>
      <c r="K9" s="311">
        <v>1690</v>
      </c>
      <c r="L9" s="315">
        <v>1690</v>
      </c>
      <c r="M9" s="313">
        <v>0</v>
      </c>
      <c r="N9" s="313">
        <v>0</v>
      </c>
      <c r="O9" s="311">
        <v>0</v>
      </c>
      <c r="P9" s="312">
        <v>0</v>
      </c>
      <c r="Q9" s="313">
        <v>4</v>
      </c>
      <c r="R9" s="313">
        <v>8</v>
      </c>
      <c r="S9" s="313">
        <v>0</v>
      </c>
      <c r="T9" s="313">
        <v>18</v>
      </c>
      <c r="U9" s="313">
        <v>13</v>
      </c>
      <c r="V9" s="311">
        <v>43</v>
      </c>
      <c r="W9" s="315">
        <v>43</v>
      </c>
    </row>
    <row r="10" spans="1:23" ht="21" customHeight="1" x14ac:dyDescent="0.2">
      <c r="A10" s="292" t="s">
        <v>7</v>
      </c>
      <c r="B10" s="313">
        <v>0</v>
      </c>
      <c r="C10" s="313">
        <v>0</v>
      </c>
      <c r="D10" s="311">
        <v>0</v>
      </c>
      <c r="E10" s="312">
        <v>0</v>
      </c>
      <c r="F10" s="313">
        <v>599</v>
      </c>
      <c r="G10" s="313">
        <v>317</v>
      </c>
      <c r="H10" s="313">
        <v>153</v>
      </c>
      <c r="I10" s="313">
        <v>58</v>
      </c>
      <c r="J10" s="313">
        <v>8</v>
      </c>
      <c r="K10" s="311">
        <v>1135</v>
      </c>
      <c r="L10" s="315">
        <v>1135</v>
      </c>
      <c r="M10" s="313">
        <v>0</v>
      </c>
      <c r="N10" s="313">
        <v>0</v>
      </c>
      <c r="O10" s="311">
        <v>0</v>
      </c>
      <c r="P10" s="312">
        <v>0</v>
      </c>
      <c r="Q10" s="313">
        <v>68</v>
      </c>
      <c r="R10" s="313">
        <v>87</v>
      </c>
      <c r="S10" s="313">
        <v>63</v>
      </c>
      <c r="T10" s="313">
        <v>0</v>
      </c>
      <c r="U10" s="313">
        <v>0</v>
      </c>
      <c r="V10" s="311">
        <v>218</v>
      </c>
      <c r="W10" s="315">
        <v>218</v>
      </c>
    </row>
    <row r="11" spans="1:23" ht="21" customHeight="1" x14ac:dyDescent="0.2">
      <c r="A11" s="292" t="s">
        <v>8</v>
      </c>
      <c r="B11" s="313">
        <v>0</v>
      </c>
      <c r="C11" s="313">
        <v>0</v>
      </c>
      <c r="D11" s="311">
        <v>0</v>
      </c>
      <c r="E11" s="312">
        <v>0</v>
      </c>
      <c r="F11" s="313">
        <v>277</v>
      </c>
      <c r="G11" s="313">
        <v>265</v>
      </c>
      <c r="H11" s="313">
        <v>69</v>
      </c>
      <c r="I11" s="313">
        <v>54</v>
      </c>
      <c r="J11" s="313">
        <v>8</v>
      </c>
      <c r="K11" s="311">
        <v>673</v>
      </c>
      <c r="L11" s="315">
        <v>673</v>
      </c>
      <c r="M11" s="313">
        <v>0</v>
      </c>
      <c r="N11" s="313">
        <v>0</v>
      </c>
      <c r="O11" s="311">
        <v>0</v>
      </c>
      <c r="P11" s="312">
        <v>0</v>
      </c>
      <c r="Q11" s="313">
        <v>4</v>
      </c>
      <c r="R11" s="313">
        <v>0</v>
      </c>
      <c r="S11" s="313">
        <v>0</v>
      </c>
      <c r="T11" s="313">
        <v>0</v>
      </c>
      <c r="U11" s="313">
        <v>0</v>
      </c>
      <c r="V11" s="311">
        <v>4</v>
      </c>
      <c r="W11" s="315">
        <v>4</v>
      </c>
    </row>
    <row r="12" spans="1:23" ht="21" customHeight="1" x14ac:dyDescent="0.2">
      <c r="A12" s="292" t="s">
        <v>9</v>
      </c>
      <c r="B12" s="313">
        <v>0</v>
      </c>
      <c r="C12" s="313">
        <v>0</v>
      </c>
      <c r="D12" s="311">
        <v>0</v>
      </c>
      <c r="E12" s="312">
        <v>0</v>
      </c>
      <c r="F12" s="313">
        <v>276</v>
      </c>
      <c r="G12" s="313">
        <v>199</v>
      </c>
      <c r="H12" s="313">
        <v>157</v>
      </c>
      <c r="I12" s="313">
        <v>110</v>
      </c>
      <c r="J12" s="313">
        <v>0</v>
      </c>
      <c r="K12" s="311">
        <v>742</v>
      </c>
      <c r="L12" s="315">
        <v>742</v>
      </c>
      <c r="M12" s="313">
        <v>0</v>
      </c>
      <c r="N12" s="313">
        <v>0</v>
      </c>
      <c r="O12" s="311">
        <v>0</v>
      </c>
      <c r="P12" s="312">
        <v>0</v>
      </c>
      <c r="Q12" s="313">
        <v>1</v>
      </c>
      <c r="R12" s="313">
        <v>4</v>
      </c>
      <c r="S12" s="313">
        <v>20</v>
      </c>
      <c r="T12" s="313">
        <v>0</v>
      </c>
      <c r="U12" s="313">
        <v>0</v>
      </c>
      <c r="V12" s="311">
        <v>25</v>
      </c>
      <c r="W12" s="315">
        <v>25</v>
      </c>
    </row>
    <row r="13" spans="1:23" ht="21" customHeight="1" x14ac:dyDescent="0.2">
      <c r="A13" s="292" t="s">
        <v>10</v>
      </c>
      <c r="B13" s="313">
        <v>0</v>
      </c>
      <c r="C13" s="313">
        <v>0</v>
      </c>
      <c r="D13" s="311">
        <v>0</v>
      </c>
      <c r="E13" s="312">
        <v>0</v>
      </c>
      <c r="F13" s="313">
        <v>342</v>
      </c>
      <c r="G13" s="313">
        <v>160</v>
      </c>
      <c r="H13" s="313">
        <v>41</v>
      </c>
      <c r="I13" s="313">
        <v>8</v>
      </c>
      <c r="J13" s="313">
        <v>30</v>
      </c>
      <c r="K13" s="311">
        <v>581</v>
      </c>
      <c r="L13" s="315">
        <v>581</v>
      </c>
      <c r="M13" s="313">
        <v>0</v>
      </c>
      <c r="N13" s="313">
        <v>0</v>
      </c>
      <c r="O13" s="311">
        <v>0</v>
      </c>
      <c r="P13" s="312">
        <v>0</v>
      </c>
      <c r="Q13" s="313">
        <v>15</v>
      </c>
      <c r="R13" s="313">
        <v>54</v>
      </c>
      <c r="S13" s="313">
        <v>6</v>
      </c>
      <c r="T13" s="313">
        <v>3</v>
      </c>
      <c r="U13" s="313">
        <v>0</v>
      </c>
      <c r="V13" s="311">
        <v>78</v>
      </c>
      <c r="W13" s="315">
        <v>78</v>
      </c>
    </row>
    <row r="14" spans="1:23" ht="21" customHeight="1" x14ac:dyDescent="0.2">
      <c r="A14" s="292" t="s">
        <v>11</v>
      </c>
      <c r="B14" s="313">
        <v>0</v>
      </c>
      <c r="C14" s="313">
        <v>0</v>
      </c>
      <c r="D14" s="311">
        <v>0</v>
      </c>
      <c r="E14" s="312">
        <v>0</v>
      </c>
      <c r="F14" s="313">
        <v>282</v>
      </c>
      <c r="G14" s="313">
        <v>43</v>
      </c>
      <c r="H14" s="313">
        <v>205</v>
      </c>
      <c r="I14" s="313">
        <v>31</v>
      </c>
      <c r="J14" s="313">
        <v>27</v>
      </c>
      <c r="K14" s="311">
        <v>588</v>
      </c>
      <c r="L14" s="315">
        <v>588</v>
      </c>
      <c r="M14" s="313">
        <v>0</v>
      </c>
      <c r="N14" s="313">
        <v>0</v>
      </c>
      <c r="O14" s="311">
        <v>0</v>
      </c>
      <c r="P14" s="312">
        <v>0</v>
      </c>
      <c r="Q14" s="313">
        <v>31</v>
      </c>
      <c r="R14" s="313">
        <v>16</v>
      </c>
      <c r="S14" s="313">
        <v>0</v>
      </c>
      <c r="T14" s="313">
        <v>0</v>
      </c>
      <c r="U14" s="313">
        <v>0</v>
      </c>
      <c r="V14" s="311">
        <v>47</v>
      </c>
      <c r="W14" s="315">
        <v>47</v>
      </c>
    </row>
    <row r="15" spans="1:23" ht="21" customHeight="1" x14ac:dyDescent="0.2">
      <c r="A15" s="292" t="s">
        <v>12</v>
      </c>
      <c r="B15" s="313">
        <v>0</v>
      </c>
      <c r="C15" s="313">
        <v>0</v>
      </c>
      <c r="D15" s="311">
        <v>0</v>
      </c>
      <c r="E15" s="312">
        <v>0</v>
      </c>
      <c r="F15" s="313">
        <v>216</v>
      </c>
      <c r="G15" s="313">
        <v>139</v>
      </c>
      <c r="H15" s="313">
        <v>86</v>
      </c>
      <c r="I15" s="313">
        <v>17</v>
      </c>
      <c r="J15" s="313">
        <v>34</v>
      </c>
      <c r="K15" s="311">
        <v>492</v>
      </c>
      <c r="L15" s="315">
        <v>492</v>
      </c>
      <c r="M15" s="313">
        <v>0</v>
      </c>
      <c r="N15" s="313">
        <v>0</v>
      </c>
      <c r="O15" s="311">
        <v>0</v>
      </c>
      <c r="P15" s="312">
        <v>0</v>
      </c>
      <c r="Q15" s="313">
        <v>0</v>
      </c>
      <c r="R15" s="313">
        <v>0</v>
      </c>
      <c r="S15" s="313">
        <v>0</v>
      </c>
      <c r="T15" s="313">
        <v>0</v>
      </c>
      <c r="U15" s="313">
        <v>0</v>
      </c>
      <c r="V15" s="311">
        <v>0</v>
      </c>
      <c r="W15" s="315">
        <v>0</v>
      </c>
    </row>
    <row r="16" spans="1:23" ht="21" customHeight="1" x14ac:dyDescent="0.2">
      <c r="A16" s="292" t="s">
        <v>13</v>
      </c>
      <c r="B16" s="313">
        <v>0</v>
      </c>
      <c r="C16" s="313">
        <v>0</v>
      </c>
      <c r="D16" s="311">
        <v>0</v>
      </c>
      <c r="E16" s="312">
        <v>0</v>
      </c>
      <c r="F16" s="313">
        <v>91</v>
      </c>
      <c r="G16" s="313">
        <v>54</v>
      </c>
      <c r="H16" s="313">
        <v>23</v>
      </c>
      <c r="I16" s="313">
        <v>22</v>
      </c>
      <c r="J16" s="313">
        <v>13</v>
      </c>
      <c r="K16" s="311">
        <v>203</v>
      </c>
      <c r="L16" s="315">
        <v>203</v>
      </c>
      <c r="M16" s="313">
        <v>0</v>
      </c>
      <c r="N16" s="313">
        <v>0</v>
      </c>
      <c r="O16" s="311">
        <v>0</v>
      </c>
      <c r="P16" s="312">
        <v>0</v>
      </c>
      <c r="Q16" s="313">
        <v>0</v>
      </c>
      <c r="R16" s="313">
        <v>12</v>
      </c>
      <c r="S16" s="313">
        <v>33</v>
      </c>
      <c r="T16" s="313">
        <v>4</v>
      </c>
      <c r="U16" s="313">
        <v>0</v>
      </c>
      <c r="V16" s="311">
        <v>49</v>
      </c>
      <c r="W16" s="315">
        <v>49</v>
      </c>
    </row>
    <row r="17" spans="1:23" ht="21" customHeight="1" x14ac:dyDescent="0.2">
      <c r="A17" s="292" t="s">
        <v>15</v>
      </c>
      <c r="B17" s="313">
        <v>0</v>
      </c>
      <c r="C17" s="313">
        <v>0</v>
      </c>
      <c r="D17" s="311">
        <v>0</v>
      </c>
      <c r="E17" s="312">
        <v>0</v>
      </c>
      <c r="F17" s="313">
        <v>32</v>
      </c>
      <c r="G17" s="313">
        <v>56</v>
      </c>
      <c r="H17" s="313">
        <v>2</v>
      </c>
      <c r="I17" s="313">
        <v>7</v>
      </c>
      <c r="J17" s="313">
        <v>0</v>
      </c>
      <c r="K17" s="311">
        <v>97</v>
      </c>
      <c r="L17" s="315">
        <v>97</v>
      </c>
      <c r="M17" s="313">
        <v>0</v>
      </c>
      <c r="N17" s="313">
        <v>0</v>
      </c>
      <c r="O17" s="311">
        <v>0</v>
      </c>
      <c r="P17" s="312">
        <v>0</v>
      </c>
      <c r="Q17" s="313">
        <v>0</v>
      </c>
      <c r="R17" s="313">
        <v>13</v>
      </c>
      <c r="S17" s="313">
        <v>0</v>
      </c>
      <c r="T17" s="313">
        <v>0</v>
      </c>
      <c r="U17" s="313">
        <v>0</v>
      </c>
      <c r="V17" s="311">
        <v>13</v>
      </c>
      <c r="W17" s="315">
        <v>13</v>
      </c>
    </row>
    <row r="18" spans="1:23" ht="21" customHeight="1" x14ac:dyDescent="0.2">
      <c r="A18" s="292" t="s">
        <v>16</v>
      </c>
      <c r="B18" s="313">
        <v>0</v>
      </c>
      <c r="C18" s="313">
        <v>0</v>
      </c>
      <c r="D18" s="311">
        <v>0</v>
      </c>
      <c r="E18" s="312">
        <v>0</v>
      </c>
      <c r="F18" s="313">
        <v>67</v>
      </c>
      <c r="G18" s="313">
        <v>118</v>
      </c>
      <c r="H18" s="313">
        <v>33</v>
      </c>
      <c r="I18" s="313">
        <v>28</v>
      </c>
      <c r="J18" s="313">
        <v>12</v>
      </c>
      <c r="K18" s="311">
        <v>258</v>
      </c>
      <c r="L18" s="315">
        <v>258</v>
      </c>
      <c r="M18" s="313">
        <v>0</v>
      </c>
      <c r="N18" s="313">
        <v>0</v>
      </c>
      <c r="O18" s="311">
        <v>0</v>
      </c>
      <c r="P18" s="312">
        <v>0</v>
      </c>
      <c r="Q18" s="313">
        <v>23</v>
      </c>
      <c r="R18" s="313">
        <v>0</v>
      </c>
      <c r="S18" s="313">
        <v>14</v>
      </c>
      <c r="T18" s="313">
        <v>0</v>
      </c>
      <c r="U18" s="313">
        <v>0</v>
      </c>
      <c r="V18" s="311">
        <v>37</v>
      </c>
      <c r="W18" s="315">
        <v>37</v>
      </c>
    </row>
    <row r="19" spans="1:23" ht="21" customHeight="1" x14ac:dyDescent="0.2">
      <c r="A19" s="292" t="s">
        <v>17</v>
      </c>
      <c r="B19" s="313">
        <v>0</v>
      </c>
      <c r="C19" s="313">
        <v>0</v>
      </c>
      <c r="D19" s="311">
        <v>0</v>
      </c>
      <c r="E19" s="312">
        <v>0</v>
      </c>
      <c r="F19" s="313">
        <v>122</v>
      </c>
      <c r="G19" s="313">
        <v>87</v>
      </c>
      <c r="H19" s="313">
        <v>95</v>
      </c>
      <c r="I19" s="313">
        <v>44</v>
      </c>
      <c r="J19" s="313">
        <v>0</v>
      </c>
      <c r="K19" s="311">
        <v>348</v>
      </c>
      <c r="L19" s="315">
        <v>348</v>
      </c>
      <c r="M19" s="313">
        <v>0</v>
      </c>
      <c r="N19" s="313">
        <v>0</v>
      </c>
      <c r="O19" s="311">
        <v>0</v>
      </c>
      <c r="P19" s="312">
        <v>0</v>
      </c>
      <c r="Q19" s="313">
        <v>8</v>
      </c>
      <c r="R19" s="313">
        <v>0</v>
      </c>
      <c r="S19" s="313">
        <v>15</v>
      </c>
      <c r="T19" s="313">
        <v>0</v>
      </c>
      <c r="U19" s="313">
        <v>6</v>
      </c>
      <c r="V19" s="311">
        <v>29</v>
      </c>
      <c r="W19" s="315">
        <v>29</v>
      </c>
    </row>
    <row r="20" spans="1:23" ht="21" customHeight="1" x14ac:dyDescent="0.2">
      <c r="A20" s="292" t="s">
        <v>18</v>
      </c>
      <c r="B20" s="313">
        <v>0</v>
      </c>
      <c r="C20" s="313">
        <v>0</v>
      </c>
      <c r="D20" s="311">
        <v>0</v>
      </c>
      <c r="E20" s="312">
        <v>0</v>
      </c>
      <c r="F20" s="313">
        <v>156</v>
      </c>
      <c r="G20" s="313">
        <v>187</v>
      </c>
      <c r="H20" s="313">
        <v>21</v>
      </c>
      <c r="I20" s="313">
        <v>4</v>
      </c>
      <c r="J20" s="313">
        <v>0</v>
      </c>
      <c r="K20" s="311">
        <v>368</v>
      </c>
      <c r="L20" s="315">
        <v>368</v>
      </c>
      <c r="M20" s="313">
        <v>0</v>
      </c>
      <c r="N20" s="313">
        <v>0</v>
      </c>
      <c r="O20" s="311">
        <v>0</v>
      </c>
      <c r="P20" s="312">
        <v>0</v>
      </c>
      <c r="Q20" s="313">
        <v>18</v>
      </c>
      <c r="R20" s="313">
        <v>0</v>
      </c>
      <c r="S20" s="313">
        <v>16</v>
      </c>
      <c r="T20" s="313">
        <v>1</v>
      </c>
      <c r="U20" s="313">
        <v>10</v>
      </c>
      <c r="V20" s="311">
        <v>45</v>
      </c>
      <c r="W20" s="315">
        <v>45</v>
      </c>
    </row>
    <row r="21" spans="1:23" ht="21" customHeight="1" x14ac:dyDescent="0.2">
      <c r="A21" s="292" t="s">
        <v>19</v>
      </c>
      <c r="B21" s="313">
        <v>0</v>
      </c>
      <c r="C21" s="313">
        <v>0</v>
      </c>
      <c r="D21" s="311">
        <v>0</v>
      </c>
      <c r="E21" s="312">
        <v>0</v>
      </c>
      <c r="F21" s="313">
        <v>51</v>
      </c>
      <c r="G21" s="313">
        <v>26</v>
      </c>
      <c r="H21" s="313">
        <v>0</v>
      </c>
      <c r="I21" s="313">
        <v>8</v>
      </c>
      <c r="J21" s="313">
        <v>0</v>
      </c>
      <c r="K21" s="311">
        <v>85</v>
      </c>
      <c r="L21" s="315">
        <v>85</v>
      </c>
      <c r="M21" s="313">
        <v>0</v>
      </c>
      <c r="N21" s="313">
        <v>0</v>
      </c>
      <c r="O21" s="311">
        <v>0</v>
      </c>
      <c r="P21" s="312">
        <v>0</v>
      </c>
      <c r="Q21" s="313">
        <v>0</v>
      </c>
      <c r="R21" s="313">
        <v>46</v>
      </c>
      <c r="S21" s="313">
        <v>5</v>
      </c>
      <c r="T21" s="313">
        <v>0</v>
      </c>
      <c r="U21" s="313">
        <v>0</v>
      </c>
      <c r="V21" s="311">
        <v>51</v>
      </c>
      <c r="W21" s="315">
        <v>51</v>
      </c>
    </row>
    <row r="22" spans="1:23" ht="21" customHeight="1" x14ac:dyDescent="0.2">
      <c r="A22" s="292" t="s">
        <v>20</v>
      </c>
      <c r="B22" s="313">
        <v>0</v>
      </c>
      <c r="C22" s="313">
        <v>0</v>
      </c>
      <c r="D22" s="311">
        <v>0</v>
      </c>
      <c r="E22" s="312">
        <v>0</v>
      </c>
      <c r="F22" s="313">
        <v>95</v>
      </c>
      <c r="G22" s="313">
        <v>97</v>
      </c>
      <c r="H22" s="313">
        <v>52</v>
      </c>
      <c r="I22" s="313">
        <v>0</v>
      </c>
      <c r="J22" s="313">
        <v>0</v>
      </c>
      <c r="K22" s="311">
        <v>244</v>
      </c>
      <c r="L22" s="315">
        <v>244</v>
      </c>
      <c r="M22" s="313">
        <v>0</v>
      </c>
      <c r="N22" s="313">
        <v>0</v>
      </c>
      <c r="O22" s="311">
        <v>0</v>
      </c>
      <c r="P22" s="312">
        <v>0</v>
      </c>
      <c r="Q22" s="313">
        <v>0</v>
      </c>
      <c r="R22" s="313">
        <v>0</v>
      </c>
      <c r="S22" s="313">
        <v>13</v>
      </c>
      <c r="T22" s="313">
        <v>0</v>
      </c>
      <c r="U22" s="313">
        <v>0</v>
      </c>
      <c r="V22" s="311">
        <v>13</v>
      </c>
      <c r="W22" s="315">
        <v>13</v>
      </c>
    </row>
    <row r="23" spans="1:23" ht="21" customHeight="1" x14ac:dyDescent="0.2">
      <c r="A23" s="292" t="s">
        <v>21</v>
      </c>
      <c r="B23" s="313">
        <v>0</v>
      </c>
      <c r="C23" s="313">
        <v>0</v>
      </c>
      <c r="D23" s="311">
        <v>0</v>
      </c>
      <c r="E23" s="312">
        <v>0</v>
      </c>
      <c r="F23" s="313">
        <v>76</v>
      </c>
      <c r="G23" s="313">
        <v>106</v>
      </c>
      <c r="H23" s="313">
        <v>64</v>
      </c>
      <c r="I23" s="313">
        <v>47</v>
      </c>
      <c r="J23" s="313">
        <v>11</v>
      </c>
      <c r="K23" s="311">
        <v>304</v>
      </c>
      <c r="L23" s="315">
        <v>304</v>
      </c>
      <c r="M23" s="313">
        <v>0</v>
      </c>
      <c r="N23" s="313">
        <v>0</v>
      </c>
      <c r="O23" s="311">
        <v>0</v>
      </c>
      <c r="P23" s="312">
        <v>0</v>
      </c>
      <c r="Q23" s="313">
        <v>0</v>
      </c>
      <c r="R23" s="313">
        <v>0</v>
      </c>
      <c r="S23" s="313">
        <v>0</v>
      </c>
      <c r="T23" s="313">
        <v>0</v>
      </c>
      <c r="U23" s="313">
        <v>0</v>
      </c>
      <c r="V23" s="311">
        <v>0</v>
      </c>
      <c r="W23" s="315">
        <v>0</v>
      </c>
    </row>
    <row r="24" spans="1:23" ht="21" customHeight="1" x14ac:dyDescent="0.2">
      <c r="A24" s="292" t="s">
        <v>22</v>
      </c>
      <c r="B24" s="313">
        <v>0</v>
      </c>
      <c r="C24" s="313">
        <v>0</v>
      </c>
      <c r="D24" s="311">
        <v>0</v>
      </c>
      <c r="E24" s="312">
        <v>0</v>
      </c>
      <c r="F24" s="313">
        <v>33</v>
      </c>
      <c r="G24" s="313">
        <v>23</v>
      </c>
      <c r="H24" s="313">
        <v>8</v>
      </c>
      <c r="I24" s="313">
        <v>14</v>
      </c>
      <c r="J24" s="313">
        <v>0</v>
      </c>
      <c r="K24" s="311">
        <v>78</v>
      </c>
      <c r="L24" s="315">
        <v>78</v>
      </c>
      <c r="M24" s="313">
        <v>0</v>
      </c>
      <c r="N24" s="313">
        <v>0</v>
      </c>
      <c r="O24" s="311">
        <v>0</v>
      </c>
      <c r="P24" s="312">
        <v>0</v>
      </c>
      <c r="Q24" s="313">
        <v>12</v>
      </c>
      <c r="R24" s="313">
        <v>0</v>
      </c>
      <c r="S24" s="313">
        <v>8</v>
      </c>
      <c r="T24" s="313">
        <v>12</v>
      </c>
      <c r="U24" s="313">
        <v>0</v>
      </c>
      <c r="V24" s="311">
        <v>32</v>
      </c>
      <c r="W24" s="315">
        <v>32</v>
      </c>
    </row>
    <row r="25" spans="1:23" ht="21" customHeight="1" x14ac:dyDescent="0.2">
      <c r="A25" s="292" t="s">
        <v>23</v>
      </c>
      <c r="B25" s="313">
        <v>0</v>
      </c>
      <c r="C25" s="313">
        <v>0</v>
      </c>
      <c r="D25" s="311">
        <v>0</v>
      </c>
      <c r="E25" s="312">
        <v>0</v>
      </c>
      <c r="F25" s="313">
        <v>37</v>
      </c>
      <c r="G25" s="313">
        <v>4</v>
      </c>
      <c r="H25" s="313">
        <v>4</v>
      </c>
      <c r="I25" s="313">
        <v>35</v>
      </c>
      <c r="J25" s="313">
        <v>0</v>
      </c>
      <c r="K25" s="311">
        <v>80</v>
      </c>
      <c r="L25" s="315">
        <v>80</v>
      </c>
      <c r="M25" s="313">
        <v>0</v>
      </c>
      <c r="N25" s="313">
        <v>0</v>
      </c>
      <c r="O25" s="311">
        <v>0</v>
      </c>
      <c r="P25" s="312">
        <v>0</v>
      </c>
      <c r="Q25" s="313">
        <v>0</v>
      </c>
      <c r="R25" s="313">
        <v>0</v>
      </c>
      <c r="S25" s="313">
        <v>0</v>
      </c>
      <c r="T25" s="313">
        <v>0</v>
      </c>
      <c r="U25" s="313">
        <v>0</v>
      </c>
      <c r="V25" s="311">
        <v>0</v>
      </c>
      <c r="W25" s="315">
        <v>0</v>
      </c>
    </row>
    <row r="26" spans="1:23" ht="21" customHeight="1" x14ac:dyDescent="0.2">
      <c r="A26" s="292" t="s">
        <v>24</v>
      </c>
      <c r="B26" s="313">
        <v>0</v>
      </c>
      <c r="C26" s="313">
        <v>0</v>
      </c>
      <c r="D26" s="311">
        <v>0</v>
      </c>
      <c r="E26" s="312">
        <v>0</v>
      </c>
      <c r="F26" s="313">
        <v>31</v>
      </c>
      <c r="G26" s="313">
        <v>4</v>
      </c>
      <c r="H26" s="313">
        <v>31</v>
      </c>
      <c r="I26" s="313">
        <v>30</v>
      </c>
      <c r="J26" s="313">
        <v>0</v>
      </c>
      <c r="K26" s="311">
        <v>96</v>
      </c>
      <c r="L26" s="315">
        <v>96</v>
      </c>
      <c r="M26" s="313">
        <v>0</v>
      </c>
      <c r="N26" s="313">
        <v>0</v>
      </c>
      <c r="O26" s="311">
        <v>0</v>
      </c>
      <c r="P26" s="312">
        <v>0</v>
      </c>
      <c r="Q26" s="313">
        <v>0</v>
      </c>
      <c r="R26" s="313">
        <v>0</v>
      </c>
      <c r="S26" s="313">
        <v>12</v>
      </c>
      <c r="T26" s="313">
        <v>0</v>
      </c>
      <c r="U26" s="313">
        <v>0</v>
      </c>
      <c r="V26" s="311">
        <v>12</v>
      </c>
      <c r="W26" s="315">
        <v>12</v>
      </c>
    </row>
    <row r="27" spans="1:23" ht="21" customHeight="1" x14ac:dyDescent="0.2">
      <c r="A27" s="292" t="s">
        <v>25</v>
      </c>
      <c r="B27" s="313">
        <v>0</v>
      </c>
      <c r="C27" s="313">
        <v>0</v>
      </c>
      <c r="D27" s="311">
        <v>0</v>
      </c>
      <c r="E27" s="312">
        <v>0</v>
      </c>
      <c r="F27" s="313">
        <v>57</v>
      </c>
      <c r="G27" s="313">
        <v>6</v>
      </c>
      <c r="H27" s="313">
        <v>0</v>
      </c>
      <c r="I27" s="313">
        <v>8</v>
      </c>
      <c r="J27" s="313">
        <v>0</v>
      </c>
      <c r="K27" s="311">
        <v>71</v>
      </c>
      <c r="L27" s="315">
        <v>71</v>
      </c>
      <c r="M27" s="313">
        <v>0</v>
      </c>
      <c r="N27" s="313">
        <v>0</v>
      </c>
      <c r="O27" s="311">
        <v>0</v>
      </c>
      <c r="P27" s="312">
        <v>0</v>
      </c>
      <c r="Q27" s="313">
        <v>0</v>
      </c>
      <c r="R27" s="313">
        <v>0</v>
      </c>
      <c r="S27" s="313">
        <v>0</v>
      </c>
      <c r="T27" s="313">
        <v>0</v>
      </c>
      <c r="U27" s="313">
        <v>0</v>
      </c>
      <c r="V27" s="311">
        <v>0</v>
      </c>
      <c r="W27" s="315">
        <v>0</v>
      </c>
    </row>
    <row r="28" spans="1:23" ht="21" customHeight="1" x14ac:dyDescent="0.2">
      <c r="A28" s="292" t="s">
        <v>26</v>
      </c>
      <c r="B28" s="313">
        <v>0</v>
      </c>
      <c r="C28" s="313">
        <v>0</v>
      </c>
      <c r="D28" s="311">
        <v>0</v>
      </c>
      <c r="E28" s="312">
        <v>0</v>
      </c>
      <c r="F28" s="313">
        <v>10</v>
      </c>
      <c r="G28" s="313">
        <v>0</v>
      </c>
      <c r="H28" s="313">
        <v>0</v>
      </c>
      <c r="I28" s="313">
        <v>0</v>
      </c>
      <c r="J28" s="313">
        <v>16</v>
      </c>
      <c r="K28" s="311">
        <v>26</v>
      </c>
      <c r="L28" s="315">
        <v>26</v>
      </c>
      <c r="M28" s="313">
        <v>0</v>
      </c>
      <c r="N28" s="313">
        <v>0</v>
      </c>
      <c r="O28" s="311">
        <v>0</v>
      </c>
      <c r="P28" s="312">
        <v>0</v>
      </c>
      <c r="Q28" s="313">
        <v>0</v>
      </c>
      <c r="R28" s="313">
        <v>0</v>
      </c>
      <c r="S28" s="313">
        <v>0</v>
      </c>
      <c r="T28" s="313">
        <v>0</v>
      </c>
      <c r="U28" s="313">
        <v>0</v>
      </c>
      <c r="V28" s="311">
        <v>0</v>
      </c>
      <c r="W28" s="315">
        <v>0</v>
      </c>
    </row>
    <row r="29" spans="1:23" ht="21" customHeight="1" x14ac:dyDescent="0.2">
      <c r="A29" s="292" t="s">
        <v>27</v>
      </c>
      <c r="B29" s="313">
        <v>0</v>
      </c>
      <c r="C29" s="313">
        <v>0</v>
      </c>
      <c r="D29" s="311">
        <v>0</v>
      </c>
      <c r="E29" s="312">
        <v>0</v>
      </c>
      <c r="F29" s="313">
        <v>4</v>
      </c>
      <c r="G29" s="313">
        <v>8</v>
      </c>
      <c r="H29" s="313">
        <v>0</v>
      </c>
      <c r="I29" s="313">
        <v>0</v>
      </c>
      <c r="J29" s="313">
        <v>0</v>
      </c>
      <c r="K29" s="311">
        <v>12</v>
      </c>
      <c r="L29" s="315">
        <v>12</v>
      </c>
      <c r="M29" s="313">
        <v>0</v>
      </c>
      <c r="N29" s="313">
        <v>0</v>
      </c>
      <c r="O29" s="311">
        <v>0</v>
      </c>
      <c r="P29" s="312">
        <v>0</v>
      </c>
      <c r="Q29" s="313">
        <v>14</v>
      </c>
      <c r="R29" s="313">
        <v>10</v>
      </c>
      <c r="S29" s="313">
        <v>0</v>
      </c>
      <c r="T29" s="313">
        <v>0</v>
      </c>
      <c r="U29" s="313">
        <v>0</v>
      </c>
      <c r="V29" s="311">
        <v>24</v>
      </c>
      <c r="W29" s="315">
        <v>24</v>
      </c>
    </row>
    <row r="30" spans="1:23" ht="21" customHeight="1" x14ac:dyDescent="0.2">
      <c r="A30" s="292" t="s">
        <v>28</v>
      </c>
      <c r="B30" s="313">
        <v>0</v>
      </c>
      <c r="C30" s="313">
        <v>0</v>
      </c>
      <c r="D30" s="311">
        <v>0</v>
      </c>
      <c r="E30" s="312">
        <v>0</v>
      </c>
      <c r="F30" s="313">
        <v>11</v>
      </c>
      <c r="G30" s="313">
        <v>22</v>
      </c>
      <c r="H30" s="313">
        <v>0</v>
      </c>
      <c r="I30" s="313">
        <v>0</v>
      </c>
      <c r="J30" s="313">
        <v>0</v>
      </c>
      <c r="K30" s="311">
        <v>33</v>
      </c>
      <c r="L30" s="315">
        <v>33</v>
      </c>
      <c r="M30" s="313">
        <v>0</v>
      </c>
      <c r="N30" s="313">
        <v>0</v>
      </c>
      <c r="O30" s="311">
        <v>0</v>
      </c>
      <c r="P30" s="312">
        <v>0</v>
      </c>
      <c r="Q30" s="313">
        <v>0</v>
      </c>
      <c r="R30" s="313">
        <v>0</v>
      </c>
      <c r="S30" s="313">
        <v>0</v>
      </c>
      <c r="T30" s="313">
        <v>0</v>
      </c>
      <c r="U30" s="313">
        <v>0</v>
      </c>
      <c r="V30" s="311">
        <v>0</v>
      </c>
      <c r="W30" s="315">
        <v>0</v>
      </c>
    </row>
    <row r="31" spans="1:23" ht="21" customHeight="1" x14ac:dyDescent="0.2">
      <c r="A31" s="292" t="s">
        <v>29</v>
      </c>
      <c r="B31" s="313">
        <v>0</v>
      </c>
      <c r="C31" s="313">
        <v>0</v>
      </c>
      <c r="D31" s="311">
        <v>0</v>
      </c>
      <c r="E31" s="312">
        <v>0</v>
      </c>
      <c r="F31" s="313">
        <v>7</v>
      </c>
      <c r="G31" s="313">
        <v>12</v>
      </c>
      <c r="H31" s="313">
        <v>0</v>
      </c>
      <c r="I31" s="313">
        <v>9</v>
      </c>
      <c r="J31" s="313">
        <v>0</v>
      </c>
      <c r="K31" s="311">
        <v>28</v>
      </c>
      <c r="L31" s="315">
        <v>28</v>
      </c>
      <c r="M31" s="313">
        <v>0</v>
      </c>
      <c r="N31" s="313">
        <v>0</v>
      </c>
      <c r="O31" s="311">
        <v>0</v>
      </c>
      <c r="P31" s="312">
        <v>0</v>
      </c>
      <c r="Q31" s="313">
        <v>0</v>
      </c>
      <c r="R31" s="313">
        <v>0</v>
      </c>
      <c r="S31" s="313">
        <v>0</v>
      </c>
      <c r="T31" s="313">
        <v>0</v>
      </c>
      <c r="U31" s="313">
        <v>0</v>
      </c>
      <c r="V31" s="311">
        <v>0</v>
      </c>
      <c r="W31" s="315">
        <v>0</v>
      </c>
    </row>
    <row r="32" spans="1:23" ht="21" customHeight="1" x14ac:dyDescent="0.2">
      <c r="A32" s="292" t="s">
        <v>30</v>
      </c>
      <c r="B32" s="313">
        <v>0</v>
      </c>
      <c r="C32" s="313">
        <v>0</v>
      </c>
      <c r="D32" s="311">
        <v>0</v>
      </c>
      <c r="E32" s="312">
        <v>0</v>
      </c>
      <c r="F32" s="313">
        <v>0</v>
      </c>
      <c r="G32" s="313">
        <v>16</v>
      </c>
      <c r="H32" s="313">
        <v>0</v>
      </c>
      <c r="I32" s="313">
        <v>0</v>
      </c>
      <c r="J32" s="313">
        <v>0</v>
      </c>
      <c r="K32" s="311">
        <v>16</v>
      </c>
      <c r="L32" s="315">
        <v>16</v>
      </c>
      <c r="M32" s="313">
        <v>0</v>
      </c>
      <c r="N32" s="313">
        <v>0</v>
      </c>
      <c r="O32" s="311">
        <v>0</v>
      </c>
      <c r="P32" s="312">
        <v>0</v>
      </c>
      <c r="Q32" s="313">
        <v>0</v>
      </c>
      <c r="R32" s="313">
        <v>0</v>
      </c>
      <c r="S32" s="313">
        <v>0</v>
      </c>
      <c r="T32" s="313">
        <v>0</v>
      </c>
      <c r="U32" s="313">
        <v>0</v>
      </c>
      <c r="V32" s="311">
        <v>0</v>
      </c>
      <c r="W32" s="315">
        <v>0</v>
      </c>
    </row>
    <row r="33" spans="1:23" ht="21" customHeight="1" x14ac:dyDescent="0.2">
      <c r="A33" s="292" t="s">
        <v>31</v>
      </c>
      <c r="B33" s="313">
        <v>0</v>
      </c>
      <c r="C33" s="313">
        <v>0</v>
      </c>
      <c r="D33" s="311">
        <v>0</v>
      </c>
      <c r="E33" s="312">
        <v>0</v>
      </c>
      <c r="F33" s="313">
        <v>7</v>
      </c>
      <c r="G33" s="313">
        <v>4</v>
      </c>
      <c r="H33" s="313">
        <v>0</v>
      </c>
      <c r="I33" s="313">
        <v>0</v>
      </c>
      <c r="J33" s="313">
        <v>0</v>
      </c>
      <c r="K33" s="311">
        <v>11</v>
      </c>
      <c r="L33" s="315">
        <v>11</v>
      </c>
      <c r="M33" s="313">
        <v>0</v>
      </c>
      <c r="N33" s="313">
        <v>0</v>
      </c>
      <c r="O33" s="311">
        <v>0</v>
      </c>
      <c r="P33" s="312">
        <v>0</v>
      </c>
      <c r="Q33" s="313">
        <v>0</v>
      </c>
      <c r="R33" s="313">
        <v>0</v>
      </c>
      <c r="S33" s="313">
        <v>12</v>
      </c>
      <c r="T33" s="313">
        <v>0</v>
      </c>
      <c r="U33" s="313">
        <v>0</v>
      </c>
      <c r="V33" s="311">
        <v>12</v>
      </c>
      <c r="W33" s="315">
        <v>12</v>
      </c>
    </row>
    <row r="34" spans="1:23" ht="21" customHeight="1" x14ac:dyDescent="0.2">
      <c r="A34" s="292" t="s">
        <v>32</v>
      </c>
      <c r="B34" s="313">
        <v>0</v>
      </c>
      <c r="C34" s="313">
        <v>0</v>
      </c>
      <c r="D34" s="311">
        <v>0</v>
      </c>
      <c r="E34" s="312">
        <v>0</v>
      </c>
      <c r="F34" s="313">
        <v>19</v>
      </c>
      <c r="G34" s="313">
        <v>8</v>
      </c>
      <c r="H34" s="313">
        <v>13</v>
      </c>
      <c r="I34" s="313">
        <v>17</v>
      </c>
      <c r="J34" s="313">
        <v>0</v>
      </c>
      <c r="K34" s="311">
        <v>57</v>
      </c>
      <c r="L34" s="315">
        <v>57</v>
      </c>
      <c r="M34" s="313">
        <v>0</v>
      </c>
      <c r="N34" s="313">
        <v>0</v>
      </c>
      <c r="O34" s="311">
        <v>0</v>
      </c>
      <c r="P34" s="312">
        <v>0</v>
      </c>
      <c r="Q34" s="313">
        <v>8</v>
      </c>
      <c r="R34" s="313">
        <v>0</v>
      </c>
      <c r="S34" s="313">
        <v>0</v>
      </c>
      <c r="T34" s="313">
        <v>0</v>
      </c>
      <c r="U34" s="313">
        <v>0</v>
      </c>
      <c r="V34" s="311">
        <v>8</v>
      </c>
      <c r="W34" s="315">
        <v>8</v>
      </c>
    </row>
    <row r="35" spans="1:23" ht="21" customHeight="1" x14ac:dyDescent="0.2">
      <c r="A35" s="292" t="s">
        <v>33</v>
      </c>
      <c r="B35" s="313">
        <v>0</v>
      </c>
      <c r="C35" s="313">
        <v>0</v>
      </c>
      <c r="D35" s="311">
        <v>0</v>
      </c>
      <c r="E35" s="312">
        <v>0</v>
      </c>
      <c r="F35" s="313">
        <v>8</v>
      </c>
      <c r="G35" s="313">
        <v>0</v>
      </c>
      <c r="H35" s="313">
        <v>0</v>
      </c>
      <c r="I35" s="313">
        <v>0</v>
      </c>
      <c r="J35" s="313">
        <v>0</v>
      </c>
      <c r="K35" s="311">
        <v>8</v>
      </c>
      <c r="L35" s="315">
        <v>8</v>
      </c>
      <c r="M35" s="313">
        <v>0</v>
      </c>
      <c r="N35" s="313">
        <v>0</v>
      </c>
      <c r="O35" s="311">
        <v>0</v>
      </c>
      <c r="P35" s="312">
        <v>0</v>
      </c>
      <c r="Q35" s="313">
        <v>0</v>
      </c>
      <c r="R35" s="313">
        <v>0</v>
      </c>
      <c r="S35" s="313">
        <v>0</v>
      </c>
      <c r="T35" s="313">
        <v>0</v>
      </c>
      <c r="U35" s="313">
        <v>0</v>
      </c>
      <c r="V35" s="311">
        <v>0</v>
      </c>
      <c r="W35" s="315">
        <v>0</v>
      </c>
    </row>
    <row r="36" spans="1:23" ht="21" customHeight="1" x14ac:dyDescent="0.2">
      <c r="A36" s="292" t="s">
        <v>34</v>
      </c>
      <c r="B36" s="313">
        <v>0</v>
      </c>
      <c r="C36" s="313">
        <v>0</v>
      </c>
      <c r="D36" s="311">
        <v>0</v>
      </c>
      <c r="E36" s="312">
        <v>0</v>
      </c>
      <c r="F36" s="313">
        <v>28</v>
      </c>
      <c r="G36" s="313">
        <v>0</v>
      </c>
      <c r="H36" s="313">
        <v>0</v>
      </c>
      <c r="I36" s="313">
        <v>0</v>
      </c>
      <c r="J36" s="313">
        <v>0</v>
      </c>
      <c r="K36" s="311">
        <v>28</v>
      </c>
      <c r="L36" s="315">
        <v>28</v>
      </c>
      <c r="M36" s="313">
        <v>0</v>
      </c>
      <c r="N36" s="313">
        <v>0</v>
      </c>
      <c r="O36" s="311">
        <v>0</v>
      </c>
      <c r="P36" s="312">
        <v>0</v>
      </c>
      <c r="Q36" s="313">
        <v>0</v>
      </c>
      <c r="R36" s="313">
        <v>0</v>
      </c>
      <c r="S36" s="313">
        <v>0</v>
      </c>
      <c r="T36" s="313">
        <v>0</v>
      </c>
      <c r="U36" s="313">
        <v>0</v>
      </c>
      <c r="V36" s="311">
        <v>0</v>
      </c>
      <c r="W36" s="315">
        <v>0</v>
      </c>
    </row>
    <row r="37" spans="1:23" ht="21" customHeight="1" x14ac:dyDescent="0.2">
      <c r="A37" s="292" t="s">
        <v>35</v>
      </c>
      <c r="B37" s="313">
        <v>0</v>
      </c>
      <c r="C37" s="313">
        <v>0</v>
      </c>
      <c r="D37" s="311">
        <v>0</v>
      </c>
      <c r="E37" s="312">
        <v>0</v>
      </c>
      <c r="F37" s="313">
        <v>0</v>
      </c>
      <c r="G37" s="313">
        <v>0</v>
      </c>
      <c r="H37" s="313">
        <v>0</v>
      </c>
      <c r="I37" s="313">
        <v>0</v>
      </c>
      <c r="J37" s="313">
        <v>0</v>
      </c>
      <c r="K37" s="311">
        <v>0</v>
      </c>
      <c r="L37" s="315">
        <v>0</v>
      </c>
      <c r="M37" s="313">
        <v>0</v>
      </c>
      <c r="N37" s="313">
        <v>0</v>
      </c>
      <c r="O37" s="311">
        <v>0</v>
      </c>
      <c r="P37" s="312">
        <v>0</v>
      </c>
      <c r="Q37" s="313">
        <v>0</v>
      </c>
      <c r="R37" s="313">
        <v>0</v>
      </c>
      <c r="S37" s="313">
        <v>0</v>
      </c>
      <c r="T37" s="313">
        <v>0</v>
      </c>
      <c r="U37" s="313">
        <v>0</v>
      </c>
      <c r="V37" s="311">
        <v>0</v>
      </c>
      <c r="W37" s="315">
        <v>0</v>
      </c>
    </row>
    <row r="38" spans="1:23" ht="21" customHeight="1" x14ac:dyDescent="0.2">
      <c r="A38" s="292" t="s">
        <v>36</v>
      </c>
      <c r="B38" s="313">
        <v>0</v>
      </c>
      <c r="C38" s="313">
        <v>0</v>
      </c>
      <c r="D38" s="311">
        <v>0</v>
      </c>
      <c r="E38" s="312">
        <v>0</v>
      </c>
      <c r="F38" s="313">
        <v>21</v>
      </c>
      <c r="G38" s="313">
        <v>4</v>
      </c>
      <c r="H38" s="313">
        <v>0</v>
      </c>
      <c r="I38" s="313">
        <v>0</v>
      </c>
      <c r="J38" s="313">
        <v>22</v>
      </c>
      <c r="K38" s="311">
        <v>47</v>
      </c>
      <c r="L38" s="315">
        <v>47</v>
      </c>
      <c r="M38" s="313">
        <v>0</v>
      </c>
      <c r="N38" s="313">
        <v>0</v>
      </c>
      <c r="O38" s="311">
        <v>0</v>
      </c>
      <c r="P38" s="312">
        <v>0</v>
      </c>
      <c r="Q38" s="313">
        <v>0</v>
      </c>
      <c r="R38" s="313">
        <v>0</v>
      </c>
      <c r="S38" s="313">
        <v>0</v>
      </c>
      <c r="T38" s="313">
        <v>0</v>
      </c>
      <c r="U38" s="313">
        <v>0</v>
      </c>
      <c r="V38" s="311">
        <v>0</v>
      </c>
      <c r="W38" s="315">
        <v>0</v>
      </c>
    </row>
    <row r="39" spans="1:23" ht="21" customHeight="1" thickBot="1" x14ac:dyDescent="0.25">
      <c r="A39" s="293" t="s">
        <v>37</v>
      </c>
      <c r="B39" s="319">
        <v>0</v>
      </c>
      <c r="C39" s="319">
        <v>0</v>
      </c>
      <c r="D39" s="317">
        <v>0</v>
      </c>
      <c r="E39" s="318">
        <v>0</v>
      </c>
      <c r="F39" s="319">
        <v>0</v>
      </c>
      <c r="G39" s="319">
        <v>0</v>
      </c>
      <c r="H39" s="319">
        <v>0</v>
      </c>
      <c r="I39" s="319">
        <v>0</v>
      </c>
      <c r="J39" s="319">
        <v>0</v>
      </c>
      <c r="K39" s="317">
        <v>0</v>
      </c>
      <c r="L39" s="321">
        <v>0</v>
      </c>
      <c r="M39" s="319">
        <v>0</v>
      </c>
      <c r="N39" s="319">
        <v>0</v>
      </c>
      <c r="O39" s="317">
        <v>0</v>
      </c>
      <c r="P39" s="318">
        <v>0</v>
      </c>
      <c r="Q39" s="319">
        <v>0</v>
      </c>
      <c r="R39" s="319">
        <v>0</v>
      </c>
      <c r="S39" s="319">
        <v>0</v>
      </c>
      <c r="T39" s="319">
        <v>0</v>
      </c>
      <c r="U39" s="319">
        <v>0</v>
      </c>
      <c r="V39" s="317">
        <v>0</v>
      </c>
      <c r="W39" s="321">
        <v>0</v>
      </c>
    </row>
  </sheetData>
  <mergeCells count="11">
    <mergeCell ref="M3:W3"/>
    <mergeCell ref="M4:O4"/>
    <mergeCell ref="P4:V4"/>
    <mergeCell ref="W4:W5"/>
    <mergeCell ref="G1:H1"/>
    <mergeCell ref="J1:K1"/>
    <mergeCell ref="A3:A5"/>
    <mergeCell ref="B3:L3"/>
    <mergeCell ref="B4:D4"/>
    <mergeCell ref="E4:K4"/>
    <mergeCell ref="L4:L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1"/>
    <col min="4" max="4" width="10" style="291" customWidth="1"/>
    <col min="5" max="5" width="7.77734375" style="291" customWidth="1"/>
    <col min="6" max="6" width="10.77734375" style="291" customWidth="1"/>
    <col min="7" max="15" width="9" style="291"/>
    <col min="16" max="16" width="7.6640625" style="291" customWidth="1"/>
    <col min="17" max="16384" width="9" style="291"/>
  </cols>
  <sheetData>
    <row r="1" spans="1:23" ht="17.25" customHeight="1" x14ac:dyDescent="0.2">
      <c r="A1" s="322" t="s">
        <v>125</v>
      </c>
      <c r="G1" s="470">
        <f>第１表!F2</f>
        <v>4</v>
      </c>
      <c r="H1" s="470"/>
      <c r="I1" s="283">
        <f>第１表!G2</f>
        <v>2</v>
      </c>
      <c r="J1" s="471">
        <f>IF(I1&lt;3,I1+12-2,I1-2)</f>
        <v>12</v>
      </c>
      <c r="K1" s="471"/>
    </row>
    <row r="2" spans="1:23" ht="21" customHeight="1" thickBot="1" x14ac:dyDescent="0.25">
      <c r="A2" s="322" t="s">
        <v>155</v>
      </c>
    </row>
    <row r="3" spans="1:23" ht="18.75" customHeight="1" x14ac:dyDescent="0.2">
      <c r="A3" s="483"/>
      <c r="B3" s="479" t="s">
        <v>142</v>
      </c>
      <c r="C3" s="479"/>
      <c r="D3" s="479"/>
      <c r="E3" s="479"/>
      <c r="F3" s="479"/>
      <c r="G3" s="479"/>
      <c r="H3" s="479"/>
      <c r="I3" s="479"/>
      <c r="J3" s="479"/>
      <c r="K3" s="479"/>
      <c r="L3" s="509"/>
      <c r="M3" s="479" t="s">
        <v>113</v>
      </c>
      <c r="N3" s="479"/>
      <c r="O3" s="479"/>
      <c r="P3" s="479"/>
      <c r="Q3" s="479"/>
      <c r="R3" s="479"/>
      <c r="S3" s="479"/>
      <c r="T3" s="479"/>
      <c r="U3" s="479"/>
      <c r="V3" s="479"/>
      <c r="W3" s="509"/>
    </row>
    <row r="4" spans="1:23" ht="18.75" customHeight="1" x14ac:dyDescent="0.2">
      <c r="A4" s="507"/>
      <c r="B4" s="510" t="s">
        <v>61</v>
      </c>
      <c r="C4" s="510"/>
      <c r="D4" s="511"/>
      <c r="E4" s="512" t="s">
        <v>62</v>
      </c>
      <c r="F4" s="510"/>
      <c r="G4" s="510"/>
      <c r="H4" s="510"/>
      <c r="I4" s="510"/>
      <c r="J4" s="510"/>
      <c r="K4" s="513"/>
      <c r="L4" s="514" t="s">
        <v>52</v>
      </c>
      <c r="M4" s="510" t="s">
        <v>61</v>
      </c>
      <c r="N4" s="510"/>
      <c r="O4" s="511"/>
      <c r="P4" s="512" t="s">
        <v>62</v>
      </c>
      <c r="Q4" s="510"/>
      <c r="R4" s="510"/>
      <c r="S4" s="510"/>
      <c r="T4" s="510"/>
      <c r="U4" s="510"/>
      <c r="V4" s="513"/>
      <c r="W4" s="514" t="s">
        <v>52</v>
      </c>
    </row>
    <row r="5" spans="1:23" ht="27" thickBot="1" x14ac:dyDescent="0.25">
      <c r="A5" s="508"/>
      <c r="B5" s="295" t="s">
        <v>43</v>
      </c>
      <c r="C5" s="295" t="s">
        <v>44</v>
      </c>
      <c r="D5" s="301" t="s">
        <v>45</v>
      </c>
      <c r="E5" s="302" t="s">
        <v>83</v>
      </c>
      <c r="F5" s="295" t="s">
        <v>47</v>
      </c>
      <c r="G5" s="295" t="s">
        <v>48</v>
      </c>
      <c r="H5" s="295" t="s">
        <v>49</v>
      </c>
      <c r="I5" s="295" t="s">
        <v>50</v>
      </c>
      <c r="J5" s="295" t="s">
        <v>51</v>
      </c>
      <c r="K5" s="301" t="s">
        <v>45</v>
      </c>
      <c r="L5" s="482"/>
      <c r="M5" s="295" t="s">
        <v>43</v>
      </c>
      <c r="N5" s="295" t="s">
        <v>44</v>
      </c>
      <c r="O5" s="301" t="s">
        <v>45</v>
      </c>
      <c r="P5" s="302" t="s">
        <v>83</v>
      </c>
      <c r="Q5" s="295" t="s">
        <v>47</v>
      </c>
      <c r="R5" s="295" t="s">
        <v>48</v>
      </c>
      <c r="S5" s="295" t="s">
        <v>49</v>
      </c>
      <c r="T5" s="295" t="s">
        <v>50</v>
      </c>
      <c r="U5" s="295" t="s">
        <v>51</v>
      </c>
      <c r="V5" s="301" t="s">
        <v>45</v>
      </c>
      <c r="W5" s="482"/>
    </row>
    <row r="6" spans="1:23" ht="21" customHeight="1" x14ac:dyDescent="0.2">
      <c r="A6" s="294" t="s">
        <v>4</v>
      </c>
      <c r="B6" s="307">
        <v>0</v>
      </c>
      <c r="C6" s="307">
        <v>0</v>
      </c>
      <c r="D6" s="305">
        <v>0</v>
      </c>
      <c r="E6" s="306">
        <v>0</v>
      </c>
      <c r="F6" s="307">
        <v>5520</v>
      </c>
      <c r="G6" s="307">
        <v>4497</v>
      </c>
      <c r="H6" s="307">
        <v>2616</v>
      </c>
      <c r="I6" s="307">
        <v>1227</v>
      </c>
      <c r="J6" s="307">
        <v>444</v>
      </c>
      <c r="K6" s="305">
        <v>14304</v>
      </c>
      <c r="L6" s="309">
        <v>14304</v>
      </c>
      <c r="M6" s="307">
        <v>0</v>
      </c>
      <c r="N6" s="307">
        <v>0</v>
      </c>
      <c r="O6" s="305">
        <v>0</v>
      </c>
      <c r="P6" s="306">
        <v>0</v>
      </c>
      <c r="Q6" s="307">
        <v>381</v>
      </c>
      <c r="R6" s="307">
        <v>772</v>
      </c>
      <c r="S6" s="307">
        <v>633</v>
      </c>
      <c r="T6" s="307">
        <v>218</v>
      </c>
      <c r="U6" s="307">
        <v>355</v>
      </c>
      <c r="V6" s="305">
        <v>2359</v>
      </c>
      <c r="W6" s="309">
        <v>2359</v>
      </c>
    </row>
    <row r="7" spans="1:23" ht="21" customHeight="1" x14ac:dyDescent="0.2">
      <c r="A7" s="292" t="s">
        <v>5</v>
      </c>
      <c r="B7" s="313">
        <v>0</v>
      </c>
      <c r="C7" s="313">
        <v>0</v>
      </c>
      <c r="D7" s="311">
        <v>0</v>
      </c>
      <c r="E7" s="312">
        <v>0</v>
      </c>
      <c r="F7" s="313">
        <v>2015</v>
      </c>
      <c r="G7" s="313">
        <v>2239</v>
      </c>
      <c r="H7" s="313">
        <v>947</v>
      </c>
      <c r="I7" s="313">
        <v>567</v>
      </c>
      <c r="J7" s="313">
        <v>240</v>
      </c>
      <c r="K7" s="311">
        <v>6008</v>
      </c>
      <c r="L7" s="315">
        <v>6008</v>
      </c>
      <c r="M7" s="313">
        <v>0</v>
      </c>
      <c r="N7" s="313">
        <v>0</v>
      </c>
      <c r="O7" s="311">
        <v>0</v>
      </c>
      <c r="P7" s="312">
        <v>0</v>
      </c>
      <c r="Q7" s="313">
        <v>208</v>
      </c>
      <c r="R7" s="313">
        <v>498</v>
      </c>
      <c r="S7" s="313">
        <v>276</v>
      </c>
      <c r="T7" s="313">
        <v>128</v>
      </c>
      <c r="U7" s="313">
        <v>257</v>
      </c>
      <c r="V7" s="311">
        <v>1367</v>
      </c>
      <c r="W7" s="315">
        <v>1367</v>
      </c>
    </row>
    <row r="8" spans="1:23" ht="21" customHeight="1" x14ac:dyDescent="0.2">
      <c r="A8" s="292" t="s">
        <v>6</v>
      </c>
      <c r="B8" s="313">
        <v>0</v>
      </c>
      <c r="C8" s="313">
        <v>0</v>
      </c>
      <c r="D8" s="311">
        <v>0</v>
      </c>
      <c r="E8" s="312">
        <v>0</v>
      </c>
      <c r="F8" s="313">
        <v>1039</v>
      </c>
      <c r="G8" s="313">
        <v>621</v>
      </c>
      <c r="H8" s="313">
        <v>381</v>
      </c>
      <c r="I8" s="313">
        <v>174</v>
      </c>
      <c r="J8" s="313">
        <v>71</v>
      </c>
      <c r="K8" s="311">
        <v>2286</v>
      </c>
      <c r="L8" s="315">
        <v>2286</v>
      </c>
      <c r="M8" s="313">
        <v>0</v>
      </c>
      <c r="N8" s="313">
        <v>0</v>
      </c>
      <c r="O8" s="311">
        <v>0</v>
      </c>
      <c r="P8" s="312">
        <v>0</v>
      </c>
      <c r="Q8" s="313">
        <v>76</v>
      </c>
      <c r="R8" s="313">
        <v>144</v>
      </c>
      <c r="S8" s="313">
        <v>163</v>
      </c>
      <c r="T8" s="313">
        <v>28</v>
      </c>
      <c r="U8" s="313">
        <v>43</v>
      </c>
      <c r="V8" s="311">
        <v>454</v>
      </c>
      <c r="W8" s="315">
        <v>454</v>
      </c>
    </row>
    <row r="9" spans="1:23" ht="21" customHeight="1" x14ac:dyDescent="0.2">
      <c r="A9" s="292" t="s">
        <v>14</v>
      </c>
      <c r="B9" s="313">
        <v>0</v>
      </c>
      <c r="C9" s="313">
        <v>0</v>
      </c>
      <c r="D9" s="311">
        <v>0</v>
      </c>
      <c r="E9" s="312">
        <v>0</v>
      </c>
      <c r="F9" s="313">
        <v>362</v>
      </c>
      <c r="G9" s="313">
        <v>323</v>
      </c>
      <c r="H9" s="313">
        <v>287</v>
      </c>
      <c r="I9" s="313">
        <v>59</v>
      </c>
      <c r="J9" s="313">
        <v>22</v>
      </c>
      <c r="K9" s="311">
        <v>1053</v>
      </c>
      <c r="L9" s="315">
        <v>1053</v>
      </c>
      <c r="M9" s="313">
        <v>0</v>
      </c>
      <c r="N9" s="313">
        <v>0</v>
      </c>
      <c r="O9" s="311">
        <v>0</v>
      </c>
      <c r="P9" s="312">
        <v>0</v>
      </c>
      <c r="Q9" s="313">
        <v>9</v>
      </c>
      <c r="R9" s="313">
        <v>5</v>
      </c>
      <c r="S9" s="313">
        <v>3</v>
      </c>
      <c r="T9" s="313">
        <v>8</v>
      </c>
      <c r="U9" s="313">
        <v>18</v>
      </c>
      <c r="V9" s="311">
        <v>43</v>
      </c>
      <c r="W9" s="315">
        <v>43</v>
      </c>
    </row>
    <row r="10" spans="1:23" ht="21" customHeight="1" x14ac:dyDescent="0.2">
      <c r="A10" s="292" t="s">
        <v>7</v>
      </c>
      <c r="B10" s="313">
        <v>0</v>
      </c>
      <c r="C10" s="313">
        <v>0</v>
      </c>
      <c r="D10" s="311">
        <v>0</v>
      </c>
      <c r="E10" s="312">
        <v>0</v>
      </c>
      <c r="F10" s="313">
        <v>162</v>
      </c>
      <c r="G10" s="313">
        <v>114</v>
      </c>
      <c r="H10" s="313">
        <v>133</v>
      </c>
      <c r="I10" s="313">
        <v>64</v>
      </c>
      <c r="J10" s="313">
        <v>13</v>
      </c>
      <c r="K10" s="311">
        <v>486</v>
      </c>
      <c r="L10" s="315">
        <v>486</v>
      </c>
      <c r="M10" s="313">
        <v>0</v>
      </c>
      <c r="N10" s="313">
        <v>0</v>
      </c>
      <c r="O10" s="311">
        <v>0</v>
      </c>
      <c r="P10" s="312">
        <v>0</v>
      </c>
      <c r="Q10" s="313">
        <v>37</v>
      </c>
      <c r="R10" s="313">
        <v>27</v>
      </c>
      <c r="S10" s="313">
        <v>29</v>
      </c>
      <c r="T10" s="313">
        <v>37</v>
      </c>
      <c r="U10" s="313">
        <v>0</v>
      </c>
      <c r="V10" s="311">
        <v>130</v>
      </c>
      <c r="W10" s="315">
        <v>130</v>
      </c>
    </row>
    <row r="11" spans="1:23" ht="21" customHeight="1" x14ac:dyDescent="0.2">
      <c r="A11" s="292" t="s">
        <v>8</v>
      </c>
      <c r="B11" s="313">
        <v>0</v>
      </c>
      <c r="C11" s="313">
        <v>0</v>
      </c>
      <c r="D11" s="311">
        <v>0</v>
      </c>
      <c r="E11" s="312">
        <v>0</v>
      </c>
      <c r="F11" s="313">
        <v>183</v>
      </c>
      <c r="G11" s="313">
        <v>182</v>
      </c>
      <c r="H11" s="313">
        <v>100</v>
      </c>
      <c r="I11" s="313">
        <v>35</v>
      </c>
      <c r="J11" s="313">
        <v>5</v>
      </c>
      <c r="K11" s="311">
        <v>505</v>
      </c>
      <c r="L11" s="315">
        <v>505</v>
      </c>
      <c r="M11" s="313">
        <v>0</v>
      </c>
      <c r="N11" s="313">
        <v>0</v>
      </c>
      <c r="O11" s="311">
        <v>0</v>
      </c>
      <c r="P11" s="312">
        <v>0</v>
      </c>
      <c r="Q11" s="313">
        <v>0</v>
      </c>
      <c r="R11" s="313">
        <v>21</v>
      </c>
      <c r="S11" s="313">
        <v>0</v>
      </c>
      <c r="T11" s="313">
        <v>0</v>
      </c>
      <c r="U11" s="313">
        <v>0</v>
      </c>
      <c r="V11" s="311">
        <v>21</v>
      </c>
      <c r="W11" s="315">
        <v>21</v>
      </c>
    </row>
    <row r="12" spans="1:23" ht="21" customHeight="1" x14ac:dyDescent="0.2">
      <c r="A12" s="292" t="s">
        <v>9</v>
      </c>
      <c r="B12" s="313">
        <v>0</v>
      </c>
      <c r="C12" s="313">
        <v>0</v>
      </c>
      <c r="D12" s="311">
        <v>0</v>
      </c>
      <c r="E12" s="312">
        <v>0</v>
      </c>
      <c r="F12" s="313">
        <v>233</v>
      </c>
      <c r="G12" s="313">
        <v>243</v>
      </c>
      <c r="H12" s="313">
        <v>154</v>
      </c>
      <c r="I12" s="313">
        <v>85</v>
      </c>
      <c r="J12" s="313">
        <v>4</v>
      </c>
      <c r="K12" s="311">
        <v>719</v>
      </c>
      <c r="L12" s="315">
        <v>719</v>
      </c>
      <c r="M12" s="313">
        <v>0</v>
      </c>
      <c r="N12" s="313">
        <v>0</v>
      </c>
      <c r="O12" s="311">
        <v>0</v>
      </c>
      <c r="P12" s="312">
        <v>0</v>
      </c>
      <c r="Q12" s="313">
        <v>13</v>
      </c>
      <c r="R12" s="313">
        <v>0</v>
      </c>
      <c r="S12" s="313">
        <v>16</v>
      </c>
      <c r="T12" s="313">
        <v>0</v>
      </c>
      <c r="U12" s="313">
        <v>5</v>
      </c>
      <c r="V12" s="311">
        <v>34</v>
      </c>
      <c r="W12" s="315">
        <v>34</v>
      </c>
    </row>
    <row r="13" spans="1:23" ht="21" customHeight="1" x14ac:dyDescent="0.2">
      <c r="A13" s="292" t="s">
        <v>10</v>
      </c>
      <c r="B13" s="313">
        <v>0</v>
      </c>
      <c r="C13" s="313">
        <v>0</v>
      </c>
      <c r="D13" s="311">
        <v>0</v>
      </c>
      <c r="E13" s="312">
        <v>0</v>
      </c>
      <c r="F13" s="313">
        <v>274</v>
      </c>
      <c r="G13" s="313">
        <v>75</v>
      </c>
      <c r="H13" s="313">
        <v>79</v>
      </c>
      <c r="I13" s="313">
        <v>17</v>
      </c>
      <c r="J13" s="313">
        <v>4</v>
      </c>
      <c r="K13" s="311">
        <v>449</v>
      </c>
      <c r="L13" s="315">
        <v>449</v>
      </c>
      <c r="M13" s="313">
        <v>0</v>
      </c>
      <c r="N13" s="313">
        <v>0</v>
      </c>
      <c r="O13" s="311">
        <v>0</v>
      </c>
      <c r="P13" s="312">
        <v>0</v>
      </c>
      <c r="Q13" s="313">
        <v>12</v>
      </c>
      <c r="R13" s="313">
        <v>26</v>
      </c>
      <c r="S13" s="313">
        <v>14</v>
      </c>
      <c r="T13" s="313">
        <v>9</v>
      </c>
      <c r="U13" s="313">
        <v>2</v>
      </c>
      <c r="V13" s="311">
        <v>63</v>
      </c>
      <c r="W13" s="315">
        <v>63</v>
      </c>
    </row>
    <row r="14" spans="1:23" ht="21" customHeight="1" x14ac:dyDescent="0.2">
      <c r="A14" s="292" t="s">
        <v>11</v>
      </c>
      <c r="B14" s="313">
        <v>0</v>
      </c>
      <c r="C14" s="313">
        <v>0</v>
      </c>
      <c r="D14" s="311">
        <v>0</v>
      </c>
      <c r="E14" s="312">
        <v>0</v>
      </c>
      <c r="F14" s="313">
        <v>142</v>
      </c>
      <c r="G14" s="313">
        <v>49</v>
      </c>
      <c r="H14" s="313">
        <v>79</v>
      </c>
      <c r="I14" s="313">
        <v>28</v>
      </c>
      <c r="J14" s="313">
        <v>0</v>
      </c>
      <c r="K14" s="311">
        <v>298</v>
      </c>
      <c r="L14" s="315">
        <v>298</v>
      </c>
      <c r="M14" s="313">
        <v>0</v>
      </c>
      <c r="N14" s="313">
        <v>0</v>
      </c>
      <c r="O14" s="311">
        <v>0</v>
      </c>
      <c r="P14" s="312">
        <v>0</v>
      </c>
      <c r="Q14" s="313">
        <v>0</v>
      </c>
      <c r="R14" s="313">
        <v>0</v>
      </c>
      <c r="S14" s="313">
        <v>0</v>
      </c>
      <c r="T14" s="313">
        <v>0</v>
      </c>
      <c r="U14" s="313">
        <v>11</v>
      </c>
      <c r="V14" s="311">
        <v>11</v>
      </c>
      <c r="W14" s="315">
        <v>11</v>
      </c>
    </row>
    <row r="15" spans="1:23" ht="21" customHeight="1" x14ac:dyDescent="0.2">
      <c r="A15" s="292" t="s">
        <v>12</v>
      </c>
      <c r="B15" s="313">
        <v>0</v>
      </c>
      <c r="C15" s="313">
        <v>0</v>
      </c>
      <c r="D15" s="311">
        <v>0</v>
      </c>
      <c r="E15" s="312">
        <v>0</v>
      </c>
      <c r="F15" s="313">
        <v>166</v>
      </c>
      <c r="G15" s="313">
        <v>98</v>
      </c>
      <c r="H15" s="313">
        <v>106</v>
      </c>
      <c r="I15" s="313">
        <v>43</v>
      </c>
      <c r="J15" s="313">
        <v>0</v>
      </c>
      <c r="K15" s="311">
        <v>413</v>
      </c>
      <c r="L15" s="315">
        <v>413</v>
      </c>
      <c r="M15" s="313">
        <v>0</v>
      </c>
      <c r="N15" s="313">
        <v>0</v>
      </c>
      <c r="O15" s="311">
        <v>0</v>
      </c>
      <c r="P15" s="312">
        <v>0</v>
      </c>
      <c r="Q15" s="313">
        <v>4</v>
      </c>
      <c r="R15" s="313">
        <v>0</v>
      </c>
      <c r="S15" s="313">
        <v>0</v>
      </c>
      <c r="T15" s="313">
        <v>0</v>
      </c>
      <c r="U15" s="313">
        <v>0</v>
      </c>
      <c r="V15" s="311">
        <v>4</v>
      </c>
      <c r="W15" s="315">
        <v>4</v>
      </c>
    </row>
    <row r="16" spans="1:23" ht="21" customHeight="1" x14ac:dyDescent="0.2">
      <c r="A16" s="292" t="s">
        <v>13</v>
      </c>
      <c r="B16" s="313">
        <v>0</v>
      </c>
      <c r="C16" s="313">
        <v>0</v>
      </c>
      <c r="D16" s="311">
        <v>0</v>
      </c>
      <c r="E16" s="312">
        <v>0</v>
      </c>
      <c r="F16" s="313">
        <v>77</v>
      </c>
      <c r="G16" s="313">
        <v>58</v>
      </c>
      <c r="H16" s="313">
        <v>71</v>
      </c>
      <c r="I16" s="313">
        <v>17</v>
      </c>
      <c r="J16" s="313">
        <v>0</v>
      </c>
      <c r="K16" s="311">
        <v>223</v>
      </c>
      <c r="L16" s="315">
        <v>223</v>
      </c>
      <c r="M16" s="313">
        <v>0</v>
      </c>
      <c r="N16" s="313">
        <v>0</v>
      </c>
      <c r="O16" s="311">
        <v>0</v>
      </c>
      <c r="P16" s="312">
        <v>0</v>
      </c>
      <c r="Q16" s="313">
        <v>0</v>
      </c>
      <c r="R16" s="313">
        <v>0</v>
      </c>
      <c r="S16" s="313">
        <v>0</v>
      </c>
      <c r="T16" s="313">
        <v>0</v>
      </c>
      <c r="U16" s="313">
        <v>0</v>
      </c>
      <c r="V16" s="311">
        <v>0</v>
      </c>
      <c r="W16" s="315">
        <v>0</v>
      </c>
    </row>
    <row r="17" spans="1:23" ht="21" customHeight="1" x14ac:dyDescent="0.2">
      <c r="A17" s="292" t="s">
        <v>15</v>
      </c>
      <c r="B17" s="313">
        <v>0</v>
      </c>
      <c r="C17" s="313">
        <v>0</v>
      </c>
      <c r="D17" s="311">
        <v>0</v>
      </c>
      <c r="E17" s="312">
        <v>0</v>
      </c>
      <c r="F17" s="313">
        <v>52</v>
      </c>
      <c r="G17" s="313">
        <v>51</v>
      </c>
      <c r="H17" s="313">
        <v>17</v>
      </c>
      <c r="I17" s="313">
        <v>31</v>
      </c>
      <c r="J17" s="313">
        <v>6</v>
      </c>
      <c r="K17" s="311">
        <v>157</v>
      </c>
      <c r="L17" s="315">
        <v>157</v>
      </c>
      <c r="M17" s="313">
        <v>0</v>
      </c>
      <c r="N17" s="313">
        <v>0</v>
      </c>
      <c r="O17" s="311">
        <v>0</v>
      </c>
      <c r="P17" s="312">
        <v>0</v>
      </c>
      <c r="Q17" s="313">
        <v>0</v>
      </c>
      <c r="R17" s="313">
        <v>0</v>
      </c>
      <c r="S17" s="313">
        <v>12</v>
      </c>
      <c r="T17" s="313">
        <v>0</v>
      </c>
      <c r="U17" s="313">
        <v>0</v>
      </c>
      <c r="V17" s="311">
        <v>12</v>
      </c>
      <c r="W17" s="315">
        <v>12</v>
      </c>
    </row>
    <row r="18" spans="1:23" ht="21" customHeight="1" x14ac:dyDescent="0.2">
      <c r="A18" s="292" t="s">
        <v>16</v>
      </c>
      <c r="B18" s="313">
        <v>0</v>
      </c>
      <c r="C18" s="313">
        <v>0</v>
      </c>
      <c r="D18" s="311">
        <v>0</v>
      </c>
      <c r="E18" s="312">
        <v>0</v>
      </c>
      <c r="F18" s="313">
        <v>58</v>
      </c>
      <c r="G18" s="313">
        <v>46</v>
      </c>
      <c r="H18" s="313">
        <v>43</v>
      </c>
      <c r="I18" s="313">
        <v>4</v>
      </c>
      <c r="J18" s="313">
        <v>26</v>
      </c>
      <c r="K18" s="311">
        <v>177</v>
      </c>
      <c r="L18" s="315">
        <v>177</v>
      </c>
      <c r="M18" s="313">
        <v>0</v>
      </c>
      <c r="N18" s="313">
        <v>0</v>
      </c>
      <c r="O18" s="311">
        <v>0</v>
      </c>
      <c r="P18" s="312">
        <v>0</v>
      </c>
      <c r="Q18" s="313">
        <v>0</v>
      </c>
      <c r="R18" s="313">
        <v>16</v>
      </c>
      <c r="S18" s="313">
        <v>16</v>
      </c>
      <c r="T18" s="313">
        <v>0</v>
      </c>
      <c r="U18" s="313">
        <v>0</v>
      </c>
      <c r="V18" s="311">
        <v>32</v>
      </c>
      <c r="W18" s="315">
        <v>32</v>
      </c>
    </row>
    <row r="19" spans="1:23" ht="21" customHeight="1" x14ac:dyDescent="0.2">
      <c r="A19" s="292" t="s">
        <v>17</v>
      </c>
      <c r="B19" s="313">
        <v>0</v>
      </c>
      <c r="C19" s="313">
        <v>0</v>
      </c>
      <c r="D19" s="311">
        <v>0</v>
      </c>
      <c r="E19" s="312">
        <v>0</v>
      </c>
      <c r="F19" s="313">
        <v>103</v>
      </c>
      <c r="G19" s="313">
        <v>95</v>
      </c>
      <c r="H19" s="313">
        <v>49</v>
      </c>
      <c r="I19" s="313">
        <v>31</v>
      </c>
      <c r="J19" s="313">
        <v>10</v>
      </c>
      <c r="K19" s="311">
        <v>288</v>
      </c>
      <c r="L19" s="315">
        <v>288</v>
      </c>
      <c r="M19" s="313">
        <v>0</v>
      </c>
      <c r="N19" s="313">
        <v>0</v>
      </c>
      <c r="O19" s="311">
        <v>0</v>
      </c>
      <c r="P19" s="312">
        <v>0</v>
      </c>
      <c r="Q19" s="313">
        <v>8</v>
      </c>
      <c r="R19" s="313">
        <v>0</v>
      </c>
      <c r="S19" s="313">
        <v>0</v>
      </c>
      <c r="T19" s="313">
        <v>0</v>
      </c>
      <c r="U19" s="313">
        <v>0</v>
      </c>
      <c r="V19" s="311">
        <v>8</v>
      </c>
      <c r="W19" s="315">
        <v>8</v>
      </c>
    </row>
    <row r="20" spans="1:23" ht="21" customHeight="1" x14ac:dyDescent="0.2">
      <c r="A20" s="292" t="s">
        <v>18</v>
      </c>
      <c r="B20" s="313">
        <v>0</v>
      </c>
      <c r="C20" s="313">
        <v>0</v>
      </c>
      <c r="D20" s="311">
        <v>0</v>
      </c>
      <c r="E20" s="312">
        <v>0</v>
      </c>
      <c r="F20" s="313">
        <v>202</v>
      </c>
      <c r="G20" s="313">
        <v>107</v>
      </c>
      <c r="H20" s="313">
        <v>44</v>
      </c>
      <c r="I20" s="313">
        <v>8</v>
      </c>
      <c r="J20" s="313">
        <v>0</v>
      </c>
      <c r="K20" s="311">
        <v>361</v>
      </c>
      <c r="L20" s="315">
        <v>361</v>
      </c>
      <c r="M20" s="313">
        <v>0</v>
      </c>
      <c r="N20" s="313">
        <v>0</v>
      </c>
      <c r="O20" s="311">
        <v>0</v>
      </c>
      <c r="P20" s="312">
        <v>0</v>
      </c>
      <c r="Q20" s="313">
        <v>0</v>
      </c>
      <c r="R20" s="313">
        <v>0</v>
      </c>
      <c r="S20" s="313">
        <v>36</v>
      </c>
      <c r="T20" s="313">
        <v>0</v>
      </c>
      <c r="U20" s="313">
        <v>0</v>
      </c>
      <c r="V20" s="311">
        <v>36</v>
      </c>
      <c r="W20" s="315">
        <v>36</v>
      </c>
    </row>
    <row r="21" spans="1:23" ht="21" customHeight="1" x14ac:dyDescent="0.2">
      <c r="A21" s="292" t="s">
        <v>19</v>
      </c>
      <c r="B21" s="313">
        <v>0</v>
      </c>
      <c r="C21" s="313">
        <v>0</v>
      </c>
      <c r="D21" s="311">
        <v>0</v>
      </c>
      <c r="E21" s="312">
        <v>0</v>
      </c>
      <c r="F21" s="313">
        <v>70</v>
      </c>
      <c r="G21" s="313">
        <v>33</v>
      </c>
      <c r="H21" s="313">
        <v>32</v>
      </c>
      <c r="I21" s="313">
        <v>19</v>
      </c>
      <c r="J21" s="313">
        <v>0</v>
      </c>
      <c r="K21" s="311">
        <v>154</v>
      </c>
      <c r="L21" s="315">
        <v>154</v>
      </c>
      <c r="M21" s="313">
        <v>0</v>
      </c>
      <c r="N21" s="313">
        <v>0</v>
      </c>
      <c r="O21" s="311">
        <v>0</v>
      </c>
      <c r="P21" s="312">
        <v>0</v>
      </c>
      <c r="Q21" s="313">
        <v>5</v>
      </c>
      <c r="R21" s="313">
        <v>25</v>
      </c>
      <c r="S21" s="313">
        <v>3</v>
      </c>
      <c r="T21" s="313">
        <v>0</v>
      </c>
      <c r="U21" s="313">
        <v>0</v>
      </c>
      <c r="V21" s="311">
        <v>33</v>
      </c>
      <c r="W21" s="315">
        <v>33</v>
      </c>
    </row>
    <row r="22" spans="1:23" ht="21" customHeight="1" x14ac:dyDescent="0.2">
      <c r="A22" s="292" t="s">
        <v>20</v>
      </c>
      <c r="B22" s="313">
        <v>0</v>
      </c>
      <c r="C22" s="313">
        <v>0</v>
      </c>
      <c r="D22" s="311">
        <v>0</v>
      </c>
      <c r="E22" s="312">
        <v>0</v>
      </c>
      <c r="F22" s="313">
        <v>50</v>
      </c>
      <c r="G22" s="313">
        <v>41</v>
      </c>
      <c r="H22" s="313">
        <v>0</v>
      </c>
      <c r="I22" s="313">
        <v>9</v>
      </c>
      <c r="J22" s="313">
        <v>0</v>
      </c>
      <c r="K22" s="311">
        <v>100</v>
      </c>
      <c r="L22" s="315">
        <v>100</v>
      </c>
      <c r="M22" s="313">
        <v>0</v>
      </c>
      <c r="N22" s="313">
        <v>0</v>
      </c>
      <c r="O22" s="311">
        <v>0</v>
      </c>
      <c r="P22" s="312">
        <v>0</v>
      </c>
      <c r="Q22" s="313">
        <v>0</v>
      </c>
      <c r="R22" s="313">
        <v>0</v>
      </c>
      <c r="S22" s="313">
        <v>0</v>
      </c>
      <c r="T22" s="313">
        <v>8</v>
      </c>
      <c r="U22" s="313">
        <v>0</v>
      </c>
      <c r="V22" s="311">
        <v>8</v>
      </c>
      <c r="W22" s="315">
        <v>8</v>
      </c>
    </row>
    <row r="23" spans="1:23" ht="21" customHeight="1" x14ac:dyDescent="0.2">
      <c r="A23" s="292" t="s">
        <v>21</v>
      </c>
      <c r="B23" s="313">
        <v>0</v>
      </c>
      <c r="C23" s="313">
        <v>0</v>
      </c>
      <c r="D23" s="311">
        <v>0</v>
      </c>
      <c r="E23" s="312">
        <v>0</v>
      </c>
      <c r="F23" s="313">
        <v>100</v>
      </c>
      <c r="G23" s="313">
        <v>18</v>
      </c>
      <c r="H23" s="313">
        <v>24</v>
      </c>
      <c r="I23" s="313">
        <v>4</v>
      </c>
      <c r="J23" s="313">
        <v>0</v>
      </c>
      <c r="K23" s="311">
        <v>146</v>
      </c>
      <c r="L23" s="315">
        <v>146</v>
      </c>
      <c r="M23" s="313">
        <v>0</v>
      </c>
      <c r="N23" s="313">
        <v>0</v>
      </c>
      <c r="O23" s="311">
        <v>0</v>
      </c>
      <c r="P23" s="312">
        <v>0</v>
      </c>
      <c r="Q23" s="313">
        <v>0</v>
      </c>
      <c r="R23" s="313">
        <v>0</v>
      </c>
      <c r="S23" s="313">
        <v>0</v>
      </c>
      <c r="T23" s="313">
        <v>0</v>
      </c>
      <c r="U23" s="313">
        <v>0</v>
      </c>
      <c r="V23" s="311">
        <v>0</v>
      </c>
      <c r="W23" s="315">
        <v>0</v>
      </c>
    </row>
    <row r="24" spans="1:23" ht="21" customHeight="1" x14ac:dyDescent="0.2">
      <c r="A24" s="292" t="s">
        <v>22</v>
      </c>
      <c r="B24" s="313">
        <v>0</v>
      </c>
      <c r="C24" s="313">
        <v>0</v>
      </c>
      <c r="D24" s="311">
        <v>0</v>
      </c>
      <c r="E24" s="312">
        <v>0</v>
      </c>
      <c r="F24" s="313">
        <v>58</v>
      </c>
      <c r="G24" s="313">
        <v>13</v>
      </c>
      <c r="H24" s="313">
        <v>0</v>
      </c>
      <c r="I24" s="313">
        <v>4</v>
      </c>
      <c r="J24" s="313">
        <v>0</v>
      </c>
      <c r="K24" s="311">
        <v>75</v>
      </c>
      <c r="L24" s="315">
        <v>75</v>
      </c>
      <c r="M24" s="313">
        <v>0</v>
      </c>
      <c r="N24" s="313">
        <v>0</v>
      </c>
      <c r="O24" s="311">
        <v>0</v>
      </c>
      <c r="P24" s="312">
        <v>0</v>
      </c>
      <c r="Q24" s="313">
        <v>0</v>
      </c>
      <c r="R24" s="313">
        <v>0</v>
      </c>
      <c r="S24" s="313">
        <v>4</v>
      </c>
      <c r="T24" s="313">
        <v>0</v>
      </c>
      <c r="U24" s="313">
        <v>0</v>
      </c>
      <c r="V24" s="311">
        <v>4</v>
      </c>
      <c r="W24" s="315">
        <v>4</v>
      </c>
    </row>
    <row r="25" spans="1:23" ht="21" customHeight="1" x14ac:dyDescent="0.2">
      <c r="A25" s="292" t="s">
        <v>23</v>
      </c>
      <c r="B25" s="313">
        <v>0</v>
      </c>
      <c r="C25" s="313">
        <v>0</v>
      </c>
      <c r="D25" s="311">
        <v>0</v>
      </c>
      <c r="E25" s="312">
        <v>0</v>
      </c>
      <c r="F25" s="313">
        <v>19</v>
      </c>
      <c r="G25" s="313">
        <v>12</v>
      </c>
      <c r="H25" s="313">
        <v>0</v>
      </c>
      <c r="I25" s="313">
        <v>0</v>
      </c>
      <c r="J25" s="313">
        <v>21</v>
      </c>
      <c r="K25" s="311">
        <v>52</v>
      </c>
      <c r="L25" s="315">
        <v>52</v>
      </c>
      <c r="M25" s="313">
        <v>0</v>
      </c>
      <c r="N25" s="313">
        <v>0</v>
      </c>
      <c r="O25" s="311">
        <v>0</v>
      </c>
      <c r="P25" s="312">
        <v>0</v>
      </c>
      <c r="Q25" s="313">
        <v>0</v>
      </c>
      <c r="R25" s="313">
        <v>0</v>
      </c>
      <c r="S25" s="313">
        <v>0</v>
      </c>
      <c r="T25" s="313">
        <v>0</v>
      </c>
      <c r="U25" s="313">
        <v>0</v>
      </c>
      <c r="V25" s="311">
        <v>0</v>
      </c>
      <c r="W25" s="315">
        <v>0</v>
      </c>
    </row>
    <row r="26" spans="1:23" ht="21" customHeight="1" x14ac:dyDescent="0.2">
      <c r="A26" s="292" t="s">
        <v>24</v>
      </c>
      <c r="B26" s="313">
        <v>0</v>
      </c>
      <c r="C26" s="313">
        <v>0</v>
      </c>
      <c r="D26" s="311">
        <v>0</v>
      </c>
      <c r="E26" s="312">
        <v>0</v>
      </c>
      <c r="F26" s="313">
        <v>13</v>
      </c>
      <c r="G26" s="313">
        <v>21</v>
      </c>
      <c r="H26" s="313">
        <v>10</v>
      </c>
      <c r="I26" s="313">
        <v>0</v>
      </c>
      <c r="J26" s="313">
        <v>0</v>
      </c>
      <c r="K26" s="311">
        <v>44</v>
      </c>
      <c r="L26" s="315">
        <v>44</v>
      </c>
      <c r="M26" s="313">
        <v>0</v>
      </c>
      <c r="N26" s="313">
        <v>0</v>
      </c>
      <c r="O26" s="311">
        <v>0</v>
      </c>
      <c r="P26" s="312">
        <v>0</v>
      </c>
      <c r="Q26" s="313">
        <v>0</v>
      </c>
      <c r="R26" s="313">
        <v>6</v>
      </c>
      <c r="S26" s="313">
        <v>0</v>
      </c>
      <c r="T26" s="313">
        <v>0</v>
      </c>
      <c r="U26" s="313">
        <v>19</v>
      </c>
      <c r="V26" s="311">
        <v>25</v>
      </c>
      <c r="W26" s="315">
        <v>25</v>
      </c>
    </row>
    <row r="27" spans="1:23" ht="21" customHeight="1" x14ac:dyDescent="0.2">
      <c r="A27" s="292" t="s">
        <v>25</v>
      </c>
      <c r="B27" s="313">
        <v>0</v>
      </c>
      <c r="C27" s="313">
        <v>0</v>
      </c>
      <c r="D27" s="311">
        <v>0</v>
      </c>
      <c r="E27" s="312">
        <v>0</v>
      </c>
      <c r="F27" s="313">
        <v>24</v>
      </c>
      <c r="G27" s="313">
        <v>0</v>
      </c>
      <c r="H27" s="313">
        <v>0</v>
      </c>
      <c r="I27" s="313">
        <v>3</v>
      </c>
      <c r="J27" s="313">
        <v>0</v>
      </c>
      <c r="K27" s="311">
        <v>27</v>
      </c>
      <c r="L27" s="315">
        <v>27</v>
      </c>
      <c r="M27" s="313">
        <v>0</v>
      </c>
      <c r="N27" s="313">
        <v>0</v>
      </c>
      <c r="O27" s="311">
        <v>0</v>
      </c>
      <c r="P27" s="312">
        <v>0</v>
      </c>
      <c r="Q27" s="313">
        <v>0</v>
      </c>
      <c r="R27" s="313">
        <v>0</v>
      </c>
      <c r="S27" s="313">
        <v>0</v>
      </c>
      <c r="T27" s="313">
        <v>0</v>
      </c>
      <c r="U27" s="313">
        <v>0</v>
      </c>
      <c r="V27" s="311">
        <v>0</v>
      </c>
      <c r="W27" s="315">
        <v>0</v>
      </c>
    </row>
    <row r="28" spans="1:23" ht="21" customHeight="1" x14ac:dyDescent="0.2">
      <c r="A28" s="292" t="s">
        <v>26</v>
      </c>
      <c r="B28" s="313">
        <v>0</v>
      </c>
      <c r="C28" s="313">
        <v>0</v>
      </c>
      <c r="D28" s="311">
        <v>0</v>
      </c>
      <c r="E28" s="312">
        <v>0</v>
      </c>
      <c r="F28" s="313">
        <v>6</v>
      </c>
      <c r="G28" s="313">
        <v>0</v>
      </c>
      <c r="H28" s="313">
        <v>35</v>
      </c>
      <c r="I28" s="313">
        <v>0</v>
      </c>
      <c r="J28" s="313">
        <v>18</v>
      </c>
      <c r="K28" s="311">
        <v>59</v>
      </c>
      <c r="L28" s="315">
        <v>59</v>
      </c>
      <c r="M28" s="313">
        <v>0</v>
      </c>
      <c r="N28" s="313">
        <v>0</v>
      </c>
      <c r="O28" s="311">
        <v>0</v>
      </c>
      <c r="P28" s="312">
        <v>0</v>
      </c>
      <c r="Q28" s="313">
        <v>0</v>
      </c>
      <c r="R28" s="313">
        <v>0</v>
      </c>
      <c r="S28" s="313">
        <v>47</v>
      </c>
      <c r="T28" s="313">
        <v>0</v>
      </c>
      <c r="U28" s="313">
        <v>0</v>
      </c>
      <c r="V28" s="311">
        <v>47</v>
      </c>
      <c r="W28" s="315">
        <v>47</v>
      </c>
    </row>
    <row r="29" spans="1:23" ht="21" customHeight="1" x14ac:dyDescent="0.2">
      <c r="A29" s="292" t="s">
        <v>27</v>
      </c>
      <c r="B29" s="313">
        <v>0</v>
      </c>
      <c r="C29" s="313">
        <v>0</v>
      </c>
      <c r="D29" s="311">
        <v>0</v>
      </c>
      <c r="E29" s="312">
        <v>0</v>
      </c>
      <c r="F29" s="313">
        <v>0</v>
      </c>
      <c r="G29" s="313">
        <v>0</v>
      </c>
      <c r="H29" s="313">
        <v>3</v>
      </c>
      <c r="I29" s="313">
        <v>0</v>
      </c>
      <c r="J29" s="313">
        <v>0</v>
      </c>
      <c r="K29" s="311">
        <v>3</v>
      </c>
      <c r="L29" s="315">
        <v>3</v>
      </c>
      <c r="M29" s="313">
        <v>0</v>
      </c>
      <c r="N29" s="313">
        <v>0</v>
      </c>
      <c r="O29" s="311">
        <v>0</v>
      </c>
      <c r="P29" s="312">
        <v>0</v>
      </c>
      <c r="Q29" s="313">
        <v>9</v>
      </c>
      <c r="R29" s="313">
        <v>0</v>
      </c>
      <c r="S29" s="313">
        <v>0</v>
      </c>
      <c r="T29" s="313">
        <v>0</v>
      </c>
      <c r="U29" s="313">
        <v>0</v>
      </c>
      <c r="V29" s="311">
        <v>9</v>
      </c>
      <c r="W29" s="315">
        <v>9</v>
      </c>
    </row>
    <row r="30" spans="1:23" ht="21" customHeight="1" x14ac:dyDescent="0.2">
      <c r="A30" s="292" t="s">
        <v>28</v>
      </c>
      <c r="B30" s="313">
        <v>0</v>
      </c>
      <c r="C30" s="313">
        <v>0</v>
      </c>
      <c r="D30" s="311">
        <v>0</v>
      </c>
      <c r="E30" s="312">
        <v>0</v>
      </c>
      <c r="F30" s="313">
        <v>15</v>
      </c>
      <c r="G30" s="313">
        <v>11</v>
      </c>
      <c r="H30" s="313">
        <v>0</v>
      </c>
      <c r="I30" s="313">
        <v>0</v>
      </c>
      <c r="J30" s="313">
        <v>0</v>
      </c>
      <c r="K30" s="311">
        <v>26</v>
      </c>
      <c r="L30" s="315">
        <v>26</v>
      </c>
      <c r="M30" s="313">
        <v>0</v>
      </c>
      <c r="N30" s="313">
        <v>0</v>
      </c>
      <c r="O30" s="311">
        <v>0</v>
      </c>
      <c r="P30" s="312">
        <v>0</v>
      </c>
      <c r="Q30" s="313">
        <v>0</v>
      </c>
      <c r="R30" s="313">
        <v>0</v>
      </c>
      <c r="S30" s="313">
        <v>4</v>
      </c>
      <c r="T30" s="313">
        <v>0</v>
      </c>
      <c r="U30" s="313">
        <v>0</v>
      </c>
      <c r="V30" s="311">
        <v>4</v>
      </c>
      <c r="W30" s="315">
        <v>4</v>
      </c>
    </row>
    <row r="31" spans="1:23" ht="21" customHeight="1" x14ac:dyDescent="0.2">
      <c r="A31" s="292" t="s">
        <v>29</v>
      </c>
      <c r="B31" s="313">
        <v>0</v>
      </c>
      <c r="C31" s="313">
        <v>0</v>
      </c>
      <c r="D31" s="311">
        <v>0</v>
      </c>
      <c r="E31" s="312">
        <v>0</v>
      </c>
      <c r="F31" s="313">
        <v>7</v>
      </c>
      <c r="G31" s="313">
        <v>4</v>
      </c>
      <c r="H31" s="313">
        <v>0</v>
      </c>
      <c r="I31" s="313">
        <v>0</v>
      </c>
      <c r="J31" s="313">
        <v>0</v>
      </c>
      <c r="K31" s="311">
        <v>11</v>
      </c>
      <c r="L31" s="315">
        <v>11</v>
      </c>
      <c r="M31" s="313">
        <v>0</v>
      </c>
      <c r="N31" s="313">
        <v>0</v>
      </c>
      <c r="O31" s="311">
        <v>0</v>
      </c>
      <c r="P31" s="312">
        <v>0</v>
      </c>
      <c r="Q31" s="313">
        <v>0</v>
      </c>
      <c r="R31" s="313">
        <v>0</v>
      </c>
      <c r="S31" s="313">
        <v>10</v>
      </c>
      <c r="T31" s="313">
        <v>0</v>
      </c>
      <c r="U31" s="313">
        <v>0</v>
      </c>
      <c r="V31" s="311">
        <v>10</v>
      </c>
      <c r="W31" s="315">
        <v>10</v>
      </c>
    </row>
    <row r="32" spans="1:23" ht="21" customHeight="1" x14ac:dyDescent="0.2">
      <c r="A32" s="292" t="s">
        <v>30</v>
      </c>
      <c r="B32" s="313">
        <v>0</v>
      </c>
      <c r="C32" s="313">
        <v>0</v>
      </c>
      <c r="D32" s="311">
        <v>0</v>
      </c>
      <c r="E32" s="312">
        <v>0</v>
      </c>
      <c r="F32" s="313">
        <v>25</v>
      </c>
      <c r="G32" s="313">
        <v>0</v>
      </c>
      <c r="H32" s="313">
        <v>0</v>
      </c>
      <c r="I32" s="313">
        <v>0</v>
      </c>
      <c r="J32" s="313">
        <v>0</v>
      </c>
      <c r="K32" s="311">
        <v>25</v>
      </c>
      <c r="L32" s="315">
        <v>25</v>
      </c>
      <c r="M32" s="313">
        <v>0</v>
      </c>
      <c r="N32" s="313">
        <v>0</v>
      </c>
      <c r="O32" s="311">
        <v>0</v>
      </c>
      <c r="P32" s="312">
        <v>0</v>
      </c>
      <c r="Q32" s="313">
        <v>0</v>
      </c>
      <c r="R32" s="313">
        <v>4</v>
      </c>
      <c r="S32" s="313">
        <v>0</v>
      </c>
      <c r="T32" s="313">
        <v>0</v>
      </c>
      <c r="U32" s="313">
        <v>0</v>
      </c>
      <c r="V32" s="311">
        <v>4</v>
      </c>
      <c r="W32" s="315">
        <v>4</v>
      </c>
    </row>
    <row r="33" spans="1:23" ht="21" customHeight="1" x14ac:dyDescent="0.2">
      <c r="A33" s="292" t="s">
        <v>31</v>
      </c>
      <c r="B33" s="313">
        <v>0</v>
      </c>
      <c r="C33" s="313">
        <v>0</v>
      </c>
      <c r="D33" s="311">
        <v>0</v>
      </c>
      <c r="E33" s="312">
        <v>0</v>
      </c>
      <c r="F33" s="313">
        <v>17</v>
      </c>
      <c r="G33" s="313">
        <v>9</v>
      </c>
      <c r="H33" s="313">
        <v>8</v>
      </c>
      <c r="I33" s="313">
        <v>0</v>
      </c>
      <c r="J33" s="313">
        <v>0</v>
      </c>
      <c r="K33" s="311">
        <v>34</v>
      </c>
      <c r="L33" s="315">
        <v>34</v>
      </c>
      <c r="M33" s="313">
        <v>0</v>
      </c>
      <c r="N33" s="313">
        <v>0</v>
      </c>
      <c r="O33" s="311">
        <v>0</v>
      </c>
      <c r="P33" s="312">
        <v>0</v>
      </c>
      <c r="Q33" s="313">
        <v>0</v>
      </c>
      <c r="R33" s="313">
        <v>0</v>
      </c>
      <c r="S33" s="313">
        <v>0</v>
      </c>
      <c r="T33" s="313">
        <v>0</v>
      </c>
      <c r="U33" s="313">
        <v>0</v>
      </c>
      <c r="V33" s="311">
        <v>0</v>
      </c>
      <c r="W33" s="315">
        <v>0</v>
      </c>
    </row>
    <row r="34" spans="1:23" ht="21" customHeight="1" x14ac:dyDescent="0.2">
      <c r="A34" s="292" t="s">
        <v>32</v>
      </c>
      <c r="B34" s="313">
        <v>0</v>
      </c>
      <c r="C34" s="313">
        <v>0</v>
      </c>
      <c r="D34" s="311">
        <v>0</v>
      </c>
      <c r="E34" s="312">
        <v>0</v>
      </c>
      <c r="F34" s="313">
        <v>12</v>
      </c>
      <c r="G34" s="313">
        <v>3</v>
      </c>
      <c r="H34" s="313">
        <v>4</v>
      </c>
      <c r="I34" s="313">
        <v>0</v>
      </c>
      <c r="J34" s="313">
        <v>0</v>
      </c>
      <c r="K34" s="311">
        <v>19</v>
      </c>
      <c r="L34" s="315">
        <v>19</v>
      </c>
      <c r="M34" s="313">
        <v>0</v>
      </c>
      <c r="N34" s="313">
        <v>0</v>
      </c>
      <c r="O34" s="311">
        <v>0</v>
      </c>
      <c r="P34" s="312">
        <v>0</v>
      </c>
      <c r="Q34" s="313">
        <v>0</v>
      </c>
      <c r="R34" s="313">
        <v>0</v>
      </c>
      <c r="S34" s="313">
        <v>0</v>
      </c>
      <c r="T34" s="313">
        <v>0</v>
      </c>
      <c r="U34" s="313">
        <v>0</v>
      </c>
      <c r="V34" s="311">
        <v>0</v>
      </c>
      <c r="W34" s="315">
        <v>0</v>
      </c>
    </row>
    <row r="35" spans="1:23" ht="21" customHeight="1" x14ac:dyDescent="0.2">
      <c r="A35" s="292" t="s">
        <v>33</v>
      </c>
      <c r="B35" s="313">
        <v>0</v>
      </c>
      <c r="C35" s="313">
        <v>0</v>
      </c>
      <c r="D35" s="311">
        <v>0</v>
      </c>
      <c r="E35" s="312">
        <v>0</v>
      </c>
      <c r="F35" s="313">
        <v>14</v>
      </c>
      <c r="G35" s="313">
        <v>0</v>
      </c>
      <c r="H35" s="313">
        <v>10</v>
      </c>
      <c r="I35" s="313">
        <v>0</v>
      </c>
      <c r="J35" s="313">
        <v>0</v>
      </c>
      <c r="K35" s="311">
        <v>24</v>
      </c>
      <c r="L35" s="315">
        <v>24</v>
      </c>
      <c r="M35" s="313">
        <v>0</v>
      </c>
      <c r="N35" s="313">
        <v>0</v>
      </c>
      <c r="O35" s="311">
        <v>0</v>
      </c>
      <c r="P35" s="312">
        <v>0</v>
      </c>
      <c r="Q35" s="313">
        <v>0</v>
      </c>
      <c r="R35" s="313">
        <v>0</v>
      </c>
      <c r="S35" s="313">
        <v>0</v>
      </c>
      <c r="T35" s="313">
        <v>0</v>
      </c>
      <c r="U35" s="313">
        <v>0</v>
      </c>
      <c r="V35" s="311">
        <v>0</v>
      </c>
      <c r="W35" s="315">
        <v>0</v>
      </c>
    </row>
    <row r="36" spans="1:23" ht="21" customHeight="1" x14ac:dyDescent="0.2">
      <c r="A36" s="292" t="s">
        <v>34</v>
      </c>
      <c r="B36" s="313">
        <v>0</v>
      </c>
      <c r="C36" s="313">
        <v>0</v>
      </c>
      <c r="D36" s="311">
        <v>0</v>
      </c>
      <c r="E36" s="312">
        <v>0</v>
      </c>
      <c r="F36" s="313">
        <v>0</v>
      </c>
      <c r="G36" s="313">
        <v>0</v>
      </c>
      <c r="H36" s="313">
        <v>0</v>
      </c>
      <c r="I36" s="313">
        <v>0</v>
      </c>
      <c r="J36" s="313">
        <v>0</v>
      </c>
      <c r="K36" s="311">
        <v>0</v>
      </c>
      <c r="L36" s="315">
        <v>0</v>
      </c>
      <c r="M36" s="313">
        <v>0</v>
      </c>
      <c r="N36" s="313">
        <v>0</v>
      </c>
      <c r="O36" s="311">
        <v>0</v>
      </c>
      <c r="P36" s="312">
        <v>0</v>
      </c>
      <c r="Q36" s="313">
        <v>0</v>
      </c>
      <c r="R36" s="313">
        <v>0</v>
      </c>
      <c r="S36" s="313">
        <v>0</v>
      </c>
      <c r="T36" s="313">
        <v>0</v>
      </c>
      <c r="U36" s="313">
        <v>0</v>
      </c>
      <c r="V36" s="311">
        <v>0</v>
      </c>
      <c r="W36" s="315">
        <v>0</v>
      </c>
    </row>
    <row r="37" spans="1:23" ht="21" customHeight="1" x14ac:dyDescent="0.2">
      <c r="A37" s="292" t="s">
        <v>35</v>
      </c>
      <c r="B37" s="313">
        <v>0</v>
      </c>
      <c r="C37" s="313">
        <v>0</v>
      </c>
      <c r="D37" s="311">
        <v>0</v>
      </c>
      <c r="E37" s="312">
        <v>0</v>
      </c>
      <c r="F37" s="313">
        <v>17</v>
      </c>
      <c r="G37" s="313">
        <v>0</v>
      </c>
      <c r="H37" s="313">
        <v>0</v>
      </c>
      <c r="I37" s="313">
        <v>0</v>
      </c>
      <c r="J37" s="313">
        <v>0</v>
      </c>
      <c r="K37" s="311">
        <v>17</v>
      </c>
      <c r="L37" s="315">
        <v>17</v>
      </c>
      <c r="M37" s="313">
        <v>0</v>
      </c>
      <c r="N37" s="313">
        <v>0</v>
      </c>
      <c r="O37" s="311">
        <v>0</v>
      </c>
      <c r="P37" s="312">
        <v>0</v>
      </c>
      <c r="Q37" s="313">
        <v>0</v>
      </c>
      <c r="R37" s="313">
        <v>0</v>
      </c>
      <c r="S37" s="313">
        <v>0</v>
      </c>
      <c r="T37" s="313">
        <v>0</v>
      </c>
      <c r="U37" s="313">
        <v>0</v>
      </c>
      <c r="V37" s="311">
        <v>0</v>
      </c>
      <c r="W37" s="315">
        <v>0</v>
      </c>
    </row>
    <row r="38" spans="1:23" ht="21" customHeight="1" x14ac:dyDescent="0.2">
      <c r="A38" s="292" t="s">
        <v>36</v>
      </c>
      <c r="B38" s="313">
        <v>0</v>
      </c>
      <c r="C38" s="313">
        <v>0</v>
      </c>
      <c r="D38" s="311">
        <v>0</v>
      </c>
      <c r="E38" s="312">
        <v>0</v>
      </c>
      <c r="F38" s="313">
        <v>5</v>
      </c>
      <c r="G38" s="313">
        <v>31</v>
      </c>
      <c r="H38" s="313">
        <v>0</v>
      </c>
      <c r="I38" s="313">
        <v>25</v>
      </c>
      <c r="J38" s="313">
        <v>0</v>
      </c>
      <c r="K38" s="311">
        <v>61</v>
      </c>
      <c r="L38" s="315">
        <v>61</v>
      </c>
      <c r="M38" s="313">
        <v>0</v>
      </c>
      <c r="N38" s="313">
        <v>0</v>
      </c>
      <c r="O38" s="311">
        <v>0</v>
      </c>
      <c r="P38" s="312">
        <v>0</v>
      </c>
      <c r="Q38" s="313">
        <v>0</v>
      </c>
      <c r="R38" s="313">
        <v>0</v>
      </c>
      <c r="S38" s="313">
        <v>0</v>
      </c>
      <c r="T38" s="313">
        <v>0</v>
      </c>
      <c r="U38" s="313">
        <v>0</v>
      </c>
      <c r="V38" s="311">
        <v>0</v>
      </c>
      <c r="W38" s="315">
        <v>0</v>
      </c>
    </row>
    <row r="39" spans="1:23" ht="21" customHeight="1" thickBot="1" x14ac:dyDescent="0.25">
      <c r="A39" s="293" t="s">
        <v>37</v>
      </c>
      <c r="B39" s="319">
        <v>0</v>
      </c>
      <c r="C39" s="319">
        <v>0</v>
      </c>
      <c r="D39" s="317">
        <v>0</v>
      </c>
      <c r="E39" s="318">
        <v>0</v>
      </c>
      <c r="F39" s="319">
        <v>0</v>
      </c>
      <c r="G39" s="319">
        <v>0</v>
      </c>
      <c r="H39" s="319">
        <v>0</v>
      </c>
      <c r="I39" s="319">
        <v>0</v>
      </c>
      <c r="J39" s="319">
        <v>4</v>
      </c>
      <c r="K39" s="317">
        <v>4</v>
      </c>
      <c r="L39" s="321">
        <v>4</v>
      </c>
      <c r="M39" s="319">
        <v>0</v>
      </c>
      <c r="N39" s="319">
        <v>0</v>
      </c>
      <c r="O39" s="317">
        <v>0</v>
      </c>
      <c r="P39" s="318">
        <v>0</v>
      </c>
      <c r="Q39" s="319">
        <v>0</v>
      </c>
      <c r="R39" s="319">
        <v>0</v>
      </c>
      <c r="S39" s="319">
        <v>0</v>
      </c>
      <c r="T39" s="319">
        <v>0</v>
      </c>
      <c r="U39" s="319">
        <v>0</v>
      </c>
      <c r="V39" s="317">
        <v>0</v>
      </c>
      <c r="W39" s="321">
        <v>0</v>
      </c>
    </row>
  </sheetData>
  <mergeCells count="11">
    <mergeCell ref="W4:W5"/>
    <mergeCell ref="G1:H1"/>
    <mergeCell ref="J1:K1"/>
    <mergeCell ref="A3:A5"/>
    <mergeCell ref="B3:L3"/>
    <mergeCell ref="M3:W3"/>
    <mergeCell ref="B4:D4"/>
    <mergeCell ref="E4:K4"/>
    <mergeCell ref="L4:L5"/>
    <mergeCell ref="M4:O4"/>
    <mergeCell ref="P4:V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B219"/>
  <sheetViews>
    <sheetView zoomScaleNormal="100" zoomScaleSheetLayoutView="55"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9.21875" style="1" customWidth="1"/>
    <col min="3" max="3" width="8.109375" style="1" customWidth="1"/>
    <col min="4" max="4" width="10.109375" style="1" bestFit="1" customWidth="1"/>
    <col min="5" max="10" width="9" style="1"/>
    <col min="11" max="11" width="9.6640625" style="1" customWidth="1"/>
    <col min="12" max="14" width="8.109375" style="1" customWidth="1"/>
    <col min="15" max="20" width="9.21875" style="1" customWidth="1"/>
    <col min="21" max="21" width="7.77734375" style="1" customWidth="1"/>
    <col min="22" max="24" width="8.33203125" style="1" customWidth="1"/>
    <col min="25" max="29" width="8.44140625" style="1" customWidth="1"/>
    <col min="30" max="31" width="7.109375" style="1" customWidth="1"/>
    <col min="32" max="41" width="8.77734375" style="1" customWidth="1"/>
    <col min="42" max="51" width="8.44140625" style="1" customWidth="1"/>
    <col min="52" max="131" width="9.6640625" style="1" customWidth="1"/>
    <col min="132" max="16384" width="9" style="1"/>
  </cols>
  <sheetData>
    <row r="1" spans="1:132" ht="25.5" customHeight="1" x14ac:dyDescent="0.2">
      <c r="A1" s="20" t="s">
        <v>56</v>
      </c>
      <c r="D1" s="408">
        <f>第１表!F2</f>
        <v>4</v>
      </c>
      <c r="E1" s="286">
        <f>第１表!G2</f>
        <v>2</v>
      </c>
      <c r="F1" s="497">
        <f>IF(E1&lt;3,E1-2+12,E1-2)</f>
        <v>12</v>
      </c>
      <c r="G1" s="497"/>
    </row>
    <row r="2" spans="1:132" ht="17.25" customHeight="1" thickBot="1" x14ac:dyDescent="0.25"/>
    <row r="3" spans="1:132" ht="24.75" customHeight="1" thickBot="1" x14ac:dyDescent="0.25">
      <c r="A3" s="543"/>
      <c r="B3" s="533" t="s">
        <v>57</v>
      </c>
      <c r="C3" s="534"/>
      <c r="D3" s="534"/>
      <c r="E3" s="534"/>
      <c r="F3" s="534"/>
      <c r="G3" s="534"/>
      <c r="H3" s="534"/>
      <c r="I3" s="534"/>
      <c r="J3" s="534"/>
      <c r="K3" s="534"/>
      <c r="L3" s="534"/>
      <c r="M3" s="534"/>
      <c r="N3" s="534"/>
      <c r="O3" s="534"/>
      <c r="P3" s="534"/>
      <c r="Q3" s="534"/>
      <c r="R3" s="534"/>
      <c r="S3" s="534"/>
      <c r="T3" s="534"/>
      <c r="U3" s="534"/>
      <c r="V3" s="534"/>
      <c r="W3" s="534"/>
      <c r="X3" s="534"/>
      <c r="Y3" s="534"/>
      <c r="Z3" s="534"/>
      <c r="AA3" s="534"/>
      <c r="AB3" s="534"/>
      <c r="AC3" s="534"/>
      <c r="AD3" s="534"/>
      <c r="AE3" s="535"/>
      <c r="AF3" s="533" t="s">
        <v>58</v>
      </c>
      <c r="AG3" s="546"/>
      <c r="AH3" s="546"/>
      <c r="AI3" s="546"/>
      <c r="AJ3" s="546"/>
      <c r="AK3" s="546"/>
      <c r="AL3" s="546"/>
      <c r="AM3" s="546"/>
      <c r="AN3" s="546"/>
      <c r="AO3" s="546"/>
      <c r="AP3" s="546"/>
      <c r="AQ3" s="546"/>
      <c r="AR3" s="546"/>
      <c r="AS3" s="546"/>
      <c r="AT3" s="546"/>
      <c r="AU3" s="546"/>
      <c r="AV3" s="546"/>
      <c r="AW3" s="546"/>
      <c r="AX3" s="546"/>
      <c r="AY3" s="546"/>
      <c r="AZ3" s="546"/>
      <c r="BA3" s="546"/>
      <c r="BB3" s="546"/>
      <c r="BC3" s="546"/>
      <c r="BD3" s="546"/>
      <c r="BE3" s="546"/>
      <c r="BF3" s="546"/>
      <c r="BG3" s="546"/>
      <c r="BH3" s="546"/>
      <c r="BI3" s="547"/>
      <c r="BJ3" s="533" t="s">
        <v>59</v>
      </c>
      <c r="BK3" s="534"/>
      <c r="BL3" s="534"/>
      <c r="BM3" s="534"/>
      <c r="BN3" s="534"/>
      <c r="BO3" s="534"/>
      <c r="BP3" s="534"/>
      <c r="BQ3" s="534"/>
      <c r="BR3" s="534"/>
      <c r="BS3" s="534"/>
      <c r="BT3" s="534"/>
      <c r="BU3" s="534"/>
      <c r="BV3" s="534"/>
      <c r="BW3" s="534"/>
      <c r="BX3" s="534"/>
      <c r="BY3" s="534"/>
      <c r="BZ3" s="534"/>
      <c r="CA3" s="534"/>
      <c r="CB3" s="534"/>
      <c r="CC3" s="534"/>
      <c r="CD3" s="534"/>
      <c r="CE3" s="534"/>
      <c r="CF3" s="534"/>
      <c r="CG3" s="534"/>
      <c r="CH3" s="534"/>
      <c r="CI3" s="534"/>
      <c r="CJ3" s="534"/>
      <c r="CK3" s="534"/>
      <c r="CL3" s="534"/>
      <c r="CM3" s="535"/>
      <c r="CN3" s="542" t="s">
        <v>151</v>
      </c>
      <c r="CO3" s="534"/>
      <c r="CP3" s="534"/>
      <c r="CQ3" s="534"/>
      <c r="CR3" s="534"/>
      <c r="CS3" s="534"/>
      <c r="CT3" s="534"/>
      <c r="CU3" s="534"/>
      <c r="CV3" s="534"/>
      <c r="CW3" s="534"/>
      <c r="CX3" s="534"/>
      <c r="CY3" s="534"/>
      <c r="CZ3" s="534"/>
      <c r="DA3" s="534"/>
      <c r="DB3" s="534"/>
      <c r="DC3" s="534"/>
      <c r="DD3" s="534"/>
      <c r="DE3" s="534"/>
      <c r="DF3" s="534"/>
      <c r="DG3" s="534"/>
      <c r="DH3" s="534"/>
      <c r="DI3" s="534"/>
      <c r="DJ3" s="534"/>
      <c r="DK3" s="534"/>
      <c r="DL3" s="534"/>
      <c r="DM3" s="534"/>
      <c r="DN3" s="534"/>
      <c r="DO3" s="534"/>
      <c r="DP3" s="534"/>
      <c r="DQ3" s="535"/>
      <c r="DR3" s="536" t="s">
        <v>60</v>
      </c>
      <c r="DS3" s="445"/>
      <c r="DT3" s="445"/>
      <c r="DU3" s="445"/>
      <c r="DV3" s="445"/>
      <c r="DW3" s="445"/>
      <c r="DX3" s="445"/>
      <c r="DY3" s="445"/>
      <c r="DZ3" s="445"/>
      <c r="EA3" s="446"/>
    </row>
    <row r="4" spans="1:132" ht="24.75" customHeight="1" thickBot="1" x14ac:dyDescent="0.25">
      <c r="A4" s="544"/>
      <c r="B4" s="537"/>
      <c r="C4" s="528"/>
      <c r="D4" s="528"/>
      <c r="E4" s="528"/>
      <c r="F4" s="528"/>
      <c r="G4" s="528"/>
      <c r="H4" s="528"/>
      <c r="I4" s="528"/>
      <c r="J4" s="528"/>
      <c r="K4" s="528"/>
      <c r="L4" s="539" t="s">
        <v>39</v>
      </c>
      <c r="M4" s="540"/>
      <c r="N4" s="540"/>
      <c r="O4" s="540"/>
      <c r="P4" s="540"/>
      <c r="Q4" s="540"/>
      <c r="R4" s="540"/>
      <c r="S4" s="540"/>
      <c r="T4" s="540"/>
      <c r="U4" s="541"/>
      <c r="V4" s="539" t="s">
        <v>40</v>
      </c>
      <c r="W4" s="540"/>
      <c r="X4" s="540"/>
      <c r="Y4" s="540"/>
      <c r="Z4" s="540"/>
      <c r="AA4" s="540"/>
      <c r="AB4" s="540"/>
      <c r="AC4" s="540"/>
      <c r="AD4" s="540"/>
      <c r="AE4" s="541"/>
      <c r="AF4" s="537"/>
      <c r="AG4" s="528"/>
      <c r="AH4" s="528"/>
      <c r="AI4" s="528"/>
      <c r="AJ4" s="528"/>
      <c r="AK4" s="528"/>
      <c r="AL4" s="528"/>
      <c r="AM4" s="528"/>
      <c r="AN4" s="528"/>
      <c r="AO4" s="528"/>
      <c r="AP4" s="539" t="s">
        <v>39</v>
      </c>
      <c r="AQ4" s="540"/>
      <c r="AR4" s="540"/>
      <c r="AS4" s="540"/>
      <c r="AT4" s="540"/>
      <c r="AU4" s="540"/>
      <c r="AV4" s="540"/>
      <c r="AW4" s="540"/>
      <c r="AX4" s="540"/>
      <c r="AY4" s="541"/>
      <c r="AZ4" s="539" t="s">
        <v>40</v>
      </c>
      <c r="BA4" s="540"/>
      <c r="BB4" s="540"/>
      <c r="BC4" s="540"/>
      <c r="BD4" s="540"/>
      <c r="BE4" s="540"/>
      <c r="BF4" s="540"/>
      <c r="BG4" s="540"/>
      <c r="BH4" s="540"/>
      <c r="BI4" s="541"/>
      <c r="BJ4" s="537"/>
      <c r="BK4" s="528"/>
      <c r="BL4" s="528"/>
      <c r="BM4" s="528"/>
      <c r="BN4" s="528"/>
      <c r="BO4" s="528"/>
      <c r="BP4" s="528"/>
      <c r="BQ4" s="528"/>
      <c r="BR4" s="528"/>
      <c r="BS4" s="528"/>
      <c r="BT4" s="539" t="s">
        <v>39</v>
      </c>
      <c r="BU4" s="540"/>
      <c r="BV4" s="540"/>
      <c r="BW4" s="540"/>
      <c r="BX4" s="540"/>
      <c r="BY4" s="540"/>
      <c r="BZ4" s="540"/>
      <c r="CA4" s="540"/>
      <c r="CB4" s="540"/>
      <c r="CC4" s="541"/>
      <c r="CD4" s="539" t="s">
        <v>40</v>
      </c>
      <c r="CE4" s="540"/>
      <c r="CF4" s="540"/>
      <c r="CG4" s="540"/>
      <c r="CH4" s="540"/>
      <c r="CI4" s="540"/>
      <c r="CJ4" s="540"/>
      <c r="CK4" s="540"/>
      <c r="CL4" s="540"/>
      <c r="CM4" s="541"/>
      <c r="CN4" s="537"/>
      <c r="CO4" s="528"/>
      <c r="CP4" s="528"/>
      <c r="CQ4" s="528"/>
      <c r="CR4" s="528"/>
      <c r="CS4" s="528"/>
      <c r="CT4" s="528"/>
      <c r="CU4" s="528"/>
      <c r="CV4" s="528"/>
      <c r="CW4" s="528"/>
      <c r="CX4" s="539" t="s">
        <v>39</v>
      </c>
      <c r="CY4" s="540"/>
      <c r="CZ4" s="540"/>
      <c r="DA4" s="540"/>
      <c r="DB4" s="540"/>
      <c r="DC4" s="540"/>
      <c r="DD4" s="540"/>
      <c r="DE4" s="540"/>
      <c r="DF4" s="540"/>
      <c r="DG4" s="541"/>
      <c r="DH4" s="539" t="s">
        <v>40</v>
      </c>
      <c r="DI4" s="540"/>
      <c r="DJ4" s="540"/>
      <c r="DK4" s="540"/>
      <c r="DL4" s="540"/>
      <c r="DM4" s="540"/>
      <c r="DN4" s="540"/>
      <c r="DO4" s="540"/>
      <c r="DP4" s="540"/>
      <c r="DQ4" s="541"/>
      <c r="DR4" s="537"/>
      <c r="DS4" s="528"/>
      <c r="DT4" s="528"/>
      <c r="DU4" s="528"/>
      <c r="DV4" s="528"/>
      <c r="DW4" s="528"/>
      <c r="DX4" s="528"/>
      <c r="DY4" s="528"/>
      <c r="DZ4" s="528"/>
      <c r="EA4" s="538"/>
    </row>
    <row r="5" spans="1:132" ht="24.75" customHeight="1" x14ac:dyDescent="0.2">
      <c r="A5" s="545"/>
      <c r="B5" s="515" t="s">
        <v>61</v>
      </c>
      <c r="C5" s="516"/>
      <c r="D5" s="517"/>
      <c r="E5" s="518" t="s">
        <v>62</v>
      </c>
      <c r="F5" s="519"/>
      <c r="G5" s="519"/>
      <c r="H5" s="519"/>
      <c r="I5" s="519"/>
      <c r="J5" s="520"/>
      <c r="K5" s="530" t="s">
        <v>52</v>
      </c>
      <c r="L5" s="532" t="s">
        <v>61</v>
      </c>
      <c r="M5" s="525"/>
      <c r="N5" s="526"/>
      <c r="O5" s="527" t="s">
        <v>62</v>
      </c>
      <c r="P5" s="528"/>
      <c r="Q5" s="528"/>
      <c r="R5" s="528"/>
      <c r="S5" s="528"/>
      <c r="T5" s="529"/>
      <c r="U5" s="523" t="s">
        <v>52</v>
      </c>
      <c r="V5" s="524" t="s">
        <v>61</v>
      </c>
      <c r="W5" s="525"/>
      <c r="X5" s="526"/>
      <c r="Y5" s="527" t="s">
        <v>62</v>
      </c>
      <c r="Z5" s="528"/>
      <c r="AA5" s="528"/>
      <c r="AB5" s="528"/>
      <c r="AC5" s="528"/>
      <c r="AD5" s="529"/>
      <c r="AE5" s="523" t="s">
        <v>52</v>
      </c>
      <c r="AF5" s="515" t="s">
        <v>61</v>
      </c>
      <c r="AG5" s="516"/>
      <c r="AH5" s="517"/>
      <c r="AI5" s="518" t="s">
        <v>62</v>
      </c>
      <c r="AJ5" s="519"/>
      <c r="AK5" s="519"/>
      <c r="AL5" s="519"/>
      <c r="AM5" s="519"/>
      <c r="AN5" s="520"/>
      <c r="AO5" s="521" t="s">
        <v>52</v>
      </c>
      <c r="AP5" s="532" t="s">
        <v>61</v>
      </c>
      <c r="AQ5" s="525"/>
      <c r="AR5" s="526"/>
      <c r="AS5" s="527" t="s">
        <v>62</v>
      </c>
      <c r="AT5" s="528"/>
      <c r="AU5" s="528"/>
      <c r="AV5" s="528"/>
      <c r="AW5" s="528"/>
      <c r="AX5" s="529"/>
      <c r="AY5" s="548" t="s">
        <v>52</v>
      </c>
      <c r="AZ5" s="532" t="s">
        <v>61</v>
      </c>
      <c r="BA5" s="525"/>
      <c r="BB5" s="526"/>
      <c r="BC5" s="527" t="s">
        <v>62</v>
      </c>
      <c r="BD5" s="528"/>
      <c r="BE5" s="528"/>
      <c r="BF5" s="528"/>
      <c r="BG5" s="528"/>
      <c r="BH5" s="529"/>
      <c r="BI5" s="523" t="s">
        <v>52</v>
      </c>
      <c r="BJ5" s="515" t="s">
        <v>61</v>
      </c>
      <c r="BK5" s="516"/>
      <c r="BL5" s="517"/>
      <c r="BM5" s="518" t="s">
        <v>62</v>
      </c>
      <c r="BN5" s="519"/>
      <c r="BO5" s="519"/>
      <c r="BP5" s="519"/>
      <c r="BQ5" s="519"/>
      <c r="BR5" s="520"/>
      <c r="BS5" s="530" t="s">
        <v>52</v>
      </c>
      <c r="BT5" s="532" t="s">
        <v>61</v>
      </c>
      <c r="BU5" s="525"/>
      <c r="BV5" s="526"/>
      <c r="BW5" s="527" t="s">
        <v>62</v>
      </c>
      <c r="BX5" s="528"/>
      <c r="BY5" s="528"/>
      <c r="BZ5" s="528"/>
      <c r="CA5" s="528"/>
      <c r="CB5" s="529"/>
      <c r="CC5" s="523" t="s">
        <v>52</v>
      </c>
      <c r="CD5" s="524" t="s">
        <v>61</v>
      </c>
      <c r="CE5" s="525"/>
      <c r="CF5" s="526"/>
      <c r="CG5" s="527" t="s">
        <v>62</v>
      </c>
      <c r="CH5" s="528"/>
      <c r="CI5" s="528"/>
      <c r="CJ5" s="528"/>
      <c r="CK5" s="528"/>
      <c r="CL5" s="529"/>
      <c r="CM5" s="523" t="s">
        <v>52</v>
      </c>
      <c r="CN5" s="515" t="s">
        <v>61</v>
      </c>
      <c r="CO5" s="516"/>
      <c r="CP5" s="517"/>
      <c r="CQ5" s="518" t="s">
        <v>62</v>
      </c>
      <c r="CR5" s="519"/>
      <c r="CS5" s="519"/>
      <c r="CT5" s="519"/>
      <c r="CU5" s="519"/>
      <c r="CV5" s="520"/>
      <c r="CW5" s="530" t="s">
        <v>52</v>
      </c>
      <c r="CX5" s="532" t="s">
        <v>61</v>
      </c>
      <c r="CY5" s="525"/>
      <c r="CZ5" s="526"/>
      <c r="DA5" s="527" t="s">
        <v>62</v>
      </c>
      <c r="DB5" s="528"/>
      <c r="DC5" s="528"/>
      <c r="DD5" s="528"/>
      <c r="DE5" s="528"/>
      <c r="DF5" s="529"/>
      <c r="DG5" s="523" t="s">
        <v>52</v>
      </c>
      <c r="DH5" s="524" t="s">
        <v>61</v>
      </c>
      <c r="DI5" s="525"/>
      <c r="DJ5" s="526"/>
      <c r="DK5" s="527" t="s">
        <v>62</v>
      </c>
      <c r="DL5" s="528"/>
      <c r="DM5" s="528"/>
      <c r="DN5" s="528"/>
      <c r="DO5" s="528"/>
      <c r="DP5" s="529"/>
      <c r="DQ5" s="523" t="s">
        <v>52</v>
      </c>
      <c r="DR5" s="515" t="s">
        <v>61</v>
      </c>
      <c r="DS5" s="516"/>
      <c r="DT5" s="517"/>
      <c r="DU5" s="518" t="s">
        <v>62</v>
      </c>
      <c r="DV5" s="519"/>
      <c r="DW5" s="519"/>
      <c r="DX5" s="519"/>
      <c r="DY5" s="519"/>
      <c r="DZ5" s="520"/>
      <c r="EA5" s="521" t="s">
        <v>52</v>
      </c>
    </row>
    <row r="6" spans="1:132" ht="24.75" customHeight="1" thickBot="1" x14ac:dyDescent="0.25">
      <c r="A6" s="345" t="s">
        <v>42</v>
      </c>
      <c r="B6" s="31" t="s">
        <v>43</v>
      </c>
      <c r="C6" s="32" t="s">
        <v>44</v>
      </c>
      <c r="D6" s="32" t="s">
        <v>45</v>
      </c>
      <c r="E6" s="33" t="s">
        <v>47</v>
      </c>
      <c r="F6" s="34" t="s">
        <v>48</v>
      </c>
      <c r="G6" s="34" t="s">
        <v>49</v>
      </c>
      <c r="H6" s="35" t="s">
        <v>50</v>
      </c>
      <c r="I6" s="32" t="s">
        <v>51</v>
      </c>
      <c r="J6" s="36" t="s">
        <v>95</v>
      </c>
      <c r="K6" s="531"/>
      <c r="L6" s="31" t="s">
        <v>43</v>
      </c>
      <c r="M6" s="32" t="s">
        <v>44</v>
      </c>
      <c r="N6" s="36" t="s">
        <v>45</v>
      </c>
      <c r="O6" s="33" t="s">
        <v>47</v>
      </c>
      <c r="P6" s="34" t="s">
        <v>48</v>
      </c>
      <c r="Q6" s="34" t="s">
        <v>49</v>
      </c>
      <c r="R6" s="35" t="s">
        <v>50</v>
      </c>
      <c r="S6" s="32" t="s">
        <v>51</v>
      </c>
      <c r="T6" s="36" t="s">
        <v>45</v>
      </c>
      <c r="U6" s="522"/>
      <c r="V6" s="15" t="s">
        <v>43</v>
      </c>
      <c r="W6" s="32" t="s">
        <v>44</v>
      </c>
      <c r="X6" s="36" t="s">
        <v>45</v>
      </c>
      <c r="Y6" s="15" t="s">
        <v>47</v>
      </c>
      <c r="Z6" s="34" t="s">
        <v>48</v>
      </c>
      <c r="AA6" s="34" t="s">
        <v>49</v>
      </c>
      <c r="AB6" s="35" t="s">
        <v>50</v>
      </c>
      <c r="AC6" s="32" t="s">
        <v>51</v>
      </c>
      <c r="AD6" s="36" t="s">
        <v>45</v>
      </c>
      <c r="AE6" s="522"/>
      <c r="AF6" s="31" t="s">
        <v>43</v>
      </c>
      <c r="AG6" s="32" t="s">
        <v>44</v>
      </c>
      <c r="AH6" s="36" t="s">
        <v>45</v>
      </c>
      <c r="AI6" s="15" t="s">
        <v>47</v>
      </c>
      <c r="AJ6" s="34" t="s">
        <v>48</v>
      </c>
      <c r="AK6" s="34" t="s">
        <v>49</v>
      </c>
      <c r="AL6" s="35" t="s">
        <v>50</v>
      </c>
      <c r="AM6" s="32" t="s">
        <v>51</v>
      </c>
      <c r="AN6" s="36" t="s">
        <v>45</v>
      </c>
      <c r="AO6" s="522"/>
      <c r="AP6" s="31" t="s">
        <v>43</v>
      </c>
      <c r="AQ6" s="32" t="s">
        <v>44</v>
      </c>
      <c r="AR6" s="36" t="s">
        <v>45</v>
      </c>
      <c r="AS6" s="33" t="s">
        <v>47</v>
      </c>
      <c r="AT6" s="34" t="s">
        <v>48</v>
      </c>
      <c r="AU6" s="34" t="s">
        <v>49</v>
      </c>
      <c r="AV6" s="35" t="s">
        <v>50</v>
      </c>
      <c r="AW6" s="32" t="s">
        <v>51</v>
      </c>
      <c r="AX6" s="36" t="s">
        <v>45</v>
      </c>
      <c r="AY6" s="531"/>
      <c r="AZ6" s="31" t="s">
        <v>43</v>
      </c>
      <c r="BA6" s="32" t="s">
        <v>44</v>
      </c>
      <c r="BB6" s="32" t="s">
        <v>45</v>
      </c>
      <c r="BC6" s="33" t="s">
        <v>47</v>
      </c>
      <c r="BD6" s="34" t="s">
        <v>48</v>
      </c>
      <c r="BE6" s="34" t="s">
        <v>49</v>
      </c>
      <c r="BF6" s="35" t="s">
        <v>50</v>
      </c>
      <c r="BG6" s="32" t="s">
        <v>51</v>
      </c>
      <c r="BH6" s="36" t="s">
        <v>45</v>
      </c>
      <c r="BI6" s="522"/>
      <c r="BJ6" s="31" t="s">
        <v>43</v>
      </c>
      <c r="BK6" s="32" t="s">
        <v>44</v>
      </c>
      <c r="BL6" s="32" t="s">
        <v>45</v>
      </c>
      <c r="BM6" s="33" t="s">
        <v>47</v>
      </c>
      <c r="BN6" s="34" t="s">
        <v>48</v>
      </c>
      <c r="BO6" s="34" t="s">
        <v>49</v>
      </c>
      <c r="BP6" s="35" t="s">
        <v>50</v>
      </c>
      <c r="BQ6" s="32" t="s">
        <v>51</v>
      </c>
      <c r="BR6" s="36" t="s">
        <v>45</v>
      </c>
      <c r="BS6" s="531"/>
      <c r="BT6" s="31" t="s">
        <v>43</v>
      </c>
      <c r="BU6" s="32" t="s">
        <v>44</v>
      </c>
      <c r="BV6" s="32" t="s">
        <v>45</v>
      </c>
      <c r="BW6" s="33" t="s">
        <v>47</v>
      </c>
      <c r="BX6" s="34" t="s">
        <v>48</v>
      </c>
      <c r="BY6" s="34" t="s">
        <v>49</v>
      </c>
      <c r="BZ6" s="35" t="s">
        <v>50</v>
      </c>
      <c r="CA6" s="32" t="s">
        <v>51</v>
      </c>
      <c r="CB6" s="36" t="s">
        <v>45</v>
      </c>
      <c r="CC6" s="522"/>
      <c r="CD6" s="15" t="s">
        <v>43</v>
      </c>
      <c r="CE6" s="32" t="s">
        <v>44</v>
      </c>
      <c r="CF6" s="32" t="s">
        <v>45</v>
      </c>
      <c r="CG6" s="33" t="s">
        <v>47</v>
      </c>
      <c r="CH6" s="34" t="s">
        <v>48</v>
      </c>
      <c r="CI6" s="34" t="s">
        <v>49</v>
      </c>
      <c r="CJ6" s="35" t="s">
        <v>50</v>
      </c>
      <c r="CK6" s="32" t="s">
        <v>51</v>
      </c>
      <c r="CL6" s="36" t="s">
        <v>45</v>
      </c>
      <c r="CM6" s="522"/>
      <c r="CN6" s="31" t="s">
        <v>43</v>
      </c>
      <c r="CO6" s="32" t="s">
        <v>44</v>
      </c>
      <c r="CP6" s="32" t="s">
        <v>45</v>
      </c>
      <c r="CQ6" s="33" t="s">
        <v>47</v>
      </c>
      <c r="CR6" s="34" t="s">
        <v>48</v>
      </c>
      <c r="CS6" s="34" t="s">
        <v>49</v>
      </c>
      <c r="CT6" s="35" t="s">
        <v>50</v>
      </c>
      <c r="CU6" s="32" t="s">
        <v>51</v>
      </c>
      <c r="CV6" s="36" t="s">
        <v>45</v>
      </c>
      <c r="CW6" s="531"/>
      <c r="CX6" s="31" t="s">
        <v>43</v>
      </c>
      <c r="CY6" s="32" t="s">
        <v>44</v>
      </c>
      <c r="CZ6" s="32" t="s">
        <v>45</v>
      </c>
      <c r="DA6" s="33" t="s">
        <v>47</v>
      </c>
      <c r="DB6" s="34" t="s">
        <v>48</v>
      </c>
      <c r="DC6" s="34" t="s">
        <v>49</v>
      </c>
      <c r="DD6" s="35" t="s">
        <v>50</v>
      </c>
      <c r="DE6" s="32" t="s">
        <v>51</v>
      </c>
      <c r="DF6" s="36" t="s">
        <v>45</v>
      </c>
      <c r="DG6" s="522"/>
      <c r="DH6" s="15" t="s">
        <v>43</v>
      </c>
      <c r="DI6" s="32" t="s">
        <v>44</v>
      </c>
      <c r="DJ6" s="32" t="s">
        <v>45</v>
      </c>
      <c r="DK6" s="33" t="s">
        <v>47</v>
      </c>
      <c r="DL6" s="34" t="s">
        <v>48</v>
      </c>
      <c r="DM6" s="34" t="s">
        <v>49</v>
      </c>
      <c r="DN6" s="35" t="s">
        <v>50</v>
      </c>
      <c r="DO6" s="32" t="s">
        <v>51</v>
      </c>
      <c r="DP6" s="36" t="s">
        <v>45</v>
      </c>
      <c r="DQ6" s="522"/>
      <c r="DR6" s="31" t="s">
        <v>43</v>
      </c>
      <c r="DS6" s="32" t="s">
        <v>44</v>
      </c>
      <c r="DT6" s="32" t="s">
        <v>45</v>
      </c>
      <c r="DU6" s="33" t="s">
        <v>47</v>
      </c>
      <c r="DV6" s="34" t="s">
        <v>48</v>
      </c>
      <c r="DW6" s="34" t="s">
        <v>49</v>
      </c>
      <c r="DX6" s="35" t="s">
        <v>50</v>
      </c>
      <c r="DY6" s="32" t="s">
        <v>51</v>
      </c>
      <c r="DZ6" s="36" t="s">
        <v>45</v>
      </c>
      <c r="EA6" s="522"/>
    </row>
    <row r="7" spans="1:132" ht="20.25" customHeight="1" x14ac:dyDescent="0.2">
      <c r="A7" s="344" t="s">
        <v>4</v>
      </c>
      <c r="B7" s="213">
        <v>0</v>
      </c>
      <c r="C7" s="214">
        <v>0</v>
      </c>
      <c r="D7" s="214">
        <v>0</v>
      </c>
      <c r="E7" s="215">
        <v>443</v>
      </c>
      <c r="F7" s="216">
        <v>1543</v>
      </c>
      <c r="G7" s="216">
        <v>9843</v>
      </c>
      <c r="H7" s="216">
        <v>14294</v>
      </c>
      <c r="I7" s="214">
        <v>10237</v>
      </c>
      <c r="J7" s="217">
        <v>36360</v>
      </c>
      <c r="K7" s="218">
        <v>36360</v>
      </c>
      <c r="L7" s="213">
        <v>0</v>
      </c>
      <c r="M7" s="214">
        <v>0</v>
      </c>
      <c r="N7" s="217">
        <v>0</v>
      </c>
      <c r="O7" s="215">
        <v>440</v>
      </c>
      <c r="P7" s="216">
        <v>1537</v>
      </c>
      <c r="Q7" s="216">
        <v>9761</v>
      </c>
      <c r="R7" s="216">
        <v>14170</v>
      </c>
      <c r="S7" s="214">
        <v>10087</v>
      </c>
      <c r="T7" s="217">
        <v>35995</v>
      </c>
      <c r="U7" s="219">
        <v>35995</v>
      </c>
      <c r="V7" s="220">
        <v>0</v>
      </c>
      <c r="W7" s="214">
        <v>0</v>
      </c>
      <c r="X7" s="217">
        <v>0</v>
      </c>
      <c r="Y7" s="220">
        <v>3</v>
      </c>
      <c r="Z7" s="216">
        <v>6</v>
      </c>
      <c r="AA7" s="216">
        <v>82</v>
      </c>
      <c r="AB7" s="216">
        <v>124</v>
      </c>
      <c r="AC7" s="214">
        <v>150</v>
      </c>
      <c r="AD7" s="217">
        <v>365</v>
      </c>
      <c r="AE7" s="221">
        <v>365</v>
      </c>
      <c r="AF7" s="220">
        <v>0</v>
      </c>
      <c r="AG7" s="214">
        <v>0</v>
      </c>
      <c r="AH7" s="217">
        <v>0</v>
      </c>
      <c r="AI7" s="220">
        <v>1804</v>
      </c>
      <c r="AJ7" s="216">
        <v>3540</v>
      </c>
      <c r="AK7" s="216">
        <v>4682</v>
      </c>
      <c r="AL7" s="216">
        <v>5370</v>
      </c>
      <c r="AM7" s="214">
        <v>2897</v>
      </c>
      <c r="AN7" s="217">
        <v>18293</v>
      </c>
      <c r="AO7" s="221">
        <v>18293</v>
      </c>
      <c r="AP7" s="220">
        <v>0</v>
      </c>
      <c r="AQ7" s="214">
        <v>0</v>
      </c>
      <c r="AR7" s="217">
        <v>0</v>
      </c>
      <c r="AS7" s="215">
        <v>1786</v>
      </c>
      <c r="AT7" s="216">
        <v>3503</v>
      </c>
      <c r="AU7" s="216">
        <v>4598</v>
      </c>
      <c r="AV7" s="216">
        <v>5270</v>
      </c>
      <c r="AW7" s="214">
        <v>2825</v>
      </c>
      <c r="AX7" s="217">
        <v>17982</v>
      </c>
      <c r="AY7" s="218">
        <v>17982</v>
      </c>
      <c r="AZ7" s="213">
        <v>0</v>
      </c>
      <c r="BA7" s="214">
        <v>0</v>
      </c>
      <c r="BB7" s="214">
        <v>0</v>
      </c>
      <c r="BC7" s="215">
        <v>18</v>
      </c>
      <c r="BD7" s="216">
        <v>37</v>
      </c>
      <c r="BE7" s="216">
        <v>84</v>
      </c>
      <c r="BF7" s="216">
        <v>100</v>
      </c>
      <c r="BG7" s="214">
        <v>72</v>
      </c>
      <c r="BH7" s="217">
        <v>311</v>
      </c>
      <c r="BI7" s="219">
        <v>311</v>
      </c>
      <c r="BJ7" s="220">
        <v>0</v>
      </c>
      <c r="BK7" s="214">
        <v>0</v>
      </c>
      <c r="BL7" s="214">
        <v>0</v>
      </c>
      <c r="BM7" s="215">
        <v>1</v>
      </c>
      <c r="BN7" s="216">
        <v>2</v>
      </c>
      <c r="BO7" s="216">
        <v>21</v>
      </c>
      <c r="BP7" s="216">
        <v>186</v>
      </c>
      <c r="BQ7" s="214">
        <v>266</v>
      </c>
      <c r="BR7" s="217">
        <v>476</v>
      </c>
      <c r="BS7" s="218">
        <v>476</v>
      </c>
      <c r="BT7" s="213">
        <v>0</v>
      </c>
      <c r="BU7" s="214">
        <v>0</v>
      </c>
      <c r="BV7" s="214">
        <v>0</v>
      </c>
      <c r="BW7" s="215">
        <v>1</v>
      </c>
      <c r="BX7" s="216">
        <v>2</v>
      </c>
      <c r="BY7" s="216">
        <v>21</v>
      </c>
      <c r="BZ7" s="216">
        <v>184</v>
      </c>
      <c r="CA7" s="214">
        <v>262</v>
      </c>
      <c r="CB7" s="217">
        <v>470</v>
      </c>
      <c r="CC7" s="219">
        <v>470</v>
      </c>
      <c r="CD7" s="220">
        <v>0</v>
      </c>
      <c r="CE7" s="214">
        <v>0</v>
      </c>
      <c r="CF7" s="214">
        <v>0</v>
      </c>
      <c r="CG7" s="215">
        <v>0</v>
      </c>
      <c r="CH7" s="216">
        <v>0</v>
      </c>
      <c r="CI7" s="216">
        <v>0</v>
      </c>
      <c r="CJ7" s="216">
        <v>2</v>
      </c>
      <c r="CK7" s="214">
        <v>4</v>
      </c>
      <c r="CL7" s="217">
        <v>6</v>
      </c>
      <c r="CM7" s="219">
        <v>6</v>
      </c>
      <c r="CN7" s="220">
        <v>0</v>
      </c>
      <c r="CO7" s="214">
        <v>0</v>
      </c>
      <c r="CP7" s="214">
        <v>0</v>
      </c>
      <c r="CQ7" s="215">
        <v>13</v>
      </c>
      <c r="CR7" s="216">
        <v>21</v>
      </c>
      <c r="CS7" s="216">
        <v>64</v>
      </c>
      <c r="CT7" s="216">
        <v>281</v>
      </c>
      <c r="CU7" s="214">
        <v>372</v>
      </c>
      <c r="CV7" s="217">
        <v>751</v>
      </c>
      <c r="CW7" s="218">
        <v>751</v>
      </c>
      <c r="CX7" s="213">
        <v>0</v>
      </c>
      <c r="CY7" s="214">
        <v>0</v>
      </c>
      <c r="CZ7" s="214">
        <v>0</v>
      </c>
      <c r="DA7" s="215">
        <v>12</v>
      </c>
      <c r="DB7" s="216">
        <v>20</v>
      </c>
      <c r="DC7" s="216">
        <v>64</v>
      </c>
      <c r="DD7" s="216">
        <v>277</v>
      </c>
      <c r="DE7" s="214">
        <v>362</v>
      </c>
      <c r="DF7" s="217">
        <v>735</v>
      </c>
      <c r="DG7" s="219">
        <v>735</v>
      </c>
      <c r="DH7" s="220">
        <v>0</v>
      </c>
      <c r="DI7" s="214">
        <v>0</v>
      </c>
      <c r="DJ7" s="214">
        <v>0</v>
      </c>
      <c r="DK7" s="215">
        <v>1</v>
      </c>
      <c r="DL7" s="216">
        <v>1</v>
      </c>
      <c r="DM7" s="216">
        <v>0</v>
      </c>
      <c r="DN7" s="216">
        <v>4</v>
      </c>
      <c r="DO7" s="214">
        <v>10</v>
      </c>
      <c r="DP7" s="217">
        <v>16</v>
      </c>
      <c r="DQ7" s="219">
        <v>16</v>
      </c>
      <c r="DR7" s="220">
        <v>0</v>
      </c>
      <c r="DS7" s="214">
        <v>0</v>
      </c>
      <c r="DT7" s="214">
        <v>0</v>
      </c>
      <c r="DU7" s="215">
        <v>2261</v>
      </c>
      <c r="DV7" s="216">
        <v>5105</v>
      </c>
      <c r="DW7" s="216">
        <v>14587</v>
      </c>
      <c r="DX7" s="216">
        <v>20083</v>
      </c>
      <c r="DY7" s="214">
        <v>13756</v>
      </c>
      <c r="DZ7" s="217">
        <v>55792</v>
      </c>
      <c r="EA7" s="219">
        <v>55792</v>
      </c>
      <c r="EB7" s="37"/>
    </row>
    <row r="8" spans="1:132" ht="20.25" customHeight="1" x14ac:dyDescent="0.2">
      <c r="A8" s="63" t="s">
        <v>5</v>
      </c>
      <c r="B8" s="222">
        <v>0</v>
      </c>
      <c r="C8" s="223">
        <v>0</v>
      </c>
      <c r="D8" s="223">
        <v>0</v>
      </c>
      <c r="E8" s="224">
        <v>227</v>
      </c>
      <c r="F8" s="225">
        <v>914</v>
      </c>
      <c r="G8" s="225">
        <v>4221</v>
      </c>
      <c r="H8" s="225">
        <v>5964</v>
      </c>
      <c r="I8" s="223">
        <v>4492</v>
      </c>
      <c r="J8" s="226">
        <v>15818</v>
      </c>
      <c r="K8" s="227">
        <v>15818</v>
      </c>
      <c r="L8" s="222">
        <v>0</v>
      </c>
      <c r="M8" s="223">
        <v>0</v>
      </c>
      <c r="N8" s="226">
        <v>0</v>
      </c>
      <c r="O8" s="224">
        <v>224</v>
      </c>
      <c r="P8" s="225">
        <v>910</v>
      </c>
      <c r="Q8" s="225">
        <v>4183</v>
      </c>
      <c r="R8" s="225">
        <v>5899</v>
      </c>
      <c r="S8" s="223">
        <v>4415</v>
      </c>
      <c r="T8" s="226">
        <v>15631</v>
      </c>
      <c r="U8" s="228">
        <v>15631</v>
      </c>
      <c r="V8" s="229">
        <v>0</v>
      </c>
      <c r="W8" s="223">
        <v>0</v>
      </c>
      <c r="X8" s="226">
        <v>0</v>
      </c>
      <c r="Y8" s="229">
        <v>3</v>
      </c>
      <c r="Z8" s="225">
        <v>4</v>
      </c>
      <c r="AA8" s="225">
        <v>38</v>
      </c>
      <c r="AB8" s="225">
        <v>65</v>
      </c>
      <c r="AC8" s="223">
        <v>77</v>
      </c>
      <c r="AD8" s="226">
        <v>187</v>
      </c>
      <c r="AE8" s="230">
        <v>187</v>
      </c>
      <c r="AF8" s="229">
        <v>0</v>
      </c>
      <c r="AG8" s="223">
        <v>0</v>
      </c>
      <c r="AH8" s="226">
        <v>0</v>
      </c>
      <c r="AI8" s="229">
        <v>639</v>
      </c>
      <c r="AJ8" s="225">
        <v>1596</v>
      </c>
      <c r="AK8" s="225">
        <v>2053</v>
      </c>
      <c r="AL8" s="225">
        <v>2373</v>
      </c>
      <c r="AM8" s="223">
        <v>1393</v>
      </c>
      <c r="AN8" s="226">
        <v>8054</v>
      </c>
      <c r="AO8" s="230">
        <v>8054</v>
      </c>
      <c r="AP8" s="229">
        <v>0</v>
      </c>
      <c r="AQ8" s="223">
        <v>0</v>
      </c>
      <c r="AR8" s="226">
        <v>0</v>
      </c>
      <c r="AS8" s="224">
        <v>635</v>
      </c>
      <c r="AT8" s="225">
        <v>1579</v>
      </c>
      <c r="AU8" s="225">
        <v>2019</v>
      </c>
      <c r="AV8" s="225">
        <v>2340</v>
      </c>
      <c r="AW8" s="223">
        <v>1365</v>
      </c>
      <c r="AX8" s="226">
        <v>7938</v>
      </c>
      <c r="AY8" s="227">
        <v>7938</v>
      </c>
      <c r="AZ8" s="222">
        <v>0</v>
      </c>
      <c r="BA8" s="223">
        <v>0</v>
      </c>
      <c r="BB8" s="223">
        <v>0</v>
      </c>
      <c r="BC8" s="224">
        <v>4</v>
      </c>
      <c r="BD8" s="225">
        <v>17</v>
      </c>
      <c r="BE8" s="225">
        <v>34</v>
      </c>
      <c r="BF8" s="225">
        <v>33</v>
      </c>
      <c r="BG8" s="223">
        <v>28</v>
      </c>
      <c r="BH8" s="226">
        <v>116</v>
      </c>
      <c r="BI8" s="228">
        <v>116</v>
      </c>
      <c r="BJ8" s="229">
        <v>0</v>
      </c>
      <c r="BK8" s="223">
        <v>0</v>
      </c>
      <c r="BL8" s="223">
        <v>0</v>
      </c>
      <c r="BM8" s="224">
        <v>0</v>
      </c>
      <c r="BN8" s="225">
        <v>2</v>
      </c>
      <c r="BO8" s="225">
        <v>5</v>
      </c>
      <c r="BP8" s="225">
        <v>63</v>
      </c>
      <c r="BQ8" s="223">
        <v>95</v>
      </c>
      <c r="BR8" s="226">
        <v>165</v>
      </c>
      <c r="BS8" s="227">
        <v>165</v>
      </c>
      <c r="BT8" s="222">
        <v>0</v>
      </c>
      <c r="BU8" s="223">
        <v>0</v>
      </c>
      <c r="BV8" s="223">
        <v>0</v>
      </c>
      <c r="BW8" s="224">
        <v>0</v>
      </c>
      <c r="BX8" s="225">
        <v>2</v>
      </c>
      <c r="BY8" s="225">
        <v>5</v>
      </c>
      <c r="BZ8" s="225">
        <v>62</v>
      </c>
      <c r="CA8" s="223">
        <v>93</v>
      </c>
      <c r="CB8" s="226">
        <v>162</v>
      </c>
      <c r="CC8" s="228">
        <v>162</v>
      </c>
      <c r="CD8" s="229">
        <v>0</v>
      </c>
      <c r="CE8" s="223">
        <v>0</v>
      </c>
      <c r="CF8" s="223">
        <v>0</v>
      </c>
      <c r="CG8" s="224">
        <v>0</v>
      </c>
      <c r="CH8" s="225">
        <v>0</v>
      </c>
      <c r="CI8" s="225">
        <v>0</v>
      </c>
      <c r="CJ8" s="225">
        <v>1</v>
      </c>
      <c r="CK8" s="223">
        <v>2</v>
      </c>
      <c r="CL8" s="226">
        <v>3</v>
      </c>
      <c r="CM8" s="228">
        <v>3</v>
      </c>
      <c r="CN8" s="229">
        <v>0</v>
      </c>
      <c r="CO8" s="223">
        <v>0</v>
      </c>
      <c r="CP8" s="223">
        <v>0</v>
      </c>
      <c r="CQ8" s="224">
        <v>2</v>
      </c>
      <c r="CR8" s="225">
        <v>4</v>
      </c>
      <c r="CS8" s="225">
        <v>12</v>
      </c>
      <c r="CT8" s="225">
        <v>86</v>
      </c>
      <c r="CU8" s="223">
        <v>91</v>
      </c>
      <c r="CV8" s="226">
        <v>195</v>
      </c>
      <c r="CW8" s="227">
        <v>195</v>
      </c>
      <c r="CX8" s="222">
        <v>0</v>
      </c>
      <c r="CY8" s="223">
        <v>0</v>
      </c>
      <c r="CZ8" s="223">
        <v>0</v>
      </c>
      <c r="DA8" s="224">
        <v>2</v>
      </c>
      <c r="DB8" s="225">
        <v>4</v>
      </c>
      <c r="DC8" s="225">
        <v>12</v>
      </c>
      <c r="DD8" s="225">
        <v>84</v>
      </c>
      <c r="DE8" s="223">
        <v>89</v>
      </c>
      <c r="DF8" s="226">
        <v>191</v>
      </c>
      <c r="DG8" s="228">
        <v>191</v>
      </c>
      <c r="DH8" s="229">
        <v>0</v>
      </c>
      <c r="DI8" s="223">
        <v>0</v>
      </c>
      <c r="DJ8" s="223">
        <v>0</v>
      </c>
      <c r="DK8" s="224">
        <v>0</v>
      </c>
      <c r="DL8" s="225">
        <v>0</v>
      </c>
      <c r="DM8" s="225">
        <v>0</v>
      </c>
      <c r="DN8" s="225">
        <v>2</v>
      </c>
      <c r="DO8" s="223">
        <v>2</v>
      </c>
      <c r="DP8" s="226">
        <v>4</v>
      </c>
      <c r="DQ8" s="228">
        <v>4</v>
      </c>
      <c r="DR8" s="229">
        <v>0</v>
      </c>
      <c r="DS8" s="223">
        <v>0</v>
      </c>
      <c r="DT8" s="223">
        <v>0</v>
      </c>
      <c r="DU8" s="224">
        <v>868</v>
      </c>
      <c r="DV8" s="225">
        <v>2516</v>
      </c>
      <c r="DW8" s="225">
        <v>6291</v>
      </c>
      <c r="DX8" s="225">
        <v>8486</v>
      </c>
      <c r="DY8" s="223">
        <v>6071</v>
      </c>
      <c r="DZ8" s="226">
        <v>24232</v>
      </c>
      <c r="EA8" s="228">
        <v>24232</v>
      </c>
      <c r="EB8" s="37"/>
    </row>
    <row r="9" spans="1:132" ht="20.25" customHeight="1" x14ac:dyDescent="0.2">
      <c r="A9" s="63" t="s">
        <v>6</v>
      </c>
      <c r="B9" s="222">
        <v>0</v>
      </c>
      <c r="C9" s="223">
        <v>0</v>
      </c>
      <c r="D9" s="223">
        <v>0</v>
      </c>
      <c r="E9" s="224">
        <v>79</v>
      </c>
      <c r="F9" s="225">
        <v>191</v>
      </c>
      <c r="G9" s="225">
        <v>1231</v>
      </c>
      <c r="H9" s="225">
        <v>1655</v>
      </c>
      <c r="I9" s="223">
        <v>1259</v>
      </c>
      <c r="J9" s="226">
        <v>4415</v>
      </c>
      <c r="K9" s="227">
        <v>4415</v>
      </c>
      <c r="L9" s="222">
        <v>0</v>
      </c>
      <c r="M9" s="223">
        <v>0</v>
      </c>
      <c r="N9" s="226">
        <v>0</v>
      </c>
      <c r="O9" s="224">
        <v>79</v>
      </c>
      <c r="P9" s="225">
        <v>191</v>
      </c>
      <c r="Q9" s="225">
        <v>1216</v>
      </c>
      <c r="R9" s="225">
        <v>1640</v>
      </c>
      <c r="S9" s="223">
        <v>1250</v>
      </c>
      <c r="T9" s="226">
        <v>4376</v>
      </c>
      <c r="U9" s="228">
        <v>4376</v>
      </c>
      <c r="V9" s="229">
        <v>0</v>
      </c>
      <c r="W9" s="223">
        <v>0</v>
      </c>
      <c r="X9" s="226">
        <v>0</v>
      </c>
      <c r="Y9" s="229">
        <v>0</v>
      </c>
      <c r="Z9" s="225">
        <v>0</v>
      </c>
      <c r="AA9" s="225">
        <v>15</v>
      </c>
      <c r="AB9" s="225">
        <v>15</v>
      </c>
      <c r="AC9" s="223">
        <v>9</v>
      </c>
      <c r="AD9" s="226">
        <v>39</v>
      </c>
      <c r="AE9" s="230">
        <v>39</v>
      </c>
      <c r="AF9" s="229">
        <v>0</v>
      </c>
      <c r="AG9" s="223">
        <v>0</v>
      </c>
      <c r="AH9" s="226">
        <v>0</v>
      </c>
      <c r="AI9" s="229">
        <v>227</v>
      </c>
      <c r="AJ9" s="225">
        <v>337</v>
      </c>
      <c r="AK9" s="225">
        <v>489</v>
      </c>
      <c r="AL9" s="225">
        <v>668</v>
      </c>
      <c r="AM9" s="223">
        <v>325</v>
      </c>
      <c r="AN9" s="226">
        <v>2046</v>
      </c>
      <c r="AO9" s="230">
        <v>2046</v>
      </c>
      <c r="AP9" s="229">
        <v>0</v>
      </c>
      <c r="AQ9" s="223">
        <v>0</v>
      </c>
      <c r="AR9" s="226">
        <v>0</v>
      </c>
      <c r="AS9" s="224">
        <v>222</v>
      </c>
      <c r="AT9" s="225">
        <v>335</v>
      </c>
      <c r="AU9" s="225">
        <v>482</v>
      </c>
      <c r="AV9" s="225">
        <v>649</v>
      </c>
      <c r="AW9" s="223">
        <v>309</v>
      </c>
      <c r="AX9" s="226">
        <v>1997</v>
      </c>
      <c r="AY9" s="227">
        <v>1997</v>
      </c>
      <c r="AZ9" s="222">
        <v>0</v>
      </c>
      <c r="BA9" s="223">
        <v>0</v>
      </c>
      <c r="BB9" s="223">
        <v>0</v>
      </c>
      <c r="BC9" s="224">
        <v>5</v>
      </c>
      <c r="BD9" s="225">
        <v>2</v>
      </c>
      <c r="BE9" s="225">
        <v>7</v>
      </c>
      <c r="BF9" s="225">
        <v>19</v>
      </c>
      <c r="BG9" s="223">
        <v>16</v>
      </c>
      <c r="BH9" s="226">
        <v>49</v>
      </c>
      <c r="BI9" s="228">
        <v>49</v>
      </c>
      <c r="BJ9" s="229">
        <v>0</v>
      </c>
      <c r="BK9" s="223">
        <v>0</v>
      </c>
      <c r="BL9" s="223">
        <v>0</v>
      </c>
      <c r="BM9" s="224">
        <v>1</v>
      </c>
      <c r="BN9" s="225">
        <v>0</v>
      </c>
      <c r="BO9" s="225">
        <v>10</v>
      </c>
      <c r="BP9" s="225">
        <v>67</v>
      </c>
      <c r="BQ9" s="223">
        <v>90</v>
      </c>
      <c r="BR9" s="226">
        <v>168</v>
      </c>
      <c r="BS9" s="227">
        <v>168</v>
      </c>
      <c r="BT9" s="222">
        <v>0</v>
      </c>
      <c r="BU9" s="223">
        <v>0</v>
      </c>
      <c r="BV9" s="223">
        <v>0</v>
      </c>
      <c r="BW9" s="224">
        <v>1</v>
      </c>
      <c r="BX9" s="225">
        <v>0</v>
      </c>
      <c r="BY9" s="225">
        <v>10</v>
      </c>
      <c r="BZ9" s="225">
        <v>66</v>
      </c>
      <c r="CA9" s="223">
        <v>88</v>
      </c>
      <c r="CB9" s="226">
        <v>165</v>
      </c>
      <c r="CC9" s="228">
        <v>165</v>
      </c>
      <c r="CD9" s="229">
        <v>0</v>
      </c>
      <c r="CE9" s="223">
        <v>0</v>
      </c>
      <c r="CF9" s="223">
        <v>0</v>
      </c>
      <c r="CG9" s="224">
        <v>0</v>
      </c>
      <c r="CH9" s="225">
        <v>0</v>
      </c>
      <c r="CI9" s="225">
        <v>0</v>
      </c>
      <c r="CJ9" s="225">
        <v>1</v>
      </c>
      <c r="CK9" s="223">
        <v>2</v>
      </c>
      <c r="CL9" s="226">
        <v>3</v>
      </c>
      <c r="CM9" s="228">
        <v>3</v>
      </c>
      <c r="CN9" s="229">
        <v>0</v>
      </c>
      <c r="CO9" s="223">
        <v>0</v>
      </c>
      <c r="CP9" s="223">
        <v>0</v>
      </c>
      <c r="CQ9" s="224">
        <v>0</v>
      </c>
      <c r="CR9" s="225">
        <v>1</v>
      </c>
      <c r="CS9" s="225">
        <v>5</v>
      </c>
      <c r="CT9" s="225">
        <v>35</v>
      </c>
      <c r="CU9" s="223">
        <v>56</v>
      </c>
      <c r="CV9" s="226">
        <v>97</v>
      </c>
      <c r="CW9" s="227">
        <v>97</v>
      </c>
      <c r="CX9" s="222">
        <v>0</v>
      </c>
      <c r="CY9" s="223">
        <v>0</v>
      </c>
      <c r="CZ9" s="223">
        <v>0</v>
      </c>
      <c r="DA9" s="224">
        <v>0</v>
      </c>
      <c r="DB9" s="225">
        <v>1</v>
      </c>
      <c r="DC9" s="225">
        <v>5</v>
      </c>
      <c r="DD9" s="225">
        <v>34</v>
      </c>
      <c r="DE9" s="223">
        <v>56</v>
      </c>
      <c r="DF9" s="226">
        <v>96</v>
      </c>
      <c r="DG9" s="228">
        <v>96</v>
      </c>
      <c r="DH9" s="229">
        <v>0</v>
      </c>
      <c r="DI9" s="223">
        <v>0</v>
      </c>
      <c r="DJ9" s="223">
        <v>0</v>
      </c>
      <c r="DK9" s="224">
        <v>0</v>
      </c>
      <c r="DL9" s="225">
        <v>0</v>
      </c>
      <c r="DM9" s="225">
        <v>0</v>
      </c>
      <c r="DN9" s="225">
        <v>1</v>
      </c>
      <c r="DO9" s="223">
        <v>0</v>
      </c>
      <c r="DP9" s="226">
        <v>1</v>
      </c>
      <c r="DQ9" s="228">
        <v>1</v>
      </c>
      <c r="DR9" s="229">
        <v>0</v>
      </c>
      <c r="DS9" s="223">
        <v>0</v>
      </c>
      <c r="DT9" s="223">
        <v>0</v>
      </c>
      <c r="DU9" s="224">
        <v>307</v>
      </c>
      <c r="DV9" s="225">
        <v>528</v>
      </c>
      <c r="DW9" s="225">
        <v>1731</v>
      </c>
      <c r="DX9" s="225">
        <v>2413</v>
      </c>
      <c r="DY9" s="223">
        <v>1724</v>
      </c>
      <c r="DZ9" s="226">
        <v>6703</v>
      </c>
      <c r="EA9" s="228">
        <v>6703</v>
      </c>
      <c r="EB9" s="37"/>
    </row>
    <row r="10" spans="1:132" ht="20.25" customHeight="1" x14ac:dyDescent="0.2">
      <c r="A10" s="63" t="s">
        <v>14</v>
      </c>
      <c r="B10" s="222">
        <v>0</v>
      </c>
      <c r="C10" s="223">
        <v>0</v>
      </c>
      <c r="D10" s="223">
        <v>0</v>
      </c>
      <c r="E10" s="224">
        <v>12</v>
      </c>
      <c r="F10" s="225">
        <v>60</v>
      </c>
      <c r="G10" s="225">
        <v>851</v>
      </c>
      <c r="H10" s="225">
        <v>1262</v>
      </c>
      <c r="I10" s="223">
        <v>731</v>
      </c>
      <c r="J10" s="226">
        <v>2916</v>
      </c>
      <c r="K10" s="227">
        <v>2916</v>
      </c>
      <c r="L10" s="222">
        <v>0</v>
      </c>
      <c r="M10" s="223">
        <v>0</v>
      </c>
      <c r="N10" s="226">
        <v>0</v>
      </c>
      <c r="O10" s="224">
        <v>12</v>
      </c>
      <c r="P10" s="225">
        <v>59</v>
      </c>
      <c r="Q10" s="225">
        <v>848</v>
      </c>
      <c r="R10" s="225">
        <v>1254</v>
      </c>
      <c r="S10" s="223">
        <v>723</v>
      </c>
      <c r="T10" s="226">
        <v>2896</v>
      </c>
      <c r="U10" s="228">
        <v>2896</v>
      </c>
      <c r="V10" s="229">
        <v>0</v>
      </c>
      <c r="W10" s="223">
        <v>0</v>
      </c>
      <c r="X10" s="226">
        <v>0</v>
      </c>
      <c r="Y10" s="229">
        <v>0</v>
      </c>
      <c r="Z10" s="225">
        <v>1</v>
      </c>
      <c r="AA10" s="225">
        <v>3</v>
      </c>
      <c r="AB10" s="225">
        <v>8</v>
      </c>
      <c r="AC10" s="223">
        <v>8</v>
      </c>
      <c r="AD10" s="226">
        <v>20</v>
      </c>
      <c r="AE10" s="230">
        <v>20</v>
      </c>
      <c r="AF10" s="229">
        <v>0</v>
      </c>
      <c r="AG10" s="223">
        <v>0</v>
      </c>
      <c r="AH10" s="226">
        <v>0</v>
      </c>
      <c r="AI10" s="229">
        <v>90</v>
      </c>
      <c r="AJ10" s="225">
        <v>214</v>
      </c>
      <c r="AK10" s="225">
        <v>290</v>
      </c>
      <c r="AL10" s="225">
        <v>359</v>
      </c>
      <c r="AM10" s="223">
        <v>199</v>
      </c>
      <c r="AN10" s="226">
        <v>1152</v>
      </c>
      <c r="AO10" s="230">
        <v>1152</v>
      </c>
      <c r="AP10" s="229">
        <v>0</v>
      </c>
      <c r="AQ10" s="223">
        <v>0</v>
      </c>
      <c r="AR10" s="226">
        <v>0</v>
      </c>
      <c r="AS10" s="224">
        <v>89</v>
      </c>
      <c r="AT10" s="225">
        <v>211</v>
      </c>
      <c r="AU10" s="225">
        <v>285</v>
      </c>
      <c r="AV10" s="225">
        <v>354</v>
      </c>
      <c r="AW10" s="223">
        <v>193</v>
      </c>
      <c r="AX10" s="226">
        <v>1132</v>
      </c>
      <c r="AY10" s="227">
        <v>1132</v>
      </c>
      <c r="AZ10" s="222">
        <v>0</v>
      </c>
      <c r="BA10" s="223">
        <v>0</v>
      </c>
      <c r="BB10" s="223">
        <v>0</v>
      </c>
      <c r="BC10" s="224">
        <v>1</v>
      </c>
      <c r="BD10" s="225">
        <v>3</v>
      </c>
      <c r="BE10" s="225">
        <v>5</v>
      </c>
      <c r="BF10" s="225">
        <v>5</v>
      </c>
      <c r="BG10" s="223">
        <v>6</v>
      </c>
      <c r="BH10" s="226">
        <v>20</v>
      </c>
      <c r="BI10" s="228">
        <v>20</v>
      </c>
      <c r="BJ10" s="229">
        <v>0</v>
      </c>
      <c r="BK10" s="223">
        <v>0</v>
      </c>
      <c r="BL10" s="223">
        <v>0</v>
      </c>
      <c r="BM10" s="224">
        <v>0</v>
      </c>
      <c r="BN10" s="225">
        <v>0</v>
      </c>
      <c r="BO10" s="225">
        <v>3</v>
      </c>
      <c r="BP10" s="225">
        <v>28</v>
      </c>
      <c r="BQ10" s="223">
        <v>22</v>
      </c>
      <c r="BR10" s="226">
        <v>53</v>
      </c>
      <c r="BS10" s="227">
        <v>53</v>
      </c>
      <c r="BT10" s="222">
        <v>0</v>
      </c>
      <c r="BU10" s="223">
        <v>0</v>
      </c>
      <c r="BV10" s="223">
        <v>0</v>
      </c>
      <c r="BW10" s="224">
        <v>0</v>
      </c>
      <c r="BX10" s="225">
        <v>0</v>
      </c>
      <c r="BY10" s="225">
        <v>3</v>
      </c>
      <c r="BZ10" s="225">
        <v>28</v>
      </c>
      <c r="CA10" s="223">
        <v>22</v>
      </c>
      <c r="CB10" s="226">
        <v>53</v>
      </c>
      <c r="CC10" s="228">
        <v>53</v>
      </c>
      <c r="CD10" s="229">
        <v>0</v>
      </c>
      <c r="CE10" s="223">
        <v>0</v>
      </c>
      <c r="CF10" s="223">
        <v>0</v>
      </c>
      <c r="CG10" s="224">
        <v>0</v>
      </c>
      <c r="CH10" s="225">
        <v>0</v>
      </c>
      <c r="CI10" s="225">
        <v>0</v>
      </c>
      <c r="CJ10" s="225">
        <v>0</v>
      </c>
      <c r="CK10" s="223">
        <v>0</v>
      </c>
      <c r="CL10" s="226">
        <v>0</v>
      </c>
      <c r="CM10" s="228">
        <v>0</v>
      </c>
      <c r="CN10" s="229">
        <v>0</v>
      </c>
      <c r="CO10" s="223">
        <v>0</v>
      </c>
      <c r="CP10" s="223">
        <v>0</v>
      </c>
      <c r="CQ10" s="224">
        <v>0</v>
      </c>
      <c r="CR10" s="225">
        <v>0</v>
      </c>
      <c r="CS10" s="225">
        <v>8</v>
      </c>
      <c r="CT10" s="225">
        <v>74</v>
      </c>
      <c r="CU10" s="223">
        <v>66</v>
      </c>
      <c r="CV10" s="226">
        <v>148</v>
      </c>
      <c r="CW10" s="227">
        <v>148</v>
      </c>
      <c r="CX10" s="222">
        <v>0</v>
      </c>
      <c r="CY10" s="223">
        <v>0</v>
      </c>
      <c r="CZ10" s="223">
        <v>0</v>
      </c>
      <c r="DA10" s="224">
        <v>0</v>
      </c>
      <c r="DB10" s="225">
        <v>0</v>
      </c>
      <c r="DC10" s="225">
        <v>8</v>
      </c>
      <c r="DD10" s="225">
        <v>74</v>
      </c>
      <c r="DE10" s="223">
        <v>64</v>
      </c>
      <c r="DF10" s="226">
        <v>146</v>
      </c>
      <c r="DG10" s="228">
        <v>146</v>
      </c>
      <c r="DH10" s="229">
        <v>0</v>
      </c>
      <c r="DI10" s="223">
        <v>0</v>
      </c>
      <c r="DJ10" s="223">
        <v>0</v>
      </c>
      <c r="DK10" s="224">
        <v>0</v>
      </c>
      <c r="DL10" s="225">
        <v>0</v>
      </c>
      <c r="DM10" s="225">
        <v>0</v>
      </c>
      <c r="DN10" s="225">
        <v>0</v>
      </c>
      <c r="DO10" s="223">
        <v>2</v>
      </c>
      <c r="DP10" s="226">
        <v>2</v>
      </c>
      <c r="DQ10" s="228">
        <v>2</v>
      </c>
      <c r="DR10" s="229">
        <v>0</v>
      </c>
      <c r="DS10" s="223">
        <v>0</v>
      </c>
      <c r="DT10" s="223">
        <v>0</v>
      </c>
      <c r="DU10" s="224">
        <v>102</v>
      </c>
      <c r="DV10" s="225">
        <v>274</v>
      </c>
      <c r="DW10" s="225">
        <v>1149</v>
      </c>
      <c r="DX10" s="225">
        <v>1715</v>
      </c>
      <c r="DY10" s="223">
        <v>1018</v>
      </c>
      <c r="DZ10" s="226">
        <v>4258</v>
      </c>
      <c r="EA10" s="228">
        <v>4258</v>
      </c>
      <c r="EB10" s="37"/>
    </row>
    <row r="11" spans="1:132" ht="20.25" customHeight="1" x14ac:dyDescent="0.2">
      <c r="A11" s="63" t="s">
        <v>7</v>
      </c>
      <c r="B11" s="222">
        <v>0</v>
      </c>
      <c r="C11" s="223">
        <v>0</v>
      </c>
      <c r="D11" s="223">
        <v>0</v>
      </c>
      <c r="E11" s="224">
        <v>20</v>
      </c>
      <c r="F11" s="225">
        <v>58</v>
      </c>
      <c r="G11" s="225">
        <v>556</v>
      </c>
      <c r="H11" s="225">
        <v>973</v>
      </c>
      <c r="I11" s="223">
        <v>596</v>
      </c>
      <c r="J11" s="226">
        <v>2203</v>
      </c>
      <c r="K11" s="227">
        <v>2203</v>
      </c>
      <c r="L11" s="222">
        <v>0</v>
      </c>
      <c r="M11" s="223">
        <v>0</v>
      </c>
      <c r="N11" s="226">
        <v>0</v>
      </c>
      <c r="O11" s="224">
        <v>20</v>
      </c>
      <c r="P11" s="225">
        <v>58</v>
      </c>
      <c r="Q11" s="225">
        <v>550</v>
      </c>
      <c r="R11" s="225">
        <v>962</v>
      </c>
      <c r="S11" s="223">
        <v>584</v>
      </c>
      <c r="T11" s="226">
        <v>2174</v>
      </c>
      <c r="U11" s="228">
        <v>2174</v>
      </c>
      <c r="V11" s="229">
        <v>0</v>
      </c>
      <c r="W11" s="223">
        <v>0</v>
      </c>
      <c r="X11" s="226">
        <v>0</v>
      </c>
      <c r="Y11" s="229">
        <v>0</v>
      </c>
      <c r="Z11" s="225">
        <v>0</v>
      </c>
      <c r="AA11" s="225">
        <v>6</v>
      </c>
      <c r="AB11" s="225">
        <v>11</v>
      </c>
      <c r="AC11" s="223">
        <v>12</v>
      </c>
      <c r="AD11" s="226">
        <v>29</v>
      </c>
      <c r="AE11" s="230">
        <v>29</v>
      </c>
      <c r="AF11" s="229">
        <v>0</v>
      </c>
      <c r="AG11" s="223">
        <v>0</v>
      </c>
      <c r="AH11" s="226">
        <v>0</v>
      </c>
      <c r="AI11" s="229">
        <v>170</v>
      </c>
      <c r="AJ11" s="225">
        <v>237</v>
      </c>
      <c r="AK11" s="225">
        <v>251</v>
      </c>
      <c r="AL11" s="225">
        <v>276</v>
      </c>
      <c r="AM11" s="223">
        <v>122</v>
      </c>
      <c r="AN11" s="226">
        <v>1056</v>
      </c>
      <c r="AO11" s="230">
        <v>1056</v>
      </c>
      <c r="AP11" s="229">
        <v>0</v>
      </c>
      <c r="AQ11" s="223">
        <v>0</v>
      </c>
      <c r="AR11" s="226">
        <v>0</v>
      </c>
      <c r="AS11" s="224">
        <v>169</v>
      </c>
      <c r="AT11" s="225">
        <v>235</v>
      </c>
      <c r="AU11" s="225">
        <v>243</v>
      </c>
      <c r="AV11" s="225">
        <v>272</v>
      </c>
      <c r="AW11" s="223">
        <v>120</v>
      </c>
      <c r="AX11" s="226">
        <v>1039</v>
      </c>
      <c r="AY11" s="227">
        <v>1039</v>
      </c>
      <c r="AZ11" s="222">
        <v>0</v>
      </c>
      <c r="BA11" s="223">
        <v>0</v>
      </c>
      <c r="BB11" s="223">
        <v>0</v>
      </c>
      <c r="BC11" s="224">
        <v>1</v>
      </c>
      <c r="BD11" s="225">
        <v>2</v>
      </c>
      <c r="BE11" s="225">
        <v>8</v>
      </c>
      <c r="BF11" s="225">
        <v>4</v>
      </c>
      <c r="BG11" s="223">
        <v>2</v>
      </c>
      <c r="BH11" s="226">
        <v>17</v>
      </c>
      <c r="BI11" s="228">
        <v>17</v>
      </c>
      <c r="BJ11" s="229">
        <v>0</v>
      </c>
      <c r="BK11" s="223">
        <v>0</v>
      </c>
      <c r="BL11" s="223">
        <v>0</v>
      </c>
      <c r="BM11" s="224">
        <v>0</v>
      </c>
      <c r="BN11" s="225">
        <v>0</v>
      </c>
      <c r="BO11" s="225">
        <v>0</v>
      </c>
      <c r="BP11" s="225">
        <v>3</v>
      </c>
      <c r="BQ11" s="223">
        <v>4</v>
      </c>
      <c r="BR11" s="226">
        <v>7</v>
      </c>
      <c r="BS11" s="227">
        <v>7</v>
      </c>
      <c r="BT11" s="222">
        <v>0</v>
      </c>
      <c r="BU11" s="223">
        <v>0</v>
      </c>
      <c r="BV11" s="223">
        <v>0</v>
      </c>
      <c r="BW11" s="224">
        <v>0</v>
      </c>
      <c r="BX11" s="225">
        <v>0</v>
      </c>
      <c r="BY11" s="225">
        <v>0</v>
      </c>
      <c r="BZ11" s="225">
        <v>3</v>
      </c>
      <c r="CA11" s="223">
        <v>4</v>
      </c>
      <c r="CB11" s="226">
        <v>7</v>
      </c>
      <c r="CC11" s="228">
        <v>7</v>
      </c>
      <c r="CD11" s="229">
        <v>0</v>
      </c>
      <c r="CE11" s="223">
        <v>0</v>
      </c>
      <c r="CF11" s="223">
        <v>0</v>
      </c>
      <c r="CG11" s="224">
        <v>0</v>
      </c>
      <c r="CH11" s="225">
        <v>0</v>
      </c>
      <c r="CI11" s="225">
        <v>0</v>
      </c>
      <c r="CJ11" s="225">
        <v>0</v>
      </c>
      <c r="CK11" s="223">
        <v>0</v>
      </c>
      <c r="CL11" s="226">
        <v>0</v>
      </c>
      <c r="CM11" s="228">
        <v>0</v>
      </c>
      <c r="CN11" s="229">
        <v>0</v>
      </c>
      <c r="CO11" s="223">
        <v>0</v>
      </c>
      <c r="CP11" s="223">
        <v>0</v>
      </c>
      <c r="CQ11" s="224">
        <v>0</v>
      </c>
      <c r="CR11" s="225">
        <v>0</v>
      </c>
      <c r="CS11" s="225">
        <v>2</v>
      </c>
      <c r="CT11" s="225">
        <v>1</v>
      </c>
      <c r="CU11" s="223">
        <v>4</v>
      </c>
      <c r="CV11" s="226">
        <v>7</v>
      </c>
      <c r="CW11" s="227">
        <v>7</v>
      </c>
      <c r="CX11" s="222">
        <v>0</v>
      </c>
      <c r="CY11" s="223">
        <v>0</v>
      </c>
      <c r="CZ11" s="223">
        <v>0</v>
      </c>
      <c r="DA11" s="224">
        <v>0</v>
      </c>
      <c r="DB11" s="225">
        <v>0</v>
      </c>
      <c r="DC11" s="225">
        <v>2</v>
      </c>
      <c r="DD11" s="225">
        <v>1</v>
      </c>
      <c r="DE11" s="223">
        <v>4</v>
      </c>
      <c r="DF11" s="226">
        <v>7</v>
      </c>
      <c r="DG11" s="228">
        <v>7</v>
      </c>
      <c r="DH11" s="229">
        <v>0</v>
      </c>
      <c r="DI11" s="223">
        <v>0</v>
      </c>
      <c r="DJ11" s="223">
        <v>0</v>
      </c>
      <c r="DK11" s="224">
        <v>0</v>
      </c>
      <c r="DL11" s="225">
        <v>0</v>
      </c>
      <c r="DM11" s="225">
        <v>0</v>
      </c>
      <c r="DN11" s="225">
        <v>0</v>
      </c>
      <c r="DO11" s="223">
        <v>0</v>
      </c>
      <c r="DP11" s="226">
        <v>0</v>
      </c>
      <c r="DQ11" s="228">
        <v>0</v>
      </c>
      <c r="DR11" s="229">
        <v>0</v>
      </c>
      <c r="DS11" s="223">
        <v>0</v>
      </c>
      <c r="DT11" s="223">
        <v>0</v>
      </c>
      <c r="DU11" s="224">
        <v>190</v>
      </c>
      <c r="DV11" s="225">
        <v>295</v>
      </c>
      <c r="DW11" s="225">
        <v>804</v>
      </c>
      <c r="DX11" s="225">
        <v>1246</v>
      </c>
      <c r="DY11" s="223">
        <v>723</v>
      </c>
      <c r="DZ11" s="226">
        <v>3258</v>
      </c>
      <c r="EA11" s="228">
        <v>3258</v>
      </c>
      <c r="EB11" s="37"/>
    </row>
    <row r="12" spans="1:132" ht="20.25" customHeight="1" x14ac:dyDescent="0.2">
      <c r="A12" s="63" t="s">
        <v>8</v>
      </c>
      <c r="B12" s="222">
        <v>0</v>
      </c>
      <c r="C12" s="223">
        <v>0</v>
      </c>
      <c r="D12" s="223">
        <v>0</v>
      </c>
      <c r="E12" s="224">
        <v>26</v>
      </c>
      <c r="F12" s="225">
        <v>73</v>
      </c>
      <c r="G12" s="225">
        <v>344</v>
      </c>
      <c r="H12" s="225">
        <v>399</v>
      </c>
      <c r="I12" s="223">
        <v>235</v>
      </c>
      <c r="J12" s="226">
        <v>1077</v>
      </c>
      <c r="K12" s="227">
        <v>1077</v>
      </c>
      <c r="L12" s="222">
        <v>0</v>
      </c>
      <c r="M12" s="223">
        <v>0</v>
      </c>
      <c r="N12" s="226">
        <v>0</v>
      </c>
      <c r="O12" s="224">
        <v>26</v>
      </c>
      <c r="P12" s="225">
        <v>73</v>
      </c>
      <c r="Q12" s="225">
        <v>341</v>
      </c>
      <c r="R12" s="225">
        <v>396</v>
      </c>
      <c r="S12" s="223">
        <v>235</v>
      </c>
      <c r="T12" s="226">
        <v>1071</v>
      </c>
      <c r="U12" s="228">
        <v>1071</v>
      </c>
      <c r="V12" s="229">
        <v>0</v>
      </c>
      <c r="W12" s="223">
        <v>0</v>
      </c>
      <c r="X12" s="226">
        <v>0</v>
      </c>
      <c r="Y12" s="229">
        <v>0</v>
      </c>
      <c r="Z12" s="225">
        <v>0</v>
      </c>
      <c r="AA12" s="225">
        <v>3</v>
      </c>
      <c r="AB12" s="225">
        <v>3</v>
      </c>
      <c r="AC12" s="223">
        <v>0</v>
      </c>
      <c r="AD12" s="226">
        <v>6</v>
      </c>
      <c r="AE12" s="230">
        <v>6</v>
      </c>
      <c r="AF12" s="229">
        <v>0</v>
      </c>
      <c r="AG12" s="223">
        <v>0</v>
      </c>
      <c r="AH12" s="226">
        <v>0</v>
      </c>
      <c r="AI12" s="229">
        <v>44</v>
      </c>
      <c r="AJ12" s="225">
        <v>103</v>
      </c>
      <c r="AK12" s="225">
        <v>153</v>
      </c>
      <c r="AL12" s="225">
        <v>131</v>
      </c>
      <c r="AM12" s="223">
        <v>58</v>
      </c>
      <c r="AN12" s="226">
        <v>489</v>
      </c>
      <c r="AO12" s="230">
        <v>489</v>
      </c>
      <c r="AP12" s="229">
        <v>0</v>
      </c>
      <c r="AQ12" s="223">
        <v>0</v>
      </c>
      <c r="AR12" s="226">
        <v>0</v>
      </c>
      <c r="AS12" s="224">
        <v>43</v>
      </c>
      <c r="AT12" s="225">
        <v>100</v>
      </c>
      <c r="AU12" s="225">
        <v>148</v>
      </c>
      <c r="AV12" s="225">
        <v>128</v>
      </c>
      <c r="AW12" s="223">
        <v>56</v>
      </c>
      <c r="AX12" s="226">
        <v>475</v>
      </c>
      <c r="AY12" s="227">
        <v>475</v>
      </c>
      <c r="AZ12" s="222">
        <v>0</v>
      </c>
      <c r="BA12" s="223">
        <v>0</v>
      </c>
      <c r="BB12" s="223">
        <v>0</v>
      </c>
      <c r="BC12" s="224">
        <v>1</v>
      </c>
      <c r="BD12" s="225">
        <v>3</v>
      </c>
      <c r="BE12" s="225">
        <v>5</v>
      </c>
      <c r="BF12" s="225">
        <v>3</v>
      </c>
      <c r="BG12" s="223">
        <v>2</v>
      </c>
      <c r="BH12" s="226">
        <v>14</v>
      </c>
      <c r="BI12" s="228">
        <v>14</v>
      </c>
      <c r="BJ12" s="229">
        <v>0</v>
      </c>
      <c r="BK12" s="223">
        <v>0</v>
      </c>
      <c r="BL12" s="223">
        <v>0</v>
      </c>
      <c r="BM12" s="224">
        <v>0</v>
      </c>
      <c r="BN12" s="225">
        <v>0</v>
      </c>
      <c r="BO12" s="225">
        <v>0</v>
      </c>
      <c r="BP12" s="225">
        <v>4</v>
      </c>
      <c r="BQ12" s="223">
        <v>2</v>
      </c>
      <c r="BR12" s="226">
        <v>6</v>
      </c>
      <c r="BS12" s="227">
        <v>6</v>
      </c>
      <c r="BT12" s="222">
        <v>0</v>
      </c>
      <c r="BU12" s="223">
        <v>0</v>
      </c>
      <c r="BV12" s="223">
        <v>0</v>
      </c>
      <c r="BW12" s="224">
        <v>0</v>
      </c>
      <c r="BX12" s="225">
        <v>0</v>
      </c>
      <c r="BY12" s="225">
        <v>0</v>
      </c>
      <c r="BZ12" s="225">
        <v>4</v>
      </c>
      <c r="CA12" s="223">
        <v>2</v>
      </c>
      <c r="CB12" s="226">
        <v>6</v>
      </c>
      <c r="CC12" s="228">
        <v>6</v>
      </c>
      <c r="CD12" s="229">
        <v>0</v>
      </c>
      <c r="CE12" s="223">
        <v>0</v>
      </c>
      <c r="CF12" s="223">
        <v>0</v>
      </c>
      <c r="CG12" s="224">
        <v>0</v>
      </c>
      <c r="CH12" s="225">
        <v>0</v>
      </c>
      <c r="CI12" s="225">
        <v>0</v>
      </c>
      <c r="CJ12" s="225">
        <v>0</v>
      </c>
      <c r="CK12" s="223">
        <v>0</v>
      </c>
      <c r="CL12" s="226">
        <v>0</v>
      </c>
      <c r="CM12" s="228">
        <v>0</v>
      </c>
      <c r="CN12" s="229">
        <v>0</v>
      </c>
      <c r="CO12" s="223">
        <v>0</v>
      </c>
      <c r="CP12" s="223">
        <v>0</v>
      </c>
      <c r="CQ12" s="224">
        <v>1</v>
      </c>
      <c r="CR12" s="225">
        <v>0</v>
      </c>
      <c r="CS12" s="225">
        <v>1</v>
      </c>
      <c r="CT12" s="225">
        <v>6</v>
      </c>
      <c r="CU12" s="223">
        <v>5</v>
      </c>
      <c r="CV12" s="226">
        <v>13</v>
      </c>
      <c r="CW12" s="227">
        <v>13</v>
      </c>
      <c r="CX12" s="222">
        <v>0</v>
      </c>
      <c r="CY12" s="223">
        <v>0</v>
      </c>
      <c r="CZ12" s="223">
        <v>0</v>
      </c>
      <c r="DA12" s="224">
        <v>1</v>
      </c>
      <c r="DB12" s="225">
        <v>0</v>
      </c>
      <c r="DC12" s="225">
        <v>1</v>
      </c>
      <c r="DD12" s="225">
        <v>6</v>
      </c>
      <c r="DE12" s="223">
        <v>5</v>
      </c>
      <c r="DF12" s="226">
        <v>13</v>
      </c>
      <c r="DG12" s="228">
        <v>13</v>
      </c>
      <c r="DH12" s="229">
        <v>0</v>
      </c>
      <c r="DI12" s="223">
        <v>0</v>
      </c>
      <c r="DJ12" s="223">
        <v>0</v>
      </c>
      <c r="DK12" s="224">
        <v>0</v>
      </c>
      <c r="DL12" s="225">
        <v>0</v>
      </c>
      <c r="DM12" s="225">
        <v>0</v>
      </c>
      <c r="DN12" s="225">
        <v>0</v>
      </c>
      <c r="DO12" s="223">
        <v>0</v>
      </c>
      <c r="DP12" s="226">
        <v>0</v>
      </c>
      <c r="DQ12" s="228">
        <v>0</v>
      </c>
      <c r="DR12" s="229">
        <v>0</v>
      </c>
      <c r="DS12" s="223">
        <v>0</v>
      </c>
      <c r="DT12" s="223">
        <v>0</v>
      </c>
      <c r="DU12" s="224">
        <v>71</v>
      </c>
      <c r="DV12" s="225">
        <v>176</v>
      </c>
      <c r="DW12" s="225">
        <v>498</v>
      </c>
      <c r="DX12" s="225">
        <v>540</v>
      </c>
      <c r="DY12" s="223">
        <v>300</v>
      </c>
      <c r="DZ12" s="226">
        <v>1585</v>
      </c>
      <c r="EA12" s="228">
        <v>1585</v>
      </c>
      <c r="EB12" s="37"/>
    </row>
    <row r="13" spans="1:132" ht="20.25" customHeight="1" x14ac:dyDescent="0.2">
      <c r="A13" s="63" t="s">
        <v>9</v>
      </c>
      <c r="B13" s="222">
        <v>0</v>
      </c>
      <c r="C13" s="223">
        <v>0</v>
      </c>
      <c r="D13" s="223">
        <v>0</v>
      </c>
      <c r="E13" s="224">
        <v>6</v>
      </c>
      <c r="F13" s="225">
        <v>3</v>
      </c>
      <c r="G13" s="225">
        <v>199</v>
      </c>
      <c r="H13" s="225">
        <v>346</v>
      </c>
      <c r="I13" s="223">
        <v>263</v>
      </c>
      <c r="J13" s="226">
        <v>817</v>
      </c>
      <c r="K13" s="227">
        <v>817</v>
      </c>
      <c r="L13" s="222">
        <v>0</v>
      </c>
      <c r="M13" s="223">
        <v>0</v>
      </c>
      <c r="N13" s="226">
        <v>0</v>
      </c>
      <c r="O13" s="224">
        <v>6</v>
      </c>
      <c r="P13" s="225">
        <v>3</v>
      </c>
      <c r="Q13" s="225">
        <v>198</v>
      </c>
      <c r="R13" s="225">
        <v>342</v>
      </c>
      <c r="S13" s="223">
        <v>261</v>
      </c>
      <c r="T13" s="226">
        <v>810</v>
      </c>
      <c r="U13" s="228">
        <v>810</v>
      </c>
      <c r="V13" s="229">
        <v>0</v>
      </c>
      <c r="W13" s="223">
        <v>0</v>
      </c>
      <c r="X13" s="226">
        <v>0</v>
      </c>
      <c r="Y13" s="229">
        <v>0</v>
      </c>
      <c r="Z13" s="225">
        <v>0</v>
      </c>
      <c r="AA13" s="225">
        <v>1</v>
      </c>
      <c r="AB13" s="225">
        <v>4</v>
      </c>
      <c r="AC13" s="223">
        <v>2</v>
      </c>
      <c r="AD13" s="226">
        <v>7</v>
      </c>
      <c r="AE13" s="230">
        <v>7</v>
      </c>
      <c r="AF13" s="229">
        <v>0</v>
      </c>
      <c r="AG13" s="223">
        <v>0</v>
      </c>
      <c r="AH13" s="226">
        <v>0</v>
      </c>
      <c r="AI13" s="229">
        <v>28</v>
      </c>
      <c r="AJ13" s="225">
        <v>62</v>
      </c>
      <c r="AK13" s="225">
        <v>90</v>
      </c>
      <c r="AL13" s="225">
        <v>116</v>
      </c>
      <c r="AM13" s="223">
        <v>73</v>
      </c>
      <c r="AN13" s="226">
        <v>369</v>
      </c>
      <c r="AO13" s="230">
        <v>369</v>
      </c>
      <c r="AP13" s="229">
        <v>0</v>
      </c>
      <c r="AQ13" s="223">
        <v>0</v>
      </c>
      <c r="AR13" s="226">
        <v>0</v>
      </c>
      <c r="AS13" s="224">
        <v>28</v>
      </c>
      <c r="AT13" s="225">
        <v>62</v>
      </c>
      <c r="AU13" s="225">
        <v>88</v>
      </c>
      <c r="AV13" s="225">
        <v>114</v>
      </c>
      <c r="AW13" s="223">
        <v>71</v>
      </c>
      <c r="AX13" s="226">
        <v>363</v>
      </c>
      <c r="AY13" s="227">
        <v>363</v>
      </c>
      <c r="AZ13" s="222">
        <v>0</v>
      </c>
      <c r="BA13" s="223">
        <v>0</v>
      </c>
      <c r="BB13" s="223">
        <v>0</v>
      </c>
      <c r="BC13" s="224">
        <v>0</v>
      </c>
      <c r="BD13" s="225">
        <v>0</v>
      </c>
      <c r="BE13" s="225">
        <v>2</v>
      </c>
      <c r="BF13" s="225">
        <v>2</v>
      </c>
      <c r="BG13" s="223">
        <v>2</v>
      </c>
      <c r="BH13" s="226">
        <v>6</v>
      </c>
      <c r="BI13" s="228">
        <v>6</v>
      </c>
      <c r="BJ13" s="229">
        <v>0</v>
      </c>
      <c r="BK13" s="223">
        <v>0</v>
      </c>
      <c r="BL13" s="223">
        <v>0</v>
      </c>
      <c r="BM13" s="224">
        <v>0</v>
      </c>
      <c r="BN13" s="225">
        <v>0</v>
      </c>
      <c r="BO13" s="225">
        <v>0</v>
      </c>
      <c r="BP13" s="225">
        <v>2</v>
      </c>
      <c r="BQ13" s="223">
        <v>1</v>
      </c>
      <c r="BR13" s="226">
        <v>3</v>
      </c>
      <c r="BS13" s="227">
        <v>3</v>
      </c>
      <c r="BT13" s="222">
        <v>0</v>
      </c>
      <c r="BU13" s="223">
        <v>0</v>
      </c>
      <c r="BV13" s="223">
        <v>0</v>
      </c>
      <c r="BW13" s="224">
        <v>0</v>
      </c>
      <c r="BX13" s="225">
        <v>0</v>
      </c>
      <c r="BY13" s="225">
        <v>0</v>
      </c>
      <c r="BZ13" s="225">
        <v>2</v>
      </c>
      <c r="CA13" s="223">
        <v>1</v>
      </c>
      <c r="CB13" s="226">
        <v>3</v>
      </c>
      <c r="CC13" s="228">
        <v>3</v>
      </c>
      <c r="CD13" s="229">
        <v>0</v>
      </c>
      <c r="CE13" s="223">
        <v>0</v>
      </c>
      <c r="CF13" s="223">
        <v>0</v>
      </c>
      <c r="CG13" s="224">
        <v>0</v>
      </c>
      <c r="CH13" s="225">
        <v>0</v>
      </c>
      <c r="CI13" s="225">
        <v>0</v>
      </c>
      <c r="CJ13" s="225">
        <v>0</v>
      </c>
      <c r="CK13" s="223">
        <v>0</v>
      </c>
      <c r="CL13" s="226">
        <v>0</v>
      </c>
      <c r="CM13" s="228">
        <v>0</v>
      </c>
      <c r="CN13" s="229">
        <v>0</v>
      </c>
      <c r="CO13" s="223">
        <v>0</v>
      </c>
      <c r="CP13" s="223">
        <v>0</v>
      </c>
      <c r="CQ13" s="224">
        <v>0</v>
      </c>
      <c r="CR13" s="225">
        <v>0</v>
      </c>
      <c r="CS13" s="225">
        <v>2</v>
      </c>
      <c r="CT13" s="225">
        <v>1</v>
      </c>
      <c r="CU13" s="223">
        <v>4</v>
      </c>
      <c r="CV13" s="226">
        <v>7</v>
      </c>
      <c r="CW13" s="227">
        <v>7</v>
      </c>
      <c r="CX13" s="222">
        <v>0</v>
      </c>
      <c r="CY13" s="223">
        <v>0</v>
      </c>
      <c r="CZ13" s="223">
        <v>0</v>
      </c>
      <c r="DA13" s="224">
        <v>0</v>
      </c>
      <c r="DB13" s="225">
        <v>0</v>
      </c>
      <c r="DC13" s="225">
        <v>2</v>
      </c>
      <c r="DD13" s="225">
        <v>1</v>
      </c>
      <c r="DE13" s="223">
        <v>4</v>
      </c>
      <c r="DF13" s="226">
        <v>7</v>
      </c>
      <c r="DG13" s="228">
        <v>7</v>
      </c>
      <c r="DH13" s="229">
        <v>0</v>
      </c>
      <c r="DI13" s="223">
        <v>0</v>
      </c>
      <c r="DJ13" s="223">
        <v>0</v>
      </c>
      <c r="DK13" s="224">
        <v>0</v>
      </c>
      <c r="DL13" s="225">
        <v>0</v>
      </c>
      <c r="DM13" s="225">
        <v>0</v>
      </c>
      <c r="DN13" s="225">
        <v>0</v>
      </c>
      <c r="DO13" s="223">
        <v>0</v>
      </c>
      <c r="DP13" s="226">
        <v>0</v>
      </c>
      <c r="DQ13" s="228">
        <v>0</v>
      </c>
      <c r="DR13" s="229">
        <v>0</v>
      </c>
      <c r="DS13" s="223">
        <v>0</v>
      </c>
      <c r="DT13" s="223">
        <v>0</v>
      </c>
      <c r="DU13" s="224">
        <v>34</v>
      </c>
      <c r="DV13" s="225">
        <v>65</v>
      </c>
      <c r="DW13" s="225">
        <v>291</v>
      </c>
      <c r="DX13" s="225">
        <v>465</v>
      </c>
      <c r="DY13" s="223">
        <v>341</v>
      </c>
      <c r="DZ13" s="226">
        <v>1196</v>
      </c>
      <c r="EA13" s="228">
        <v>1196</v>
      </c>
      <c r="EB13" s="37"/>
    </row>
    <row r="14" spans="1:132" ht="20.25" customHeight="1" x14ac:dyDescent="0.2">
      <c r="A14" s="63" t="s">
        <v>10</v>
      </c>
      <c r="B14" s="222">
        <v>0</v>
      </c>
      <c r="C14" s="223">
        <v>0</v>
      </c>
      <c r="D14" s="223">
        <v>0</v>
      </c>
      <c r="E14" s="224">
        <v>17</v>
      </c>
      <c r="F14" s="225">
        <v>49</v>
      </c>
      <c r="G14" s="225">
        <v>384</v>
      </c>
      <c r="H14" s="225">
        <v>528</v>
      </c>
      <c r="I14" s="223">
        <v>463</v>
      </c>
      <c r="J14" s="226">
        <v>1441</v>
      </c>
      <c r="K14" s="227">
        <v>1441</v>
      </c>
      <c r="L14" s="222">
        <v>0</v>
      </c>
      <c r="M14" s="223">
        <v>0</v>
      </c>
      <c r="N14" s="226">
        <v>0</v>
      </c>
      <c r="O14" s="224">
        <v>17</v>
      </c>
      <c r="P14" s="225">
        <v>49</v>
      </c>
      <c r="Q14" s="225">
        <v>379</v>
      </c>
      <c r="R14" s="225">
        <v>528</v>
      </c>
      <c r="S14" s="223">
        <v>455</v>
      </c>
      <c r="T14" s="226">
        <v>1428</v>
      </c>
      <c r="U14" s="228">
        <v>1428</v>
      </c>
      <c r="V14" s="229">
        <v>0</v>
      </c>
      <c r="W14" s="223">
        <v>0</v>
      </c>
      <c r="X14" s="226">
        <v>0</v>
      </c>
      <c r="Y14" s="229">
        <v>0</v>
      </c>
      <c r="Z14" s="225">
        <v>0</v>
      </c>
      <c r="AA14" s="225">
        <v>5</v>
      </c>
      <c r="AB14" s="225">
        <v>0</v>
      </c>
      <c r="AC14" s="223">
        <v>8</v>
      </c>
      <c r="AD14" s="226">
        <v>13</v>
      </c>
      <c r="AE14" s="230">
        <v>13</v>
      </c>
      <c r="AF14" s="229">
        <v>0</v>
      </c>
      <c r="AG14" s="223">
        <v>0</v>
      </c>
      <c r="AH14" s="226">
        <v>0</v>
      </c>
      <c r="AI14" s="229">
        <v>103</v>
      </c>
      <c r="AJ14" s="225">
        <v>141</v>
      </c>
      <c r="AK14" s="225">
        <v>144</v>
      </c>
      <c r="AL14" s="225">
        <v>162</v>
      </c>
      <c r="AM14" s="223">
        <v>100</v>
      </c>
      <c r="AN14" s="226">
        <v>650</v>
      </c>
      <c r="AO14" s="230">
        <v>650</v>
      </c>
      <c r="AP14" s="229">
        <v>0</v>
      </c>
      <c r="AQ14" s="223">
        <v>0</v>
      </c>
      <c r="AR14" s="226">
        <v>0</v>
      </c>
      <c r="AS14" s="224">
        <v>102</v>
      </c>
      <c r="AT14" s="225">
        <v>138</v>
      </c>
      <c r="AU14" s="225">
        <v>143</v>
      </c>
      <c r="AV14" s="225">
        <v>156</v>
      </c>
      <c r="AW14" s="223">
        <v>95</v>
      </c>
      <c r="AX14" s="226">
        <v>634</v>
      </c>
      <c r="AY14" s="227">
        <v>634</v>
      </c>
      <c r="AZ14" s="222">
        <v>0</v>
      </c>
      <c r="BA14" s="223">
        <v>0</v>
      </c>
      <c r="BB14" s="223">
        <v>0</v>
      </c>
      <c r="BC14" s="224">
        <v>1</v>
      </c>
      <c r="BD14" s="225">
        <v>3</v>
      </c>
      <c r="BE14" s="225">
        <v>1</v>
      </c>
      <c r="BF14" s="225">
        <v>6</v>
      </c>
      <c r="BG14" s="223">
        <v>5</v>
      </c>
      <c r="BH14" s="226">
        <v>16</v>
      </c>
      <c r="BI14" s="228">
        <v>16</v>
      </c>
      <c r="BJ14" s="229">
        <v>0</v>
      </c>
      <c r="BK14" s="223">
        <v>0</v>
      </c>
      <c r="BL14" s="223">
        <v>0</v>
      </c>
      <c r="BM14" s="224">
        <v>0</v>
      </c>
      <c r="BN14" s="225">
        <v>0</v>
      </c>
      <c r="BO14" s="225">
        <v>0</v>
      </c>
      <c r="BP14" s="225">
        <v>1</v>
      </c>
      <c r="BQ14" s="223">
        <v>9</v>
      </c>
      <c r="BR14" s="226">
        <v>10</v>
      </c>
      <c r="BS14" s="227">
        <v>10</v>
      </c>
      <c r="BT14" s="222">
        <v>0</v>
      </c>
      <c r="BU14" s="223">
        <v>0</v>
      </c>
      <c r="BV14" s="223">
        <v>0</v>
      </c>
      <c r="BW14" s="224">
        <v>0</v>
      </c>
      <c r="BX14" s="225">
        <v>0</v>
      </c>
      <c r="BY14" s="225">
        <v>0</v>
      </c>
      <c r="BZ14" s="225">
        <v>1</v>
      </c>
      <c r="CA14" s="223">
        <v>9</v>
      </c>
      <c r="CB14" s="226">
        <v>10</v>
      </c>
      <c r="CC14" s="228">
        <v>10</v>
      </c>
      <c r="CD14" s="229">
        <v>0</v>
      </c>
      <c r="CE14" s="223">
        <v>0</v>
      </c>
      <c r="CF14" s="223">
        <v>0</v>
      </c>
      <c r="CG14" s="224">
        <v>0</v>
      </c>
      <c r="CH14" s="225">
        <v>0</v>
      </c>
      <c r="CI14" s="225">
        <v>0</v>
      </c>
      <c r="CJ14" s="225">
        <v>0</v>
      </c>
      <c r="CK14" s="223">
        <v>0</v>
      </c>
      <c r="CL14" s="226">
        <v>0</v>
      </c>
      <c r="CM14" s="228">
        <v>0</v>
      </c>
      <c r="CN14" s="229">
        <v>0</v>
      </c>
      <c r="CO14" s="223">
        <v>0</v>
      </c>
      <c r="CP14" s="223">
        <v>0</v>
      </c>
      <c r="CQ14" s="224">
        <v>1</v>
      </c>
      <c r="CR14" s="225">
        <v>0</v>
      </c>
      <c r="CS14" s="225">
        <v>1</v>
      </c>
      <c r="CT14" s="225">
        <v>4</v>
      </c>
      <c r="CU14" s="223">
        <v>30</v>
      </c>
      <c r="CV14" s="226">
        <v>36</v>
      </c>
      <c r="CW14" s="227">
        <v>36</v>
      </c>
      <c r="CX14" s="222">
        <v>0</v>
      </c>
      <c r="CY14" s="223">
        <v>0</v>
      </c>
      <c r="CZ14" s="223">
        <v>0</v>
      </c>
      <c r="DA14" s="224">
        <v>1</v>
      </c>
      <c r="DB14" s="225">
        <v>0</v>
      </c>
      <c r="DC14" s="225">
        <v>1</v>
      </c>
      <c r="DD14" s="225">
        <v>4</v>
      </c>
      <c r="DE14" s="223">
        <v>30</v>
      </c>
      <c r="DF14" s="226">
        <v>36</v>
      </c>
      <c r="DG14" s="228">
        <v>36</v>
      </c>
      <c r="DH14" s="229">
        <v>0</v>
      </c>
      <c r="DI14" s="223">
        <v>0</v>
      </c>
      <c r="DJ14" s="223">
        <v>0</v>
      </c>
      <c r="DK14" s="224">
        <v>0</v>
      </c>
      <c r="DL14" s="225">
        <v>0</v>
      </c>
      <c r="DM14" s="225">
        <v>0</v>
      </c>
      <c r="DN14" s="225">
        <v>0</v>
      </c>
      <c r="DO14" s="223">
        <v>0</v>
      </c>
      <c r="DP14" s="226">
        <v>0</v>
      </c>
      <c r="DQ14" s="228">
        <v>0</v>
      </c>
      <c r="DR14" s="229">
        <v>0</v>
      </c>
      <c r="DS14" s="223">
        <v>0</v>
      </c>
      <c r="DT14" s="223">
        <v>0</v>
      </c>
      <c r="DU14" s="224">
        <v>121</v>
      </c>
      <c r="DV14" s="225">
        <v>190</v>
      </c>
      <c r="DW14" s="225">
        <v>527</v>
      </c>
      <c r="DX14" s="225">
        <v>692</v>
      </c>
      <c r="DY14" s="223">
        <v>600</v>
      </c>
      <c r="DZ14" s="226">
        <v>2130</v>
      </c>
      <c r="EA14" s="228">
        <v>2130</v>
      </c>
      <c r="EB14" s="37"/>
    </row>
    <row r="15" spans="1:132" ht="20.25" customHeight="1" x14ac:dyDescent="0.2">
      <c r="A15" s="63" t="s">
        <v>11</v>
      </c>
      <c r="B15" s="222">
        <v>0</v>
      </c>
      <c r="C15" s="223">
        <v>0</v>
      </c>
      <c r="D15" s="223">
        <v>0</v>
      </c>
      <c r="E15" s="224">
        <v>2</v>
      </c>
      <c r="F15" s="225">
        <v>5</v>
      </c>
      <c r="G15" s="225">
        <v>211</v>
      </c>
      <c r="H15" s="225">
        <v>357</v>
      </c>
      <c r="I15" s="223">
        <v>174</v>
      </c>
      <c r="J15" s="226">
        <v>749</v>
      </c>
      <c r="K15" s="227">
        <v>749</v>
      </c>
      <c r="L15" s="222">
        <v>0</v>
      </c>
      <c r="M15" s="223">
        <v>0</v>
      </c>
      <c r="N15" s="226">
        <v>0</v>
      </c>
      <c r="O15" s="224">
        <v>2</v>
      </c>
      <c r="P15" s="225">
        <v>5</v>
      </c>
      <c r="Q15" s="225">
        <v>211</v>
      </c>
      <c r="R15" s="225">
        <v>355</v>
      </c>
      <c r="S15" s="223">
        <v>174</v>
      </c>
      <c r="T15" s="226">
        <v>747</v>
      </c>
      <c r="U15" s="228">
        <v>747</v>
      </c>
      <c r="V15" s="229">
        <v>0</v>
      </c>
      <c r="W15" s="223">
        <v>0</v>
      </c>
      <c r="X15" s="226">
        <v>0</v>
      </c>
      <c r="Y15" s="229">
        <v>0</v>
      </c>
      <c r="Z15" s="225">
        <v>0</v>
      </c>
      <c r="AA15" s="225">
        <v>0</v>
      </c>
      <c r="AB15" s="225">
        <v>2</v>
      </c>
      <c r="AC15" s="223">
        <v>0</v>
      </c>
      <c r="AD15" s="226">
        <v>2</v>
      </c>
      <c r="AE15" s="230">
        <v>2</v>
      </c>
      <c r="AF15" s="229">
        <v>0</v>
      </c>
      <c r="AG15" s="223">
        <v>0</v>
      </c>
      <c r="AH15" s="226">
        <v>0</v>
      </c>
      <c r="AI15" s="229">
        <v>80</v>
      </c>
      <c r="AJ15" s="225">
        <v>93</v>
      </c>
      <c r="AK15" s="225">
        <v>131</v>
      </c>
      <c r="AL15" s="225">
        <v>150</v>
      </c>
      <c r="AM15" s="223">
        <v>61</v>
      </c>
      <c r="AN15" s="226">
        <v>515</v>
      </c>
      <c r="AO15" s="230">
        <v>515</v>
      </c>
      <c r="AP15" s="229">
        <v>0</v>
      </c>
      <c r="AQ15" s="223">
        <v>0</v>
      </c>
      <c r="AR15" s="226">
        <v>0</v>
      </c>
      <c r="AS15" s="224">
        <v>78</v>
      </c>
      <c r="AT15" s="225">
        <v>92</v>
      </c>
      <c r="AU15" s="225">
        <v>128</v>
      </c>
      <c r="AV15" s="225">
        <v>147</v>
      </c>
      <c r="AW15" s="223">
        <v>61</v>
      </c>
      <c r="AX15" s="226">
        <v>506</v>
      </c>
      <c r="AY15" s="227">
        <v>506</v>
      </c>
      <c r="AZ15" s="222">
        <v>0</v>
      </c>
      <c r="BA15" s="223">
        <v>0</v>
      </c>
      <c r="BB15" s="223">
        <v>0</v>
      </c>
      <c r="BC15" s="224">
        <v>2</v>
      </c>
      <c r="BD15" s="225">
        <v>1</v>
      </c>
      <c r="BE15" s="225">
        <v>3</v>
      </c>
      <c r="BF15" s="225">
        <v>3</v>
      </c>
      <c r="BG15" s="223">
        <v>0</v>
      </c>
      <c r="BH15" s="226">
        <v>9</v>
      </c>
      <c r="BI15" s="228">
        <v>9</v>
      </c>
      <c r="BJ15" s="229">
        <v>0</v>
      </c>
      <c r="BK15" s="223">
        <v>0</v>
      </c>
      <c r="BL15" s="223">
        <v>0</v>
      </c>
      <c r="BM15" s="224">
        <v>0</v>
      </c>
      <c r="BN15" s="225">
        <v>0</v>
      </c>
      <c r="BO15" s="225">
        <v>0</v>
      </c>
      <c r="BP15" s="225">
        <v>0</v>
      </c>
      <c r="BQ15" s="223">
        <v>1</v>
      </c>
      <c r="BR15" s="226">
        <v>1</v>
      </c>
      <c r="BS15" s="227">
        <v>1</v>
      </c>
      <c r="BT15" s="222">
        <v>0</v>
      </c>
      <c r="BU15" s="223">
        <v>0</v>
      </c>
      <c r="BV15" s="223">
        <v>0</v>
      </c>
      <c r="BW15" s="224">
        <v>0</v>
      </c>
      <c r="BX15" s="225">
        <v>0</v>
      </c>
      <c r="BY15" s="225">
        <v>0</v>
      </c>
      <c r="BZ15" s="225">
        <v>0</v>
      </c>
      <c r="CA15" s="223">
        <v>1</v>
      </c>
      <c r="CB15" s="226">
        <v>1</v>
      </c>
      <c r="CC15" s="228">
        <v>1</v>
      </c>
      <c r="CD15" s="229">
        <v>0</v>
      </c>
      <c r="CE15" s="223">
        <v>0</v>
      </c>
      <c r="CF15" s="223">
        <v>0</v>
      </c>
      <c r="CG15" s="224">
        <v>0</v>
      </c>
      <c r="CH15" s="225">
        <v>0</v>
      </c>
      <c r="CI15" s="225">
        <v>0</v>
      </c>
      <c r="CJ15" s="225">
        <v>0</v>
      </c>
      <c r="CK15" s="223">
        <v>0</v>
      </c>
      <c r="CL15" s="226">
        <v>0</v>
      </c>
      <c r="CM15" s="228">
        <v>0</v>
      </c>
      <c r="CN15" s="229">
        <v>0</v>
      </c>
      <c r="CO15" s="223">
        <v>0</v>
      </c>
      <c r="CP15" s="223">
        <v>0</v>
      </c>
      <c r="CQ15" s="224">
        <v>3</v>
      </c>
      <c r="CR15" s="225">
        <v>6</v>
      </c>
      <c r="CS15" s="225">
        <v>5</v>
      </c>
      <c r="CT15" s="225">
        <v>9</v>
      </c>
      <c r="CU15" s="223">
        <v>19</v>
      </c>
      <c r="CV15" s="226">
        <v>42</v>
      </c>
      <c r="CW15" s="227">
        <v>42</v>
      </c>
      <c r="CX15" s="222">
        <v>0</v>
      </c>
      <c r="CY15" s="223">
        <v>0</v>
      </c>
      <c r="CZ15" s="223">
        <v>0</v>
      </c>
      <c r="DA15" s="224">
        <v>2</v>
      </c>
      <c r="DB15" s="225">
        <v>6</v>
      </c>
      <c r="DC15" s="225">
        <v>5</v>
      </c>
      <c r="DD15" s="225">
        <v>9</v>
      </c>
      <c r="DE15" s="223">
        <v>16</v>
      </c>
      <c r="DF15" s="226">
        <v>38</v>
      </c>
      <c r="DG15" s="228">
        <v>38</v>
      </c>
      <c r="DH15" s="229">
        <v>0</v>
      </c>
      <c r="DI15" s="223">
        <v>0</v>
      </c>
      <c r="DJ15" s="223">
        <v>0</v>
      </c>
      <c r="DK15" s="224">
        <v>1</v>
      </c>
      <c r="DL15" s="225">
        <v>0</v>
      </c>
      <c r="DM15" s="225">
        <v>0</v>
      </c>
      <c r="DN15" s="225">
        <v>0</v>
      </c>
      <c r="DO15" s="223">
        <v>3</v>
      </c>
      <c r="DP15" s="226">
        <v>4</v>
      </c>
      <c r="DQ15" s="228">
        <v>4</v>
      </c>
      <c r="DR15" s="229">
        <v>0</v>
      </c>
      <c r="DS15" s="223">
        <v>0</v>
      </c>
      <c r="DT15" s="223">
        <v>0</v>
      </c>
      <c r="DU15" s="224">
        <v>85</v>
      </c>
      <c r="DV15" s="225">
        <v>104</v>
      </c>
      <c r="DW15" s="225">
        <v>347</v>
      </c>
      <c r="DX15" s="225">
        <v>516</v>
      </c>
      <c r="DY15" s="223">
        <v>255</v>
      </c>
      <c r="DZ15" s="226">
        <v>1307</v>
      </c>
      <c r="EA15" s="228">
        <v>1307</v>
      </c>
      <c r="EB15" s="37"/>
    </row>
    <row r="16" spans="1:132" ht="20.25" customHeight="1" x14ac:dyDescent="0.2">
      <c r="A16" s="63" t="s">
        <v>12</v>
      </c>
      <c r="B16" s="222">
        <v>0</v>
      </c>
      <c r="C16" s="223">
        <v>0</v>
      </c>
      <c r="D16" s="223">
        <v>0</v>
      </c>
      <c r="E16" s="224">
        <v>2</v>
      </c>
      <c r="F16" s="225">
        <v>20</v>
      </c>
      <c r="G16" s="225">
        <v>184</v>
      </c>
      <c r="H16" s="225">
        <v>317</v>
      </c>
      <c r="I16" s="223">
        <v>224</v>
      </c>
      <c r="J16" s="226">
        <v>747</v>
      </c>
      <c r="K16" s="227">
        <v>747</v>
      </c>
      <c r="L16" s="222">
        <v>0</v>
      </c>
      <c r="M16" s="223">
        <v>0</v>
      </c>
      <c r="N16" s="226">
        <v>0</v>
      </c>
      <c r="O16" s="224">
        <v>2</v>
      </c>
      <c r="P16" s="225">
        <v>19</v>
      </c>
      <c r="Q16" s="225">
        <v>184</v>
      </c>
      <c r="R16" s="225">
        <v>316</v>
      </c>
      <c r="S16" s="223">
        <v>218</v>
      </c>
      <c r="T16" s="226">
        <v>739</v>
      </c>
      <c r="U16" s="228">
        <v>739</v>
      </c>
      <c r="V16" s="229">
        <v>0</v>
      </c>
      <c r="W16" s="223">
        <v>0</v>
      </c>
      <c r="X16" s="226">
        <v>0</v>
      </c>
      <c r="Y16" s="229">
        <v>0</v>
      </c>
      <c r="Z16" s="225">
        <v>1</v>
      </c>
      <c r="AA16" s="225">
        <v>0</v>
      </c>
      <c r="AB16" s="225">
        <v>1</v>
      </c>
      <c r="AC16" s="223">
        <v>6</v>
      </c>
      <c r="AD16" s="226">
        <v>8</v>
      </c>
      <c r="AE16" s="230">
        <v>8</v>
      </c>
      <c r="AF16" s="229">
        <v>0</v>
      </c>
      <c r="AG16" s="223">
        <v>0</v>
      </c>
      <c r="AH16" s="226">
        <v>0</v>
      </c>
      <c r="AI16" s="229">
        <v>44</v>
      </c>
      <c r="AJ16" s="225">
        <v>78</v>
      </c>
      <c r="AK16" s="225">
        <v>151</v>
      </c>
      <c r="AL16" s="225">
        <v>172</v>
      </c>
      <c r="AM16" s="223">
        <v>71</v>
      </c>
      <c r="AN16" s="226">
        <v>516</v>
      </c>
      <c r="AO16" s="230">
        <v>516</v>
      </c>
      <c r="AP16" s="229">
        <v>0</v>
      </c>
      <c r="AQ16" s="223">
        <v>0</v>
      </c>
      <c r="AR16" s="226">
        <v>0</v>
      </c>
      <c r="AS16" s="224">
        <v>43</v>
      </c>
      <c r="AT16" s="225">
        <v>78</v>
      </c>
      <c r="AU16" s="225">
        <v>148</v>
      </c>
      <c r="AV16" s="225">
        <v>170</v>
      </c>
      <c r="AW16" s="223">
        <v>71</v>
      </c>
      <c r="AX16" s="226">
        <v>510</v>
      </c>
      <c r="AY16" s="227">
        <v>510</v>
      </c>
      <c r="AZ16" s="222">
        <v>0</v>
      </c>
      <c r="BA16" s="223">
        <v>0</v>
      </c>
      <c r="BB16" s="223">
        <v>0</v>
      </c>
      <c r="BC16" s="224">
        <v>1</v>
      </c>
      <c r="BD16" s="225">
        <v>0</v>
      </c>
      <c r="BE16" s="225">
        <v>3</v>
      </c>
      <c r="BF16" s="225">
        <v>2</v>
      </c>
      <c r="BG16" s="223">
        <v>0</v>
      </c>
      <c r="BH16" s="226">
        <v>6</v>
      </c>
      <c r="BI16" s="228">
        <v>6</v>
      </c>
      <c r="BJ16" s="229">
        <v>0</v>
      </c>
      <c r="BK16" s="223">
        <v>0</v>
      </c>
      <c r="BL16" s="223">
        <v>0</v>
      </c>
      <c r="BM16" s="224">
        <v>0</v>
      </c>
      <c r="BN16" s="225">
        <v>0</v>
      </c>
      <c r="BO16" s="225">
        <v>0</v>
      </c>
      <c r="BP16" s="225">
        <v>10</v>
      </c>
      <c r="BQ16" s="223">
        <v>10</v>
      </c>
      <c r="BR16" s="226">
        <v>20</v>
      </c>
      <c r="BS16" s="227">
        <v>20</v>
      </c>
      <c r="BT16" s="222">
        <v>0</v>
      </c>
      <c r="BU16" s="223">
        <v>0</v>
      </c>
      <c r="BV16" s="223">
        <v>0</v>
      </c>
      <c r="BW16" s="224">
        <v>0</v>
      </c>
      <c r="BX16" s="225">
        <v>0</v>
      </c>
      <c r="BY16" s="225">
        <v>0</v>
      </c>
      <c r="BZ16" s="225">
        <v>10</v>
      </c>
      <c r="CA16" s="223">
        <v>10</v>
      </c>
      <c r="CB16" s="226">
        <v>20</v>
      </c>
      <c r="CC16" s="228">
        <v>20</v>
      </c>
      <c r="CD16" s="229">
        <v>0</v>
      </c>
      <c r="CE16" s="223">
        <v>0</v>
      </c>
      <c r="CF16" s="223">
        <v>0</v>
      </c>
      <c r="CG16" s="224">
        <v>0</v>
      </c>
      <c r="CH16" s="225">
        <v>0</v>
      </c>
      <c r="CI16" s="225">
        <v>0</v>
      </c>
      <c r="CJ16" s="225">
        <v>0</v>
      </c>
      <c r="CK16" s="223">
        <v>0</v>
      </c>
      <c r="CL16" s="226">
        <v>0</v>
      </c>
      <c r="CM16" s="228">
        <v>0</v>
      </c>
      <c r="CN16" s="229">
        <v>0</v>
      </c>
      <c r="CO16" s="223">
        <v>0</v>
      </c>
      <c r="CP16" s="223">
        <v>0</v>
      </c>
      <c r="CQ16" s="224">
        <v>0</v>
      </c>
      <c r="CR16" s="225">
        <v>1</v>
      </c>
      <c r="CS16" s="225">
        <v>3</v>
      </c>
      <c r="CT16" s="225">
        <v>1</v>
      </c>
      <c r="CU16" s="223">
        <v>6</v>
      </c>
      <c r="CV16" s="226">
        <v>11</v>
      </c>
      <c r="CW16" s="227">
        <v>11</v>
      </c>
      <c r="CX16" s="222">
        <v>0</v>
      </c>
      <c r="CY16" s="223">
        <v>0</v>
      </c>
      <c r="CZ16" s="223">
        <v>0</v>
      </c>
      <c r="DA16" s="224">
        <v>0</v>
      </c>
      <c r="DB16" s="225">
        <v>1</v>
      </c>
      <c r="DC16" s="225">
        <v>3</v>
      </c>
      <c r="DD16" s="225">
        <v>1</v>
      </c>
      <c r="DE16" s="223">
        <v>6</v>
      </c>
      <c r="DF16" s="226">
        <v>11</v>
      </c>
      <c r="DG16" s="228">
        <v>11</v>
      </c>
      <c r="DH16" s="229">
        <v>0</v>
      </c>
      <c r="DI16" s="223">
        <v>0</v>
      </c>
      <c r="DJ16" s="223">
        <v>0</v>
      </c>
      <c r="DK16" s="224">
        <v>0</v>
      </c>
      <c r="DL16" s="225">
        <v>0</v>
      </c>
      <c r="DM16" s="225">
        <v>0</v>
      </c>
      <c r="DN16" s="225">
        <v>0</v>
      </c>
      <c r="DO16" s="223">
        <v>0</v>
      </c>
      <c r="DP16" s="226">
        <v>0</v>
      </c>
      <c r="DQ16" s="228">
        <v>0</v>
      </c>
      <c r="DR16" s="229">
        <v>0</v>
      </c>
      <c r="DS16" s="223">
        <v>0</v>
      </c>
      <c r="DT16" s="223">
        <v>0</v>
      </c>
      <c r="DU16" s="224">
        <v>46</v>
      </c>
      <c r="DV16" s="225">
        <v>99</v>
      </c>
      <c r="DW16" s="225">
        <v>336</v>
      </c>
      <c r="DX16" s="225">
        <v>498</v>
      </c>
      <c r="DY16" s="223">
        <v>311</v>
      </c>
      <c r="DZ16" s="226">
        <v>1290</v>
      </c>
      <c r="EA16" s="228">
        <v>1290</v>
      </c>
      <c r="EB16" s="37"/>
    </row>
    <row r="17" spans="1:132" ht="20.25" customHeight="1" x14ac:dyDescent="0.2">
      <c r="A17" s="63" t="s">
        <v>13</v>
      </c>
      <c r="B17" s="222">
        <v>0</v>
      </c>
      <c r="C17" s="223">
        <v>0</v>
      </c>
      <c r="D17" s="223">
        <v>0</v>
      </c>
      <c r="E17" s="224">
        <v>3</v>
      </c>
      <c r="F17" s="225">
        <v>1</v>
      </c>
      <c r="G17" s="225">
        <v>70</v>
      </c>
      <c r="H17" s="225">
        <v>141</v>
      </c>
      <c r="I17" s="223">
        <v>113</v>
      </c>
      <c r="J17" s="226">
        <v>328</v>
      </c>
      <c r="K17" s="227">
        <v>328</v>
      </c>
      <c r="L17" s="222">
        <v>0</v>
      </c>
      <c r="M17" s="223">
        <v>0</v>
      </c>
      <c r="N17" s="226">
        <v>0</v>
      </c>
      <c r="O17" s="224">
        <v>3</v>
      </c>
      <c r="P17" s="225">
        <v>1</v>
      </c>
      <c r="Q17" s="225">
        <v>69</v>
      </c>
      <c r="R17" s="225">
        <v>141</v>
      </c>
      <c r="S17" s="223">
        <v>113</v>
      </c>
      <c r="T17" s="226">
        <v>327</v>
      </c>
      <c r="U17" s="228">
        <v>327</v>
      </c>
      <c r="V17" s="229">
        <v>0</v>
      </c>
      <c r="W17" s="223">
        <v>0</v>
      </c>
      <c r="X17" s="226">
        <v>0</v>
      </c>
      <c r="Y17" s="229">
        <v>0</v>
      </c>
      <c r="Z17" s="225">
        <v>0</v>
      </c>
      <c r="AA17" s="225">
        <v>1</v>
      </c>
      <c r="AB17" s="225">
        <v>0</v>
      </c>
      <c r="AC17" s="223">
        <v>0</v>
      </c>
      <c r="AD17" s="226">
        <v>1</v>
      </c>
      <c r="AE17" s="230">
        <v>1</v>
      </c>
      <c r="AF17" s="229">
        <v>0</v>
      </c>
      <c r="AG17" s="223">
        <v>0</v>
      </c>
      <c r="AH17" s="226">
        <v>0</v>
      </c>
      <c r="AI17" s="229">
        <v>10</v>
      </c>
      <c r="AJ17" s="225">
        <v>28</v>
      </c>
      <c r="AK17" s="225">
        <v>43</v>
      </c>
      <c r="AL17" s="225">
        <v>28</v>
      </c>
      <c r="AM17" s="223">
        <v>20</v>
      </c>
      <c r="AN17" s="226">
        <v>129</v>
      </c>
      <c r="AO17" s="230">
        <v>129</v>
      </c>
      <c r="AP17" s="229">
        <v>0</v>
      </c>
      <c r="AQ17" s="223">
        <v>0</v>
      </c>
      <c r="AR17" s="226">
        <v>0</v>
      </c>
      <c r="AS17" s="224">
        <v>10</v>
      </c>
      <c r="AT17" s="225">
        <v>28</v>
      </c>
      <c r="AU17" s="225">
        <v>40</v>
      </c>
      <c r="AV17" s="225">
        <v>28</v>
      </c>
      <c r="AW17" s="223">
        <v>19</v>
      </c>
      <c r="AX17" s="226">
        <v>125</v>
      </c>
      <c r="AY17" s="227">
        <v>125</v>
      </c>
      <c r="AZ17" s="222">
        <v>0</v>
      </c>
      <c r="BA17" s="223">
        <v>0</v>
      </c>
      <c r="BB17" s="223">
        <v>0</v>
      </c>
      <c r="BC17" s="224">
        <v>0</v>
      </c>
      <c r="BD17" s="225">
        <v>0</v>
      </c>
      <c r="BE17" s="225">
        <v>3</v>
      </c>
      <c r="BF17" s="225">
        <v>0</v>
      </c>
      <c r="BG17" s="223">
        <v>1</v>
      </c>
      <c r="BH17" s="226">
        <v>4</v>
      </c>
      <c r="BI17" s="228">
        <v>4</v>
      </c>
      <c r="BJ17" s="229">
        <v>0</v>
      </c>
      <c r="BK17" s="223">
        <v>0</v>
      </c>
      <c r="BL17" s="223">
        <v>0</v>
      </c>
      <c r="BM17" s="224">
        <v>0</v>
      </c>
      <c r="BN17" s="225">
        <v>0</v>
      </c>
      <c r="BO17" s="225">
        <v>0</v>
      </c>
      <c r="BP17" s="225">
        <v>0</v>
      </c>
      <c r="BQ17" s="223">
        <v>0</v>
      </c>
      <c r="BR17" s="226">
        <v>0</v>
      </c>
      <c r="BS17" s="227">
        <v>0</v>
      </c>
      <c r="BT17" s="222">
        <v>0</v>
      </c>
      <c r="BU17" s="223">
        <v>0</v>
      </c>
      <c r="BV17" s="223">
        <v>0</v>
      </c>
      <c r="BW17" s="224">
        <v>0</v>
      </c>
      <c r="BX17" s="225">
        <v>0</v>
      </c>
      <c r="BY17" s="225">
        <v>0</v>
      </c>
      <c r="BZ17" s="225">
        <v>0</v>
      </c>
      <c r="CA17" s="223">
        <v>0</v>
      </c>
      <c r="CB17" s="226">
        <v>0</v>
      </c>
      <c r="CC17" s="228">
        <v>0</v>
      </c>
      <c r="CD17" s="229">
        <v>0</v>
      </c>
      <c r="CE17" s="223">
        <v>0</v>
      </c>
      <c r="CF17" s="223">
        <v>0</v>
      </c>
      <c r="CG17" s="224">
        <v>0</v>
      </c>
      <c r="CH17" s="225">
        <v>0</v>
      </c>
      <c r="CI17" s="225">
        <v>0</v>
      </c>
      <c r="CJ17" s="225">
        <v>0</v>
      </c>
      <c r="CK17" s="223">
        <v>0</v>
      </c>
      <c r="CL17" s="226">
        <v>0</v>
      </c>
      <c r="CM17" s="228">
        <v>0</v>
      </c>
      <c r="CN17" s="229">
        <v>0</v>
      </c>
      <c r="CO17" s="223">
        <v>0</v>
      </c>
      <c r="CP17" s="223">
        <v>0</v>
      </c>
      <c r="CQ17" s="224">
        <v>0</v>
      </c>
      <c r="CR17" s="225">
        <v>0</v>
      </c>
      <c r="CS17" s="225">
        <v>0</v>
      </c>
      <c r="CT17" s="225">
        <v>0</v>
      </c>
      <c r="CU17" s="223">
        <v>0</v>
      </c>
      <c r="CV17" s="226">
        <v>0</v>
      </c>
      <c r="CW17" s="227">
        <v>0</v>
      </c>
      <c r="CX17" s="222">
        <v>0</v>
      </c>
      <c r="CY17" s="223">
        <v>0</v>
      </c>
      <c r="CZ17" s="223">
        <v>0</v>
      </c>
      <c r="DA17" s="224">
        <v>0</v>
      </c>
      <c r="DB17" s="225">
        <v>0</v>
      </c>
      <c r="DC17" s="225">
        <v>0</v>
      </c>
      <c r="DD17" s="225">
        <v>0</v>
      </c>
      <c r="DE17" s="223">
        <v>0</v>
      </c>
      <c r="DF17" s="226">
        <v>0</v>
      </c>
      <c r="DG17" s="228">
        <v>0</v>
      </c>
      <c r="DH17" s="229">
        <v>0</v>
      </c>
      <c r="DI17" s="223">
        <v>0</v>
      </c>
      <c r="DJ17" s="223">
        <v>0</v>
      </c>
      <c r="DK17" s="224">
        <v>0</v>
      </c>
      <c r="DL17" s="225">
        <v>0</v>
      </c>
      <c r="DM17" s="225">
        <v>0</v>
      </c>
      <c r="DN17" s="225">
        <v>0</v>
      </c>
      <c r="DO17" s="223">
        <v>0</v>
      </c>
      <c r="DP17" s="226">
        <v>0</v>
      </c>
      <c r="DQ17" s="228">
        <v>0</v>
      </c>
      <c r="DR17" s="229">
        <v>0</v>
      </c>
      <c r="DS17" s="223">
        <v>0</v>
      </c>
      <c r="DT17" s="223">
        <v>0</v>
      </c>
      <c r="DU17" s="224">
        <v>13</v>
      </c>
      <c r="DV17" s="225">
        <v>29</v>
      </c>
      <c r="DW17" s="225">
        <v>113</v>
      </c>
      <c r="DX17" s="225">
        <v>169</v>
      </c>
      <c r="DY17" s="223">
        <v>133</v>
      </c>
      <c r="DZ17" s="226">
        <v>457</v>
      </c>
      <c r="EA17" s="228">
        <v>457</v>
      </c>
      <c r="EB17" s="37"/>
    </row>
    <row r="18" spans="1:132" ht="20.25" customHeight="1" x14ac:dyDescent="0.2">
      <c r="A18" s="63" t="s">
        <v>15</v>
      </c>
      <c r="B18" s="222">
        <v>0</v>
      </c>
      <c r="C18" s="223">
        <v>0</v>
      </c>
      <c r="D18" s="223">
        <v>0</v>
      </c>
      <c r="E18" s="224">
        <v>0</v>
      </c>
      <c r="F18" s="225">
        <v>2</v>
      </c>
      <c r="G18" s="225">
        <v>84</v>
      </c>
      <c r="H18" s="225">
        <v>126</v>
      </c>
      <c r="I18" s="223">
        <v>77</v>
      </c>
      <c r="J18" s="226">
        <v>289</v>
      </c>
      <c r="K18" s="227">
        <v>289</v>
      </c>
      <c r="L18" s="222">
        <v>0</v>
      </c>
      <c r="M18" s="223">
        <v>0</v>
      </c>
      <c r="N18" s="226">
        <v>0</v>
      </c>
      <c r="O18" s="224">
        <v>0</v>
      </c>
      <c r="P18" s="225">
        <v>2</v>
      </c>
      <c r="Q18" s="225">
        <v>84</v>
      </c>
      <c r="R18" s="225">
        <v>125</v>
      </c>
      <c r="S18" s="223">
        <v>76</v>
      </c>
      <c r="T18" s="226">
        <v>287</v>
      </c>
      <c r="U18" s="228">
        <v>287</v>
      </c>
      <c r="V18" s="229">
        <v>0</v>
      </c>
      <c r="W18" s="223">
        <v>0</v>
      </c>
      <c r="X18" s="226">
        <v>0</v>
      </c>
      <c r="Y18" s="229">
        <v>0</v>
      </c>
      <c r="Z18" s="225">
        <v>0</v>
      </c>
      <c r="AA18" s="225">
        <v>0</v>
      </c>
      <c r="AB18" s="225">
        <v>1</v>
      </c>
      <c r="AC18" s="223">
        <v>1</v>
      </c>
      <c r="AD18" s="226">
        <v>2</v>
      </c>
      <c r="AE18" s="230">
        <v>2</v>
      </c>
      <c r="AF18" s="229">
        <v>0</v>
      </c>
      <c r="AG18" s="223">
        <v>0</v>
      </c>
      <c r="AH18" s="226">
        <v>0</v>
      </c>
      <c r="AI18" s="229">
        <v>23</v>
      </c>
      <c r="AJ18" s="225">
        <v>33</v>
      </c>
      <c r="AK18" s="225">
        <v>44</v>
      </c>
      <c r="AL18" s="225">
        <v>48</v>
      </c>
      <c r="AM18" s="223">
        <v>25</v>
      </c>
      <c r="AN18" s="226">
        <v>173</v>
      </c>
      <c r="AO18" s="230">
        <v>173</v>
      </c>
      <c r="AP18" s="229">
        <v>0</v>
      </c>
      <c r="AQ18" s="223">
        <v>0</v>
      </c>
      <c r="AR18" s="226">
        <v>0</v>
      </c>
      <c r="AS18" s="224">
        <v>22</v>
      </c>
      <c r="AT18" s="225">
        <v>32</v>
      </c>
      <c r="AU18" s="225">
        <v>44</v>
      </c>
      <c r="AV18" s="225">
        <v>46</v>
      </c>
      <c r="AW18" s="223">
        <v>24</v>
      </c>
      <c r="AX18" s="226">
        <v>168</v>
      </c>
      <c r="AY18" s="227">
        <v>168</v>
      </c>
      <c r="AZ18" s="222">
        <v>0</v>
      </c>
      <c r="BA18" s="223">
        <v>0</v>
      </c>
      <c r="BB18" s="223">
        <v>0</v>
      </c>
      <c r="BC18" s="224">
        <v>1</v>
      </c>
      <c r="BD18" s="225">
        <v>1</v>
      </c>
      <c r="BE18" s="225">
        <v>0</v>
      </c>
      <c r="BF18" s="225">
        <v>2</v>
      </c>
      <c r="BG18" s="223">
        <v>1</v>
      </c>
      <c r="BH18" s="226">
        <v>5</v>
      </c>
      <c r="BI18" s="228">
        <v>5</v>
      </c>
      <c r="BJ18" s="229">
        <v>0</v>
      </c>
      <c r="BK18" s="223">
        <v>0</v>
      </c>
      <c r="BL18" s="223">
        <v>0</v>
      </c>
      <c r="BM18" s="224">
        <v>0</v>
      </c>
      <c r="BN18" s="225">
        <v>0</v>
      </c>
      <c r="BO18" s="225">
        <v>0</v>
      </c>
      <c r="BP18" s="225">
        <v>0</v>
      </c>
      <c r="BQ18" s="223">
        <v>1</v>
      </c>
      <c r="BR18" s="226">
        <v>1</v>
      </c>
      <c r="BS18" s="227">
        <v>1</v>
      </c>
      <c r="BT18" s="222">
        <v>0</v>
      </c>
      <c r="BU18" s="223">
        <v>0</v>
      </c>
      <c r="BV18" s="223">
        <v>0</v>
      </c>
      <c r="BW18" s="224">
        <v>0</v>
      </c>
      <c r="BX18" s="225">
        <v>0</v>
      </c>
      <c r="BY18" s="225">
        <v>0</v>
      </c>
      <c r="BZ18" s="225">
        <v>0</v>
      </c>
      <c r="CA18" s="223">
        <v>1</v>
      </c>
      <c r="CB18" s="226">
        <v>1</v>
      </c>
      <c r="CC18" s="228">
        <v>1</v>
      </c>
      <c r="CD18" s="229">
        <v>0</v>
      </c>
      <c r="CE18" s="223">
        <v>0</v>
      </c>
      <c r="CF18" s="223">
        <v>0</v>
      </c>
      <c r="CG18" s="224">
        <v>0</v>
      </c>
      <c r="CH18" s="225">
        <v>0</v>
      </c>
      <c r="CI18" s="225">
        <v>0</v>
      </c>
      <c r="CJ18" s="225">
        <v>0</v>
      </c>
      <c r="CK18" s="223">
        <v>0</v>
      </c>
      <c r="CL18" s="226">
        <v>0</v>
      </c>
      <c r="CM18" s="228">
        <v>0</v>
      </c>
      <c r="CN18" s="229">
        <v>0</v>
      </c>
      <c r="CO18" s="223">
        <v>0</v>
      </c>
      <c r="CP18" s="223">
        <v>0</v>
      </c>
      <c r="CQ18" s="224">
        <v>0</v>
      </c>
      <c r="CR18" s="225">
        <v>0</v>
      </c>
      <c r="CS18" s="225">
        <v>0</v>
      </c>
      <c r="CT18" s="225">
        <v>0</v>
      </c>
      <c r="CU18" s="223">
        <v>0</v>
      </c>
      <c r="CV18" s="226">
        <v>0</v>
      </c>
      <c r="CW18" s="227">
        <v>0</v>
      </c>
      <c r="CX18" s="222">
        <v>0</v>
      </c>
      <c r="CY18" s="223">
        <v>0</v>
      </c>
      <c r="CZ18" s="223">
        <v>0</v>
      </c>
      <c r="DA18" s="224">
        <v>0</v>
      </c>
      <c r="DB18" s="225">
        <v>0</v>
      </c>
      <c r="DC18" s="225">
        <v>0</v>
      </c>
      <c r="DD18" s="225">
        <v>0</v>
      </c>
      <c r="DE18" s="223">
        <v>0</v>
      </c>
      <c r="DF18" s="226">
        <v>0</v>
      </c>
      <c r="DG18" s="228">
        <v>0</v>
      </c>
      <c r="DH18" s="229">
        <v>0</v>
      </c>
      <c r="DI18" s="223">
        <v>0</v>
      </c>
      <c r="DJ18" s="223">
        <v>0</v>
      </c>
      <c r="DK18" s="224">
        <v>0</v>
      </c>
      <c r="DL18" s="225">
        <v>0</v>
      </c>
      <c r="DM18" s="225">
        <v>0</v>
      </c>
      <c r="DN18" s="225">
        <v>0</v>
      </c>
      <c r="DO18" s="223">
        <v>0</v>
      </c>
      <c r="DP18" s="226">
        <v>0</v>
      </c>
      <c r="DQ18" s="228">
        <v>0</v>
      </c>
      <c r="DR18" s="229">
        <v>0</v>
      </c>
      <c r="DS18" s="223">
        <v>0</v>
      </c>
      <c r="DT18" s="223">
        <v>0</v>
      </c>
      <c r="DU18" s="224">
        <v>23</v>
      </c>
      <c r="DV18" s="225">
        <v>35</v>
      </c>
      <c r="DW18" s="225">
        <v>128</v>
      </c>
      <c r="DX18" s="225">
        <v>174</v>
      </c>
      <c r="DY18" s="223">
        <v>103</v>
      </c>
      <c r="DZ18" s="226">
        <v>463</v>
      </c>
      <c r="EA18" s="228">
        <v>463</v>
      </c>
      <c r="EB18" s="37"/>
    </row>
    <row r="19" spans="1:132" ht="20.25" customHeight="1" x14ac:dyDescent="0.2">
      <c r="A19" s="63" t="s">
        <v>16</v>
      </c>
      <c r="B19" s="222">
        <v>0</v>
      </c>
      <c r="C19" s="223">
        <v>0</v>
      </c>
      <c r="D19" s="223">
        <v>0</v>
      </c>
      <c r="E19" s="224">
        <v>9</v>
      </c>
      <c r="F19" s="225">
        <v>26</v>
      </c>
      <c r="G19" s="225">
        <v>193</v>
      </c>
      <c r="H19" s="225">
        <v>269</v>
      </c>
      <c r="I19" s="223">
        <v>194</v>
      </c>
      <c r="J19" s="226">
        <v>691</v>
      </c>
      <c r="K19" s="227">
        <v>691</v>
      </c>
      <c r="L19" s="222">
        <v>0</v>
      </c>
      <c r="M19" s="223">
        <v>0</v>
      </c>
      <c r="N19" s="226">
        <v>0</v>
      </c>
      <c r="O19" s="224">
        <v>9</v>
      </c>
      <c r="P19" s="225">
        <v>26</v>
      </c>
      <c r="Q19" s="225">
        <v>193</v>
      </c>
      <c r="R19" s="225">
        <v>267</v>
      </c>
      <c r="S19" s="223">
        <v>189</v>
      </c>
      <c r="T19" s="226">
        <v>684</v>
      </c>
      <c r="U19" s="228">
        <v>684</v>
      </c>
      <c r="V19" s="229">
        <v>0</v>
      </c>
      <c r="W19" s="223">
        <v>0</v>
      </c>
      <c r="X19" s="226">
        <v>0</v>
      </c>
      <c r="Y19" s="229">
        <v>0</v>
      </c>
      <c r="Z19" s="225">
        <v>0</v>
      </c>
      <c r="AA19" s="225">
        <v>0</v>
      </c>
      <c r="AB19" s="225">
        <v>2</v>
      </c>
      <c r="AC19" s="223">
        <v>5</v>
      </c>
      <c r="AD19" s="226">
        <v>7</v>
      </c>
      <c r="AE19" s="230">
        <v>7</v>
      </c>
      <c r="AF19" s="229">
        <v>0</v>
      </c>
      <c r="AG19" s="223">
        <v>0</v>
      </c>
      <c r="AH19" s="226">
        <v>0</v>
      </c>
      <c r="AI19" s="229">
        <v>69</v>
      </c>
      <c r="AJ19" s="225">
        <v>88</v>
      </c>
      <c r="AK19" s="225">
        <v>139</v>
      </c>
      <c r="AL19" s="225">
        <v>120</v>
      </c>
      <c r="AM19" s="223">
        <v>62</v>
      </c>
      <c r="AN19" s="226">
        <v>478</v>
      </c>
      <c r="AO19" s="230">
        <v>478</v>
      </c>
      <c r="AP19" s="229">
        <v>0</v>
      </c>
      <c r="AQ19" s="223">
        <v>0</v>
      </c>
      <c r="AR19" s="226">
        <v>0</v>
      </c>
      <c r="AS19" s="224">
        <v>69</v>
      </c>
      <c r="AT19" s="225">
        <v>88</v>
      </c>
      <c r="AU19" s="225">
        <v>137</v>
      </c>
      <c r="AV19" s="225">
        <v>119</v>
      </c>
      <c r="AW19" s="223">
        <v>61</v>
      </c>
      <c r="AX19" s="226">
        <v>474</v>
      </c>
      <c r="AY19" s="227">
        <v>474</v>
      </c>
      <c r="AZ19" s="222">
        <v>0</v>
      </c>
      <c r="BA19" s="223">
        <v>0</v>
      </c>
      <c r="BB19" s="223">
        <v>0</v>
      </c>
      <c r="BC19" s="224">
        <v>0</v>
      </c>
      <c r="BD19" s="225">
        <v>0</v>
      </c>
      <c r="BE19" s="225">
        <v>2</v>
      </c>
      <c r="BF19" s="225">
        <v>1</v>
      </c>
      <c r="BG19" s="223">
        <v>1</v>
      </c>
      <c r="BH19" s="226">
        <v>4</v>
      </c>
      <c r="BI19" s="228">
        <v>4</v>
      </c>
      <c r="BJ19" s="229">
        <v>0</v>
      </c>
      <c r="BK19" s="223">
        <v>0</v>
      </c>
      <c r="BL19" s="223">
        <v>0</v>
      </c>
      <c r="BM19" s="224">
        <v>0</v>
      </c>
      <c r="BN19" s="225">
        <v>0</v>
      </c>
      <c r="BO19" s="225">
        <v>0</v>
      </c>
      <c r="BP19" s="225">
        <v>1</v>
      </c>
      <c r="BQ19" s="223">
        <v>3</v>
      </c>
      <c r="BR19" s="226">
        <v>4</v>
      </c>
      <c r="BS19" s="227">
        <v>4</v>
      </c>
      <c r="BT19" s="222">
        <v>0</v>
      </c>
      <c r="BU19" s="223">
        <v>0</v>
      </c>
      <c r="BV19" s="223">
        <v>0</v>
      </c>
      <c r="BW19" s="224">
        <v>0</v>
      </c>
      <c r="BX19" s="225">
        <v>0</v>
      </c>
      <c r="BY19" s="225">
        <v>0</v>
      </c>
      <c r="BZ19" s="225">
        <v>1</v>
      </c>
      <c r="CA19" s="223">
        <v>3</v>
      </c>
      <c r="CB19" s="226">
        <v>4</v>
      </c>
      <c r="CC19" s="228">
        <v>4</v>
      </c>
      <c r="CD19" s="229">
        <v>0</v>
      </c>
      <c r="CE19" s="223">
        <v>0</v>
      </c>
      <c r="CF19" s="223">
        <v>0</v>
      </c>
      <c r="CG19" s="224">
        <v>0</v>
      </c>
      <c r="CH19" s="225">
        <v>0</v>
      </c>
      <c r="CI19" s="225">
        <v>0</v>
      </c>
      <c r="CJ19" s="225">
        <v>0</v>
      </c>
      <c r="CK19" s="223">
        <v>0</v>
      </c>
      <c r="CL19" s="226">
        <v>0</v>
      </c>
      <c r="CM19" s="228">
        <v>0</v>
      </c>
      <c r="CN19" s="229">
        <v>0</v>
      </c>
      <c r="CO19" s="223">
        <v>0</v>
      </c>
      <c r="CP19" s="223">
        <v>0</v>
      </c>
      <c r="CQ19" s="224">
        <v>0</v>
      </c>
      <c r="CR19" s="225">
        <v>0</v>
      </c>
      <c r="CS19" s="225">
        <v>7</v>
      </c>
      <c r="CT19" s="225">
        <v>13</v>
      </c>
      <c r="CU19" s="223">
        <v>11</v>
      </c>
      <c r="CV19" s="226">
        <v>31</v>
      </c>
      <c r="CW19" s="227">
        <v>31</v>
      </c>
      <c r="CX19" s="222">
        <v>0</v>
      </c>
      <c r="CY19" s="223">
        <v>0</v>
      </c>
      <c r="CZ19" s="223">
        <v>0</v>
      </c>
      <c r="DA19" s="224">
        <v>0</v>
      </c>
      <c r="DB19" s="225">
        <v>0</v>
      </c>
      <c r="DC19" s="225">
        <v>7</v>
      </c>
      <c r="DD19" s="225">
        <v>13</v>
      </c>
      <c r="DE19" s="223">
        <v>11</v>
      </c>
      <c r="DF19" s="226">
        <v>31</v>
      </c>
      <c r="DG19" s="228">
        <v>31</v>
      </c>
      <c r="DH19" s="229">
        <v>0</v>
      </c>
      <c r="DI19" s="223">
        <v>0</v>
      </c>
      <c r="DJ19" s="223">
        <v>0</v>
      </c>
      <c r="DK19" s="224">
        <v>0</v>
      </c>
      <c r="DL19" s="225">
        <v>0</v>
      </c>
      <c r="DM19" s="225">
        <v>0</v>
      </c>
      <c r="DN19" s="225">
        <v>0</v>
      </c>
      <c r="DO19" s="223">
        <v>0</v>
      </c>
      <c r="DP19" s="226">
        <v>0</v>
      </c>
      <c r="DQ19" s="228">
        <v>0</v>
      </c>
      <c r="DR19" s="229">
        <v>0</v>
      </c>
      <c r="DS19" s="223">
        <v>0</v>
      </c>
      <c r="DT19" s="223">
        <v>0</v>
      </c>
      <c r="DU19" s="224">
        <v>78</v>
      </c>
      <c r="DV19" s="225">
        <v>114</v>
      </c>
      <c r="DW19" s="225">
        <v>338</v>
      </c>
      <c r="DX19" s="225">
        <v>401</v>
      </c>
      <c r="DY19" s="223">
        <v>269</v>
      </c>
      <c r="DZ19" s="226">
        <v>1200</v>
      </c>
      <c r="EA19" s="228">
        <v>1200</v>
      </c>
      <c r="EB19" s="37"/>
    </row>
    <row r="20" spans="1:132" ht="20.25" customHeight="1" x14ac:dyDescent="0.2">
      <c r="A20" s="63" t="s">
        <v>17</v>
      </c>
      <c r="B20" s="222">
        <v>0</v>
      </c>
      <c r="C20" s="223">
        <v>0</v>
      </c>
      <c r="D20" s="223">
        <v>0</v>
      </c>
      <c r="E20" s="224">
        <v>8</v>
      </c>
      <c r="F20" s="225">
        <v>27</v>
      </c>
      <c r="G20" s="225">
        <v>195</v>
      </c>
      <c r="H20" s="225">
        <v>273</v>
      </c>
      <c r="I20" s="223">
        <v>207</v>
      </c>
      <c r="J20" s="226">
        <v>710</v>
      </c>
      <c r="K20" s="227">
        <v>710</v>
      </c>
      <c r="L20" s="222">
        <v>0</v>
      </c>
      <c r="M20" s="223">
        <v>0</v>
      </c>
      <c r="N20" s="226">
        <v>0</v>
      </c>
      <c r="O20" s="224">
        <v>8</v>
      </c>
      <c r="P20" s="225">
        <v>27</v>
      </c>
      <c r="Q20" s="225">
        <v>193</v>
      </c>
      <c r="R20" s="225">
        <v>270</v>
      </c>
      <c r="S20" s="223">
        <v>205</v>
      </c>
      <c r="T20" s="226">
        <v>703</v>
      </c>
      <c r="U20" s="228">
        <v>703</v>
      </c>
      <c r="V20" s="229">
        <v>0</v>
      </c>
      <c r="W20" s="223">
        <v>0</v>
      </c>
      <c r="X20" s="226">
        <v>0</v>
      </c>
      <c r="Y20" s="229">
        <v>0</v>
      </c>
      <c r="Z20" s="225">
        <v>0</v>
      </c>
      <c r="AA20" s="225">
        <v>2</v>
      </c>
      <c r="AB20" s="225">
        <v>3</v>
      </c>
      <c r="AC20" s="223">
        <v>2</v>
      </c>
      <c r="AD20" s="226">
        <v>7</v>
      </c>
      <c r="AE20" s="230">
        <v>7</v>
      </c>
      <c r="AF20" s="229">
        <v>0</v>
      </c>
      <c r="AG20" s="223">
        <v>0</v>
      </c>
      <c r="AH20" s="226">
        <v>0</v>
      </c>
      <c r="AI20" s="229">
        <v>37</v>
      </c>
      <c r="AJ20" s="225">
        <v>93</v>
      </c>
      <c r="AK20" s="225">
        <v>130</v>
      </c>
      <c r="AL20" s="225">
        <v>119</v>
      </c>
      <c r="AM20" s="223">
        <v>63</v>
      </c>
      <c r="AN20" s="226">
        <v>442</v>
      </c>
      <c r="AO20" s="230">
        <v>442</v>
      </c>
      <c r="AP20" s="229">
        <v>0</v>
      </c>
      <c r="AQ20" s="223">
        <v>0</v>
      </c>
      <c r="AR20" s="226">
        <v>0</v>
      </c>
      <c r="AS20" s="224">
        <v>36</v>
      </c>
      <c r="AT20" s="225">
        <v>92</v>
      </c>
      <c r="AU20" s="225">
        <v>128</v>
      </c>
      <c r="AV20" s="225">
        <v>115</v>
      </c>
      <c r="AW20" s="223">
        <v>63</v>
      </c>
      <c r="AX20" s="226">
        <v>434</v>
      </c>
      <c r="AY20" s="227">
        <v>434</v>
      </c>
      <c r="AZ20" s="222">
        <v>0</v>
      </c>
      <c r="BA20" s="223">
        <v>0</v>
      </c>
      <c r="BB20" s="223">
        <v>0</v>
      </c>
      <c r="BC20" s="224">
        <v>1</v>
      </c>
      <c r="BD20" s="225">
        <v>1</v>
      </c>
      <c r="BE20" s="225">
        <v>2</v>
      </c>
      <c r="BF20" s="225">
        <v>4</v>
      </c>
      <c r="BG20" s="223">
        <v>0</v>
      </c>
      <c r="BH20" s="226">
        <v>8</v>
      </c>
      <c r="BI20" s="228">
        <v>8</v>
      </c>
      <c r="BJ20" s="229">
        <v>0</v>
      </c>
      <c r="BK20" s="223">
        <v>0</v>
      </c>
      <c r="BL20" s="223">
        <v>0</v>
      </c>
      <c r="BM20" s="224">
        <v>0</v>
      </c>
      <c r="BN20" s="225">
        <v>0</v>
      </c>
      <c r="BO20" s="225">
        <v>0</v>
      </c>
      <c r="BP20" s="225">
        <v>0</v>
      </c>
      <c r="BQ20" s="223">
        <v>4</v>
      </c>
      <c r="BR20" s="226">
        <v>4</v>
      </c>
      <c r="BS20" s="227">
        <v>4</v>
      </c>
      <c r="BT20" s="222">
        <v>0</v>
      </c>
      <c r="BU20" s="223">
        <v>0</v>
      </c>
      <c r="BV20" s="223">
        <v>0</v>
      </c>
      <c r="BW20" s="224">
        <v>0</v>
      </c>
      <c r="BX20" s="225">
        <v>0</v>
      </c>
      <c r="BY20" s="225">
        <v>0</v>
      </c>
      <c r="BZ20" s="225">
        <v>0</v>
      </c>
      <c r="CA20" s="223">
        <v>4</v>
      </c>
      <c r="CB20" s="226">
        <v>4</v>
      </c>
      <c r="CC20" s="228">
        <v>4</v>
      </c>
      <c r="CD20" s="229">
        <v>0</v>
      </c>
      <c r="CE20" s="223">
        <v>0</v>
      </c>
      <c r="CF20" s="223">
        <v>0</v>
      </c>
      <c r="CG20" s="224">
        <v>0</v>
      </c>
      <c r="CH20" s="225">
        <v>0</v>
      </c>
      <c r="CI20" s="225">
        <v>0</v>
      </c>
      <c r="CJ20" s="225">
        <v>0</v>
      </c>
      <c r="CK20" s="223">
        <v>0</v>
      </c>
      <c r="CL20" s="226">
        <v>0</v>
      </c>
      <c r="CM20" s="228">
        <v>0</v>
      </c>
      <c r="CN20" s="229">
        <v>0</v>
      </c>
      <c r="CO20" s="223">
        <v>0</v>
      </c>
      <c r="CP20" s="223">
        <v>0</v>
      </c>
      <c r="CQ20" s="224">
        <v>0</v>
      </c>
      <c r="CR20" s="225">
        <v>0</v>
      </c>
      <c r="CS20" s="225">
        <v>0</v>
      </c>
      <c r="CT20" s="225">
        <v>4</v>
      </c>
      <c r="CU20" s="223">
        <v>11</v>
      </c>
      <c r="CV20" s="226">
        <v>15</v>
      </c>
      <c r="CW20" s="227">
        <v>15</v>
      </c>
      <c r="CX20" s="222">
        <v>0</v>
      </c>
      <c r="CY20" s="223">
        <v>0</v>
      </c>
      <c r="CZ20" s="223">
        <v>0</v>
      </c>
      <c r="DA20" s="224">
        <v>0</v>
      </c>
      <c r="DB20" s="225">
        <v>0</v>
      </c>
      <c r="DC20" s="225">
        <v>0</v>
      </c>
      <c r="DD20" s="225">
        <v>4</v>
      </c>
      <c r="DE20" s="223">
        <v>11</v>
      </c>
      <c r="DF20" s="226">
        <v>15</v>
      </c>
      <c r="DG20" s="228">
        <v>15</v>
      </c>
      <c r="DH20" s="229">
        <v>0</v>
      </c>
      <c r="DI20" s="223">
        <v>0</v>
      </c>
      <c r="DJ20" s="223">
        <v>0</v>
      </c>
      <c r="DK20" s="224">
        <v>0</v>
      </c>
      <c r="DL20" s="225">
        <v>0</v>
      </c>
      <c r="DM20" s="225">
        <v>0</v>
      </c>
      <c r="DN20" s="225">
        <v>0</v>
      </c>
      <c r="DO20" s="223">
        <v>0</v>
      </c>
      <c r="DP20" s="226">
        <v>0</v>
      </c>
      <c r="DQ20" s="228">
        <v>0</v>
      </c>
      <c r="DR20" s="229">
        <v>0</v>
      </c>
      <c r="DS20" s="223">
        <v>0</v>
      </c>
      <c r="DT20" s="223">
        <v>0</v>
      </c>
      <c r="DU20" s="224">
        <v>45</v>
      </c>
      <c r="DV20" s="225">
        <v>120</v>
      </c>
      <c r="DW20" s="225">
        <v>325</v>
      </c>
      <c r="DX20" s="225">
        <v>396</v>
      </c>
      <c r="DY20" s="223">
        <v>285</v>
      </c>
      <c r="DZ20" s="226">
        <v>1171</v>
      </c>
      <c r="EA20" s="228">
        <v>1171</v>
      </c>
      <c r="EB20" s="37"/>
    </row>
    <row r="21" spans="1:132" ht="20.25" customHeight="1" x14ac:dyDescent="0.2">
      <c r="A21" s="63" t="s">
        <v>18</v>
      </c>
      <c r="B21" s="222">
        <v>0</v>
      </c>
      <c r="C21" s="223">
        <v>0</v>
      </c>
      <c r="D21" s="223">
        <v>0</v>
      </c>
      <c r="E21" s="224">
        <v>5</v>
      </c>
      <c r="F21" s="225">
        <v>12</v>
      </c>
      <c r="G21" s="225">
        <v>186</v>
      </c>
      <c r="H21" s="225">
        <v>381</v>
      </c>
      <c r="I21" s="223">
        <v>266</v>
      </c>
      <c r="J21" s="226">
        <v>850</v>
      </c>
      <c r="K21" s="227">
        <v>850</v>
      </c>
      <c r="L21" s="222">
        <v>0</v>
      </c>
      <c r="M21" s="223">
        <v>0</v>
      </c>
      <c r="N21" s="226">
        <v>0</v>
      </c>
      <c r="O21" s="224">
        <v>5</v>
      </c>
      <c r="P21" s="225">
        <v>12</v>
      </c>
      <c r="Q21" s="225">
        <v>185</v>
      </c>
      <c r="R21" s="225">
        <v>378</v>
      </c>
      <c r="S21" s="223">
        <v>260</v>
      </c>
      <c r="T21" s="226">
        <v>840</v>
      </c>
      <c r="U21" s="228">
        <v>840</v>
      </c>
      <c r="V21" s="229">
        <v>0</v>
      </c>
      <c r="W21" s="223">
        <v>0</v>
      </c>
      <c r="X21" s="226">
        <v>0</v>
      </c>
      <c r="Y21" s="229">
        <v>0</v>
      </c>
      <c r="Z21" s="225">
        <v>0</v>
      </c>
      <c r="AA21" s="225">
        <v>1</v>
      </c>
      <c r="AB21" s="225">
        <v>3</v>
      </c>
      <c r="AC21" s="223">
        <v>6</v>
      </c>
      <c r="AD21" s="226">
        <v>10</v>
      </c>
      <c r="AE21" s="230">
        <v>10</v>
      </c>
      <c r="AF21" s="229">
        <v>0</v>
      </c>
      <c r="AG21" s="223">
        <v>0</v>
      </c>
      <c r="AH21" s="226">
        <v>0</v>
      </c>
      <c r="AI21" s="229">
        <v>41</v>
      </c>
      <c r="AJ21" s="225">
        <v>66</v>
      </c>
      <c r="AK21" s="225">
        <v>110</v>
      </c>
      <c r="AL21" s="225">
        <v>140</v>
      </c>
      <c r="AM21" s="223">
        <v>82</v>
      </c>
      <c r="AN21" s="226">
        <v>439</v>
      </c>
      <c r="AO21" s="230">
        <v>439</v>
      </c>
      <c r="AP21" s="229">
        <v>0</v>
      </c>
      <c r="AQ21" s="223">
        <v>0</v>
      </c>
      <c r="AR21" s="226">
        <v>0</v>
      </c>
      <c r="AS21" s="224">
        <v>41</v>
      </c>
      <c r="AT21" s="225">
        <v>64</v>
      </c>
      <c r="AU21" s="225">
        <v>107</v>
      </c>
      <c r="AV21" s="225">
        <v>138</v>
      </c>
      <c r="AW21" s="223">
        <v>80</v>
      </c>
      <c r="AX21" s="226">
        <v>430</v>
      </c>
      <c r="AY21" s="227">
        <v>430</v>
      </c>
      <c r="AZ21" s="222">
        <v>0</v>
      </c>
      <c r="BA21" s="223">
        <v>0</v>
      </c>
      <c r="BB21" s="223">
        <v>0</v>
      </c>
      <c r="BC21" s="224">
        <v>0</v>
      </c>
      <c r="BD21" s="225">
        <v>2</v>
      </c>
      <c r="BE21" s="225">
        <v>3</v>
      </c>
      <c r="BF21" s="225">
        <v>2</v>
      </c>
      <c r="BG21" s="223">
        <v>2</v>
      </c>
      <c r="BH21" s="226">
        <v>9</v>
      </c>
      <c r="BI21" s="228">
        <v>9</v>
      </c>
      <c r="BJ21" s="229">
        <v>0</v>
      </c>
      <c r="BK21" s="223">
        <v>0</v>
      </c>
      <c r="BL21" s="223">
        <v>0</v>
      </c>
      <c r="BM21" s="224">
        <v>0</v>
      </c>
      <c r="BN21" s="225">
        <v>0</v>
      </c>
      <c r="BO21" s="225">
        <v>0</v>
      </c>
      <c r="BP21" s="225">
        <v>0</v>
      </c>
      <c r="BQ21" s="223">
        <v>5</v>
      </c>
      <c r="BR21" s="226">
        <v>5</v>
      </c>
      <c r="BS21" s="227">
        <v>5</v>
      </c>
      <c r="BT21" s="222">
        <v>0</v>
      </c>
      <c r="BU21" s="223">
        <v>0</v>
      </c>
      <c r="BV21" s="223">
        <v>0</v>
      </c>
      <c r="BW21" s="224">
        <v>0</v>
      </c>
      <c r="BX21" s="225">
        <v>0</v>
      </c>
      <c r="BY21" s="225">
        <v>0</v>
      </c>
      <c r="BZ21" s="225">
        <v>0</v>
      </c>
      <c r="CA21" s="223">
        <v>5</v>
      </c>
      <c r="CB21" s="226">
        <v>5</v>
      </c>
      <c r="CC21" s="228">
        <v>5</v>
      </c>
      <c r="CD21" s="229">
        <v>0</v>
      </c>
      <c r="CE21" s="223">
        <v>0</v>
      </c>
      <c r="CF21" s="223">
        <v>0</v>
      </c>
      <c r="CG21" s="224">
        <v>0</v>
      </c>
      <c r="CH21" s="225">
        <v>0</v>
      </c>
      <c r="CI21" s="225">
        <v>0</v>
      </c>
      <c r="CJ21" s="225">
        <v>0</v>
      </c>
      <c r="CK21" s="223">
        <v>0</v>
      </c>
      <c r="CL21" s="226">
        <v>0</v>
      </c>
      <c r="CM21" s="228">
        <v>0</v>
      </c>
      <c r="CN21" s="229">
        <v>0</v>
      </c>
      <c r="CO21" s="223">
        <v>0</v>
      </c>
      <c r="CP21" s="223">
        <v>0</v>
      </c>
      <c r="CQ21" s="224">
        <v>0</v>
      </c>
      <c r="CR21" s="225">
        <v>0</v>
      </c>
      <c r="CS21" s="225">
        <v>1</v>
      </c>
      <c r="CT21" s="225">
        <v>11</v>
      </c>
      <c r="CU21" s="223">
        <v>19</v>
      </c>
      <c r="CV21" s="226">
        <v>31</v>
      </c>
      <c r="CW21" s="227">
        <v>31</v>
      </c>
      <c r="CX21" s="222">
        <v>0</v>
      </c>
      <c r="CY21" s="223">
        <v>0</v>
      </c>
      <c r="CZ21" s="223">
        <v>0</v>
      </c>
      <c r="DA21" s="224">
        <v>0</v>
      </c>
      <c r="DB21" s="225">
        <v>0</v>
      </c>
      <c r="DC21" s="225">
        <v>1</v>
      </c>
      <c r="DD21" s="225">
        <v>11</v>
      </c>
      <c r="DE21" s="223">
        <v>19</v>
      </c>
      <c r="DF21" s="226">
        <v>31</v>
      </c>
      <c r="DG21" s="228">
        <v>31</v>
      </c>
      <c r="DH21" s="229">
        <v>0</v>
      </c>
      <c r="DI21" s="223">
        <v>0</v>
      </c>
      <c r="DJ21" s="223">
        <v>0</v>
      </c>
      <c r="DK21" s="224">
        <v>0</v>
      </c>
      <c r="DL21" s="225">
        <v>0</v>
      </c>
      <c r="DM21" s="225">
        <v>0</v>
      </c>
      <c r="DN21" s="225">
        <v>0</v>
      </c>
      <c r="DO21" s="223">
        <v>0</v>
      </c>
      <c r="DP21" s="226">
        <v>0</v>
      </c>
      <c r="DQ21" s="228">
        <v>0</v>
      </c>
      <c r="DR21" s="229">
        <v>0</v>
      </c>
      <c r="DS21" s="223">
        <v>0</v>
      </c>
      <c r="DT21" s="223">
        <v>0</v>
      </c>
      <c r="DU21" s="224">
        <v>46</v>
      </c>
      <c r="DV21" s="225">
        <v>78</v>
      </c>
      <c r="DW21" s="225">
        <v>295</v>
      </c>
      <c r="DX21" s="225">
        <v>528</v>
      </c>
      <c r="DY21" s="223">
        <v>372</v>
      </c>
      <c r="DZ21" s="226">
        <v>1319</v>
      </c>
      <c r="EA21" s="228">
        <v>1319</v>
      </c>
      <c r="EB21" s="37"/>
    </row>
    <row r="22" spans="1:132" ht="20.25" customHeight="1" x14ac:dyDescent="0.2">
      <c r="A22" s="63" t="s">
        <v>19</v>
      </c>
      <c r="B22" s="222">
        <v>0</v>
      </c>
      <c r="C22" s="223">
        <v>0</v>
      </c>
      <c r="D22" s="223">
        <v>0</v>
      </c>
      <c r="E22" s="224">
        <v>1</v>
      </c>
      <c r="F22" s="225">
        <v>6</v>
      </c>
      <c r="G22" s="225">
        <v>111</v>
      </c>
      <c r="H22" s="225">
        <v>140</v>
      </c>
      <c r="I22" s="223">
        <v>93</v>
      </c>
      <c r="J22" s="226">
        <v>351</v>
      </c>
      <c r="K22" s="227">
        <v>351</v>
      </c>
      <c r="L22" s="222">
        <v>0</v>
      </c>
      <c r="M22" s="223">
        <v>0</v>
      </c>
      <c r="N22" s="226">
        <v>0</v>
      </c>
      <c r="O22" s="224">
        <v>1</v>
      </c>
      <c r="P22" s="225">
        <v>6</v>
      </c>
      <c r="Q22" s="225">
        <v>110</v>
      </c>
      <c r="R22" s="225">
        <v>140</v>
      </c>
      <c r="S22" s="223">
        <v>93</v>
      </c>
      <c r="T22" s="226">
        <v>350</v>
      </c>
      <c r="U22" s="228">
        <v>350</v>
      </c>
      <c r="V22" s="229">
        <v>0</v>
      </c>
      <c r="W22" s="223">
        <v>0</v>
      </c>
      <c r="X22" s="226">
        <v>0</v>
      </c>
      <c r="Y22" s="229">
        <v>0</v>
      </c>
      <c r="Z22" s="225">
        <v>0</v>
      </c>
      <c r="AA22" s="225">
        <v>1</v>
      </c>
      <c r="AB22" s="225">
        <v>0</v>
      </c>
      <c r="AC22" s="223">
        <v>0</v>
      </c>
      <c r="AD22" s="226">
        <v>1</v>
      </c>
      <c r="AE22" s="230">
        <v>1</v>
      </c>
      <c r="AF22" s="229">
        <v>0</v>
      </c>
      <c r="AG22" s="223">
        <v>0</v>
      </c>
      <c r="AH22" s="226">
        <v>0</v>
      </c>
      <c r="AI22" s="229">
        <v>14</v>
      </c>
      <c r="AJ22" s="225">
        <v>48</v>
      </c>
      <c r="AK22" s="225">
        <v>71</v>
      </c>
      <c r="AL22" s="225">
        <v>61</v>
      </c>
      <c r="AM22" s="223">
        <v>29</v>
      </c>
      <c r="AN22" s="226">
        <v>223</v>
      </c>
      <c r="AO22" s="230">
        <v>223</v>
      </c>
      <c r="AP22" s="229">
        <v>0</v>
      </c>
      <c r="AQ22" s="223">
        <v>0</v>
      </c>
      <c r="AR22" s="226">
        <v>0</v>
      </c>
      <c r="AS22" s="224">
        <v>14</v>
      </c>
      <c r="AT22" s="225">
        <v>48</v>
      </c>
      <c r="AU22" s="225">
        <v>69</v>
      </c>
      <c r="AV22" s="225">
        <v>59</v>
      </c>
      <c r="AW22" s="223">
        <v>29</v>
      </c>
      <c r="AX22" s="226">
        <v>219</v>
      </c>
      <c r="AY22" s="227">
        <v>219</v>
      </c>
      <c r="AZ22" s="222">
        <v>0</v>
      </c>
      <c r="BA22" s="223">
        <v>0</v>
      </c>
      <c r="BB22" s="223">
        <v>0</v>
      </c>
      <c r="BC22" s="224">
        <v>0</v>
      </c>
      <c r="BD22" s="225">
        <v>0</v>
      </c>
      <c r="BE22" s="225">
        <v>2</v>
      </c>
      <c r="BF22" s="225">
        <v>2</v>
      </c>
      <c r="BG22" s="223">
        <v>0</v>
      </c>
      <c r="BH22" s="226">
        <v>4</v>
      </c>
      <c r="BI22" s="228">
        <v>4</v>
      </c>
      <c r="BJ22" s="229">
        <v>0</v>
      </c>
      <c r="BK22" s="223">
        <v>0</v>
      </c>
      <c r="BL22" s="223">
        <v>0</v>
      </c>
      <c r="BM22" s="224">
        <v>0</v>
      </c>
      <c r="BN22" s="225">
        <v>0</v>
      </c>
      <c r="BO22" s="225">
        <v>0</v>
      </c>
      <c r="BP22" s="225">
        <v>0</v>
      </c>
      <c r="BQ22" s="223">
        <v>0</v>
      </c>
      <c r="BR22" s="226">
        <v>0</v>
      </c>
      <c r="BS22" s="227">
        <v>0</v>
      </c>
      <c r="BT22" s="222">
        <v>0</v>
      </c>
      <c r="BU22" s="223">
        <v>0</v>
      </c>
      <c r="BV22" s="223">
        <v>0</v>
      </c>
      <c r="BW22" s="224">
        <v>0</v>
      </c>
      <c r="BX22" s="225">
        <v>0</v>
      </c>
      <c r="BY22" s="225">
        <v>0</v>
      </c>
      <c r="BZ22" s="225">
        <v>0</v>
      </c>
      <c r="CA22" s="223">
        <v>0</v>
      </c>
      <c r="CB22" s="226">
        <v>0</v>
      </c>
      <c r="CC22" s="228">
        <v>0</v>
      </c>
      <c r="CD22" s="229">
        <v>0</v>
      </c>
      <c r="CE22" s="223">
        <v>0</v>
      </c>
      <c r="CF22" s="223">
        <v>0</v>
      </c>
      <c r="CG22" s="224">
        <v>0</v>
      </c>
      <c r="CH22" s="225">
        <v>0</v>
      </c>
      <c r="CI22" s="225">
        <v>0</v>
      </c>
      <c r="CJ22" s="225">
        <v>0</v>
      </c>
      <c r="CK22" s="223">
        <v>0</v>
      </c>
      <c r="CL22" s="226">
        <v>0</v>
      </c>
      <c r="CM22" s="228">
        <v>0</v>
      </c>
      <c r="CN22" s="229">
        <v>0</v>
      </c>
      <c r="CO22" s="223">
        <v>0</v>
      </c>
      <c r="CP22" s="223">
        <v>0</v>
      </c>
      <c r="CQ22" s="224">
        <v>0</v>
      </c>
      <c r="CR22" s="225">
        <v>0</v>
      </c>
      <c r="CS22" s="225">
        <v>0</v>
      </c>
      <c r="CT22" s="225">
        <v>4</v>
      </c>
      <c r="CU22" s="223">
        <v>6</v>
      </c>
      <c r="CV22" s="226">
        <v>10</v>
      </c>
      <c r="CW22" s="227">
        <v>10</v>
      </c>
      <c r="CX22" s="222">
        <v>0</v>
      </c>
      <c r="CY22" s="223">
        <v>0</v>
      </c>
      <c r="CZ22" s="223">
        <v>0</v>
      </c>
      <c r="DA22" s="224">
        <v>0</v>
      </c>
      <c r="DB22" s="225">
        <v>0</v>
      </c>
      <c r="DC22" s="225">
        <v>0</v>
      </c>
      <c r="DD22" s="225">
        <v>4</v>
      </c>
      <c r="DE22" s="223">
        <v>5</v>
      </c>
      <c r="DF22" s="226">
        <v>9</v>
      </c>
      <c r="DG22" s="228">
        <v>9</v>
      </c>
      <c r="DH22" s="229">
        <v>0</v>
      </c>
      <c r="DI22" s="223">
        <v>0</v>
      </c>
      <c r="DJ22" s="223">
        <v>0</v>
      </c>
      <c r="DK22" s="224">
        <v>0</v>
      </c>
      <c r="DL22" s="225">
        <v>0</v>
      </c>
      <c r="DM22" s="225">
        <v>0</v>
      </c>
      <c r="DN22" s="225">
        <v>0</v>
      </c>
      <c r="DO22" s="223">
        <v>1</v>
      </c>
      <c r="DP22" s="226">
        <v>1</v>
      </c>
      <c r="DQ22" s="228">
        <v>1</v>
      </c>
      <c r="DR22" s="229">
        <v>0</v>
      </c>
      <c r="DS22" s="223">
        <v>0</v>
      </c>
      <c r="DT22" s="223">
        <v>0</v>
      </c>
      <c r="DU22" s="224">
        <v>15</v>
      </c>
      <c r="DV22" s="225">
        <v>54</v>
      </c>
      <c r="DW22" s="225">
        <v>181</v>
      </c>
      <c r="DX22" s="225">
        <v>202</v>
      </c>
      <c r="DY22" s="223">
        <v>127</v>
      </c>
      <c r="DZ22" s="226">
        <v>579</v>
      </c>
      <c r="EA22" s="228">
        <v>579</v>
      </c>
      <c r="EB22" s="37"/>
    </row>
    <row r="23" spans="1:132" ht="20.25" customHeight="1" x14ac:dyDescent="0.2">
      <c r="A23" s="63" t="s">
        <v>20</v>
      </c>
      <c r="B23" s="222">
        <v>0</v>
      </c>
      <c r="C23" s="223">
        <v>0</v>
      </c>
      <c r="D23" s="223">
        <v>0</v>
      </c>
      <c r="E23" s="224">
        <v>4</v>
      </c>
      <c r="F23" s="225">
        <v>24</v>
      </c>
      <c r="G23" s="225">
        <v>151</v>
      </c>
      <c r="H23" s="225">
        <v>191</v>
      </c>
      <c r="I23" s="223">
        <v>104</v>
      </c>
      <c r="J23" s="226">
        <v>474</v>
      </c>
      <c r="K23" s="227">
        <v>474</v>
      </c>
      <c r="L23" s="222">
        <v>0</v>
      </c>
      <c r="M23" s="223">
        <v>0</v>
      </c>
      <c r="N23" s="226">
        <v>0</v>
      </c>
      <c r="O23" s="224">
        <v>4</v>
      </c>
      <c r="P23" s="225">
        <v>24</v>
      </c>
      <c r="Q23" s="225">
        <v>150</v>
      </c>
      <c r="R23" s="225">
        <v>189</v>
      </c>
      <c r="S23" s="223">
        <v>103</v>
      </c>
      <c r="T23" s="226">
        <v>470</v>
      </c>
      <c r="U23" s="228">
        <v>470</v>
      </c>
      <c r="V23" s="229">
        <v>0</v>
      </c>
      <c r="W23" s="223">
        <v>0</v>
      </c>
      <c r="X23" s="226">
        <v>0</v>
      </c>
      <c r="Y23" s="229">
        <v>0</v>
      </c>
      <c r="Z23" s="225">
        <v>0</v>
      </c>
      <c r="AA23" s="225">
        <v>1</v>
      </c>
      <c r="AB23" s="225">
        <v>2</v>
      </c>
      <c r="AC23" s="223">
        <v>1</v>
      </c>
      <c r="AD23" s="226">
        <v>4</v>
      </c>
      <c r="AE23" s="230">
        <v>4</v>
      </c>
      <c r="AF23" s="229">
        <v>0</v>
      </c>
      <c r="AG23" s="223">
        <v>0</v>
      </c>
      <c r="AH23" s="226">
        <v>0</v>
      </c>
      <c r="AI23" s="229">
        <v>19</v>
      </c>
      <c r="AJ23" s="225">
        <v>36</v>
      </c>
      <c r="AK23" s="225">
        <v>44</v>
      </c>
      <c r="AL23" s="225">
        <v>48</v>
      </c>
      <c r="AM23" s="223">
        <v>22</v>
      </c>
      <c r="AN23" s="226">
        <v>169</v>
      </c>
      <c r="AO23" s="230">
        <v>169</v>
      </c>
      <c r="AP23" s="229">
        <v>0</v>
      </c>
      <c r="AQ23" s="223">
        <v>0</v>
      </c>
      <c r="AR23" s="226">
        <v>0</v>
      </c>
      <c r="AS23" s="224">
        <v>19</v>
      </c>
      <c r="AT23" s="225">
        <v>36</v>
      </c>
      <c r="AU23" s="225">
        <v>44</v>
      </c>
      <c r="AV23" s="225">
        <v>46</v>
      </c>
      <c r="AW23" s="223">
        <v>22</v>
      </c>
      <c r="AX23" s="226">
        <v>167</v>
      </c>
      <c r="AY23" s="227">
        <v>167</v>
      </c>
      <c r="AZ23" s="222">
        <v>0</v>
      </c>
      <c r="BA23" s="223">
        <v>0</v>
      </c>
      <c r="BB23" s="223">
        <v>0</v>
      </c>
      <c r="BC23" s="224">
        <v>0</v>
      </c>
      <c r="BD23" s="225">
        <v>0</v>
      </c>
      <c r="BE23" s="225">
        <v>0</v>
      </c>
      <c r="BF23" s="225">
        <v>2</v>
      </c>
      <c r="BG23" s="223">
        <v>0</v>
      </c>
      <c r="BH23" s="226">
        <v>2</v>
      </c>
      <c r="BI23" s="228">
        <v>2</v>
      </c>
      <c r="BJ23" s="229">
        <v>0</v>
      </c>
      <c r="BK23" s="223">
        <v>0</v>
      </c>
      <c r="BL23" s="223">
        <v>0</v>
      </c>
      <c r="BM23" s="224">
        <v>0</v>
      </c>
      <c r="BN23" s="225">
        <v>0</v>
      </c>
      <c r="BO23" s="225">
        <v>0</v>
      </c>
      <c r="BP23" s="225">
        <v>0</v>
      </c>
      <c r="BQ23" s="223">
        <v>3</v>
      </c>
      <c r="BR23" s="226">
        <v>3</v>
      </c>
      <c r="BS23" s="227">
        <v>3</v>
      </c>
      <c r="BT23" s="222">
        <v>0</v>
      </c>
      <c r="BU23" s="223">
        <v>0</v>
      </c>
      <c r="BV23" s="223">
        <v>0</v>
      </c>
      <c r="BW23" s="224">
        <v>0</v>
      </c>
      <c r="BX23" s="225">
        <v>0</v>
      </c>
      <c r="BY23" s="225">
        <v>0</v>
      </c>
      <c r="BZ23" s="225">
        <v>0</v>
      </c>
      <c r="CA23" s="223">
        <v>3</v>
      </c>
      <c r="CB23" s="226">
        <v>3</v>
      </c>
      <c r="CC23" s="228">
        <v>3</v>
      </c>
      <c r="CD23" s="229">
        <v>0</v>
      </c>
      <c r="CE23" s="223">
        <v>0</v>
      </c>
      <c r="CF23" s="223">
        <v>0</v>
      </c>
      <c r="CG23" s="224">
        <v>0</v>
      </c>
      <c r="CH23" s="225">
        <v>0</v>
      </c>
      <c r="CI23" s="225">
        <v>0</v>
      </c>
      <c r="CJ23" s="225">
        <v>0</v>
      </c>
      <c r="CK23" s="223">
        <v>0</v>
      </c>
      <c r="CL23" s="226">
        <v>0</v>
      </c>
      <c r="CM23" s="228">
        <v>0</v>
      </c>
      <c r="CN23" s="229">
        <v>0</v>
      </c>
      <c r="CO23" s="223">
        <v>0</v>
      </c>
      <c r="CP23" s="223">
        <v>0</v>
      </c>
      <c r="CQ23" s="224">
        <v>0</v>
      </c>
      <c r="CR23" s="225">
        <v>0</v>
      </c>
      <c r="CS23" s="225">
        <v>1</v>
      </c>
      <c r="CT23" s="225">
        <v>0</v>
      </c>
      <c r="CU23" s="223">
        <v>6</v>
      </c>
      <c r="CV23" s="226">
        <v>7</v>
      </c>
      <c r="CW23" s="227">
        <v>7</v>
      </c>
      <c r="CX23" s="222">
        <v>0</v>
      </c>
      <c r="CY23" s="223">
        <v>0</v>
      </c>
      <c r="CZ23" s="223">
        <v>0</v>
      </c>
      <c r="DA23" s="224">
        <v>0</v>
      </c>
      <c r="DB23" s="225">
        <v>0</v>
      </c>
      <c r="DC23" s="225">
        <v>1</v>
      </c>
      <c r="DD23" s="225">
        <v>0</v>
      </c>
      <c r="DE23" s="223">
        <v>6</v>
      </c>
      <c r="DF23" s="226">
        <v>7</v>
      </c>
      <c r="DG23" s="228">
        <v>7</v>
      </c>
      <c r="DH23" s="229">
        <v>0</v>
      </c>
      <c r="DI23" s="223">
        <v>0</v>
      </c>
      <c r="DJ23" s="223">
        <v>0</v>
      </c>
      <c r="DK23" s="224">
        <v>0</v>
      </c>
      <c r="DL23" s="225">
        <v>0</v>
      </c>
      <c r="DM23" s="225">
        <v>0</v>
      </c>
      <c r="DN23" s="225">
        <v>0</v>
      </c>
      <c r="DO23" s="223">
        <v>0</v>
      </c>
      <c r="DP23" s="226">
        <v>0</v>
      </c>
      <c r="DQ23" s="228">
        <v>0</v>
      </c>
      <c r="DR23" s="229">
        <v>0</v>
      </c>
      <c r="DS23" s="223">
        <v>0</v>
      </c>
      <c r="DT23" s="223">
        <v>0</v>
      </c>
      <c r="DU23" s="224">
        <v>23</v>
      </c>
      <c r="DV23" s="225">
        <v>60</v>
      </c>
      <c r="DW23" s="225">
        <v>196</v>
      </c>
      <c r="DX23" s="225">
        <v>238</v>
      </c>
      <c r="DY23" s="223">
        <v>135</v>
      </c>
      <c r="DZ23" s="226">
        <v>652</v>
      </c>
      <c r="EA23" s="228">
        <v>652</v>
      </c>
      <c r="EB23" s="37"/>
    </row>
    <row r="24" spans="1:132" ht="20.25" customHeight="1" x14ac:dyDescent="0.2">
      <c r="A24" s="63" t="s">
        <v>21</v>
      </c>
      <c r="B24" s="222">
        <v>0</v>
      </c>
      <c r="C24" s="223">
        <v>0</v>
      </c>
      <c r="D24" s="223">
        <v>0</v>
      </c>
      <c r="E24" s="224">
        <v>3</v>
      </c>
      <c r="F24" s="225">
        <v>12</v>
      </c>
      <c r="G24" s="225">
        <v>170</v>
      </c>
      <c r="H24" s="225">
        <v>190</v>
      </c>
      <c r="I24" s="223">
        <v>143</v>
      </c>
      <c r="J24" s="226">
        <v>518</v>
      </c>
      <c r="K24" s="227">
        <v>518</v>
      </c>
      <c r="L24" s="222">
        <v>0</v>
      </c>
      <c r="M24" s="223">
        <v>0</v>
      </c>
      <c r="N24" s="226">
        <v>0</v>
      </c>
      <c r="O24" s="224">
        <v>3</v>
      </c>
      <c r="P24" s="225">
        <v>12</v>
      </c>
      <c r="Q24" s="225">
        <v>169</v>
      </c>
      <c r="R24" s="225">
        <v>190</v>
      </c>
      <c r="S24" s="223">
        <v>140</v>
      </c>
      <c r="T24" s="226">
        <v>514</v>
      </c>
      <c r="U24" s="228">
        <v>514</v>
      </c>
      <c r="V24" s="229">
        <v>0</v>
      </c>
      <c r="W24" s="223">
        <v>0</v>
      </c>
      <c r="X24" s="226">
        <v>0</v>
      </c>
      <c r="Y24" s="229">
        <v>0</v>
      </c>
      <c r="Z24" s="225">
        <v>0</v>
      </c>
      <c r="AA24" s="225">
        <v>1</v>
      </c>
      <c r="AB24" s="225">
        <v>0</v>
      </c>
      <c r="AC24" s="223">
        <v>3</v>
      </c>
      <c r="AD24" s="226">
        <v>4</v>
      </c>
      <c r="AE24" s="230">
        <v>4</v>
      </c>
      <c r="AF24" s="229">
        <v>0</v>
      </c>
      <c r="AG24" s="223">
        <v>0</v>
      </c>
      <c r="AH24" s="226">
        <v>0</v>
      </c>
      <c r="AI24" s="229">
        <v>20</v>
      </c>
      <c r="AJ24" s="225">
        <v>33</v>
      </c>
      <c r="AK24" s="225">
        <v>40</v>
      </c>
      <c r="AL24" s="225">
        <v>49</v>
      </c>
      <c r="AM24" s="223">
        <v>23</v>
      </c>
      <c r="AN24" s="226">
        <v>165</v>
      </c>
      <c r="AO24" s="230">
        <v>165</v>
      </c>
      <c r="AP24" s="229">
        <v>0</v>
      </c>
      <c r="AQ24" s="223">
        <v>0</v>
      </c>
      <c r="AR24" s="226">
        <v>0</v>
      </c>
      <c r="AS24" s="224">
        <v>20</v>
      </c>
      <c r="AT24" s="225">
        <v>33</v>
      </c>
      <c r="AU24" s="225">
        <v>40</v>
      </c>
      <c r="AV24" s="225">
        <v>45</v>
      </c>
      <c r="AW24" s="223">
        <v>21</v>
      </c>
      <c r="AX24" s="226">
        <v>159</v>
      </c>
      <c r="AY24" s="227">
        <v>159</v>
      </c>
      <c r="AZ24" s="222">
        <v>0</v>
      </c>
      <c r="BA24" s="223">
        <v>0</v>
      </c>
      <c r="BB24" s="223">
        <v>0</v>
      </c>
      <c r="BC24" s="224">
        <v>0</v>
      </c>
      <c r="BD24" s="225">
        <v>0</v>
      </c>
      <c r="BE24" s="225">
        <v>0</v>
      </c>
      <c r="BF24" s="225">
        <v>4</v>
      </c>
      <c r="BG24" s="223">
        <v>2</v>
      </c>
      <c r="BH24" s="226">
        <v>6</v>
      </c>
      <c r="BI24" s="228">
        <v>6</v>
      </c>
      <c r="BJ24" s="229">
        <v>0</v>
      </c>
      <c r="BK24" s="223">
        <v>0</v>
      </c>
      <c r="BL24" s="223">
        <v>0</v>
      </c>
      <c r="BM24" s="224">
        <v>0</v>
      </c>
      <c r="BN24" s="225">
        <v>0</v>
      </c>
      <c r="BO24" s="225">
        <v>1</v>
      </c>
      <c r="BP24" s="225">
        <v>0</v>
      </c>
      <c r="BQ24" s="223">
        <v>4</v>
      </c>
      <c r="BR24" s="226">
        <v>5</v>
      </c>
      <c r="BS24" s="227">
        <v>5</v>
      </c>
      <c r="BT24" s="222">
        <v>0</v>
      </c>
      <c r="BU24" s="223">
        <v>0</v>
      </c>
      <c r="BV24" s="223">
        <v>0</v>
      </c>
      <c r="BW24" s="224">
        <v>0</v>
      </c>
      <c r="BX24" s="225">
        <v>0</v>
      </c>
      <c r="BY24" s="225">
        <v>1</v>
      </c>
      <c r="BZ24" s="225">
        <v>0</v>
      </c>
      <c r="CA24" s="223">
        <v>4</v>
      </c>
      <c r="CB24" s="226">
        <v>5</v>
      </c>
      <c r="CC24" s="228">
        <v>5</v>
      </c>
      <c r="CD24" s="229">
        <v>0</v>
      </c>
      <c r="CE24" s="223">
        <v>0</v>
      </c>
      <c r="CF24" s="223">
        <v>0</v>
      </c>
      <c r="CG24" s="224">
        <v>0</v>
      </c>
      <c r="CH24" s="225">
        <v>0</v>
      </c>
      <c r="CI24" s="225">
        <v>0</v>
      </c>
      <c r="CJ24" s="225">
        <v>0</v>
      </c>
      <c r="CK24" s="223">
        <v>0</v>
      </c>
      <c r="CL24" s="226">
        <v>0</v>
      </c>
      <c r="CM24" s="228">
        <v>0</v>
      </c>
      <c r="CN24" s="229">
        <v>0</v>
      </c>
      <c r="CO24" s="223">
        <v>0</v>
      </c>
      <c r="CP24" s="223">
        <v>0</v>
      </c>
      <c r="CQ24" s="224">
        <v>0</v>
      </c>
      <c r="CR24" s="225">
        <v>0</v>
      </c>
      <c r="CS24" s="225">
        <v>1</v>
      </c>
      <c r="CT24" s="225">
        <v>7</v>
      </c>
      <c r="CU24" s="223">
        <v>8</v>
      </c>
      <c r="CV24" s="226">
        <v>16</v>
      </c>
      <c r="CW24" s="227">
        <v>16</v>
      </c>
      <c r="CX24" s="222">
        <v>0</v>
      </c>
      <c r="CY24" s="223">
        <v>0</v>
      </c>
      <c r="CZ24" s="223">
        <v>0</v>
      </c>
      <c r="DA24" s="224">
        <v>0</v>
      </c>
      <c r="DB24" s="225">
        <v>0</v>
      </c>
      <c r="DC24" s="225">
        <v>1</v>
      </c>
      <c r="DD24" s="225">
        <v>7</v>
      </c>
      <c r="DE24" s="223">
        <v>8</v>
      </c>
      <c r="DF24" s="226">
        <v>16</v>
      </c>
      <c r="DG24" s="228">
        <v>16</v>
      </c>
      <c r="DH24" s="229">
        <v>0</v>
      </c>
      <c r="DI24" s="223">
        <v>0</v>
      </c>
      <c r="DJ24" s="223">
        <v>0</v>
      </c>
      <c r="DK24" s="224">
        <v>0</v>
      </c>
      <c r="DL24" s="225">
        <v>0</v>
      </c>
      <c r="DM24" s="225">
        <v>0</v>
      </c>
      <c r="DN24" s="225">
        <v>0</v>
      </c>
      <c r="DO24" s="223">
        <v>0</v>
      </c>
      <c r="DP24" s="226">
        <v>0</v>
      </c>
      <c r="DQ24" s="228">
        <v>0</v>
      </c>
      <c r="DR24" s="229">
        <v>0</v>
      </c>
      <c r="DS24" s="223">
        <v>0</v>
      </c>
      <c r="DT24" s="223">
        <v>0</v>
      </c>
      <c r="DU24" s="224">
        <v>23</v>
      </c>
      <c r="DV24" s="225">
        <v>45</v>
      </c>
      <c r="DW24" s="225">
        <v>212</v>
      </c>
      <c r="DX24" s="225">
        <v>246</v>
      </c>
      <c r="DY24" s="223">
        <v>178</v>
      </c>
      <c r="DZ24" s="226">
        <v>704</v>
      </c>
      <c r="EA24" s="228">
        <v>704</v>
      </c>
      <c r="EB24" s="37"/>
    </row>
    <row r="25" spans="1:132" ht="20.25" customHeight="1" x14ac:dyDescent="0.2">
      <c r="A25" s="63" t="s">
        <v>22</v>
      </c>
      <c r="B25" s="222">
        <v>0</v>
      </c>
      <c r="C25" s="223">
        <v>0</v>
      </c>
      <c r="D25" s="223">
        <v>0</v>
      </c>
      <c r="E25" s="224">
        <v>2</v>
      </c>
      <c r="F25" s="225">
        <v>7</v>
      </c>
      <c r="G25" s="225">
        <v>42</v>
      </c>
      <c r="H25" s="225">
        <v>66</v>
      </c>
      <c r="I25" s="223">
        <v>32</v>
      </c>
      <c r="J25" s="226">
        <v>149</v>
      </c>
      <c r="K25" s="227">
        <v>149</v>
      </c>
      <c r="L25" s="222">
        <v>0</v>
      </c>
      <c r="M25" s="223">
        <v>0</v>
      </c>
      <c r="N25" s="226">
        <v>0</v>
      </c>
      <c r="O25" s="224">
        <v>2</v>
      </c>
      <c r="P25" s="225">
        <v>7</v>
      </c>
      <c r="Q25" s="225">
        <v>42</v>
      </c>
      <c r="R25" s="225">
        <v>66</v>
      </c>
      <c r="S25" s="223">
        <v>30</v>
      </c>
      <c r="T25" s="226">
        <v>147</v>
      </c>
      <c r="U25" s="228">
        <v>147</v>
      </c>
      <c r="V25" s="229">
        <v>0</v>
      </c>
      <c r="W25" s="223">
        <v>0</v>
      </c>
      <c r="X25" s="226">
        <v>0</v>
      </c>
      <c r="Y25" s="229">
        <v>0</v>
      </c>
      <c r="Z25" s="225">
        <v>0</v>
      </c>
      <c r="AA25" s="225">
        <v>0</v>
      </c>
      <c r="AB25" s="225">
        <v>0</v>
      </c>
      <c r="AC25" s="223">
        <v>2</v>
      </c>
      <c r="AD25" s="226">
        <v>2</v>
      </c>
      <c r="AE25" s="230">
        <v>2</v>
      </c>
      <c r="AF25" s="229">
        <v>0</v>
      </c>
      <c r="AG25" s="223">
        <v>0</v>
      </c>
      <c r="AH25" s="226">
        <v>0</v>
      </c>
      <c r="AI25" s="229">
        <v>12</v>
      </c>
      <c r="AJ25" s="225">
        <v>27</v>
      </c>
      <c r="AK25" s="225">
        <v>25</v>
      </c>
      <c r="AL25" s="225">
        <v>35</v>
      </c>
      <c r="AM25" s="223">
        <v>21</v>
      </c>
      <c r="AN25" s="226">
        <v>120</v>
      </c>
      <c r="AO25" s="230">
        <v>120</v>
      </c>
      <c r="AP25" s="229">
        <v>0</v>
      </c>
      <c r="AQ25" s="223">
        <v>0</v>
      </c>
      <c r="AR25" s="226">
        <v>0</v>
      </c>
      <c r="AS25" s="224">
        <v>12</v>
      </c>
      <c r="AT25" s="225">
        <v>27</v>
      </c>
      <c r="AU25" s="225">
        <v>25</v>
      </c>
      <c r="AV25" s="225">
        <v>34</v>
      </c>
      <c r="AW25" s="223">
        <v>21</v>
      </c>
      <c r="AX25" s="226">
        <v>119</v>
      </c>
      <c r="AY25" s="227">
        <v>119</v>
      </c>
      <c r="AZ25" s="222">
        <v>0</v>
      </c>
      <c r="BA25" s="223">
        <v>0</v>
      </c>
      <c r="BB25" s="223">
        <v>0</v>
      </c>
      <c r="BC25" s="224">
        <v>0</v>
      </c>
      <c r="BD25" s="225">
        <v>0</v>
      </c>
      <c r="BE25" s="225">
        <v>0</v>
      </c>
      <c r="BF25" s="225">
        <v>1</v>
      </c>
      <c r="BG25" s="223">
        <v>0</v>
      </c>
      <c r="BH25" s="226">
        <v>1</v>
      </c>
      <c r="BI25" s="228">
        <v>1</v>
      </c>
      <c r="BJ25" s="229">
        <v>0</v>
      </c>
      <c r="BK25" s="223">
        <v>0</v>
      </c>
      <c r="BL25" s="223">
        <v>0</v>
      </c>
      <c r="BM25" s="224">
        <v>0</v>
      </c>
      <c r="BN25" s="225">
        <v>0</v>
      </c>
      <c r="BO25" s="225">
        <v>1</v>
      </c>
      <c r="BP25" s="225">
        <v>0</v>
      </c>
      <c r="BQ25" s="223">
        <v>4</v>
      </c>
      <c r="BR25" s="226">
        <v>5</v>
      </c>
      <c r="BS25" s="227">
        <v>5</v>
      </c>
      <c r="BT25" s="222">
        <v>0</v>
      </c>
      <c r="BU25" s="223">
        <v>0</v>
      </c>
      <c r="BV25" s="223">
        <v>0</v>
      </c>
      <c r="BW25" s="224">
        <v>0</v>
      </c>
      <c r="BX25" s="225">
        <v>0</v>
      </c>
      <c r="BY25" s="225">
        <v>1</v>
      </c>
      <c r="BZ25" s="225">
        <v>0</v>
      </c>
      <c r="CA25" s="223">
        <v>4</v>
      </c>
      <c r="CB25" s="226">
        <v>5</v>
      </c>
      <c r="CC25" s="228">
        <v>5</v>
      </c>
      <c r="CD25" s="229">
        <v>0</v>
      </c>
      <c r="CE25" s="223">
        <v>0</v>
      </c>
      <c r="CF25" s="223">
        <v>0</v>
      </c>
      <c r="CG25" s="224">
        <v>0</v>
      </c>
      <c r="CH25" s="225">
        <v>0</v>
      </c>
      <c r="CI25" s="225">
        <v>0</v>
      </c>
      <c r="CJ25" s="225">
        <v>0</v>
      </c>
      <c r="CK25" s="223">
        <v>0</v>
      </c>
      <c r="CL25" s="226">
        <v>0</v>
      </c>
      <c r="CM25" s="228">
        <v>0</v>
      </c>
      <c r="CN25" s="229">
        <v>0</v>
      </c>
      <c r="CO25" s="223">
        <v>0</v>
      </c>
      <c r="CP25" s="223">
        <v>0</v>
      </c>
      <c r="CQ25" s="224">
        <v>0</v>
      </c>
      <c r="CR25" s="225">
        <v>0</v>
      </c>
      <c r="CS25" s="225">
        <v>1</v>
      </c>
      <c r="CT25" s="225">
        <v>2</v>
      </c>
      <c r="CU25" s="223">
        <v>3</v>
      </c>
      <c r="CV25" s="226">
        <v>6</v>
      </c>
      <c r="CW25" s="227">
        <v>6</v>
      </c>
      <c r="CX25" s="222">
        <v>0</v>
      </c>
      <c r="CY25" s="223">
        <v>0</v>
      </c>
      <c r="CZ25" s="223">
        <v>0</v>
      </c>
      <c r="DA25" s="224">
        <v>0</v>
      </c>
      <c r="DB25" s="225">
        <v>0</v>
      </c>
      <c r="DC25" s="225">
        <v>1</v>
      </c>
      <c r="DD25" s="225">
        <v>2</v>
      </c>
      <c r="DE25" s="223">
        <v>3</v>
      </c>
      <c r="DF25" s="226">
        <v>6</v>
      </c>
      <c r="DG25" s="228">
        <v>6</v>
      </c>
      <c r="DH25" s="229">
        <v>0</v>
      </c>
      <c r="DI25" s="223">
        <v>0</v>
      </c>
      <c r="DJ25" s="223">
        <v>0</v>
      </c>
      <c r="DK25" s="224">
        <v>0</v>
      </c>
      <c r="DL25" s="225">
        <v>0</v>
      </c>
      <c r="DM25" s="225">
        <v>0</v>
      </c>
      <c r="DN25" s="225">
        <v>0</v>
      </c>
      <c r="DO25" s="223">
        <v>0</v>
      </c>
      <c r="DP25" s="226">
        <v>0</v>
      </c>
      <c r="DQ25" s="228">
        <v>0</v>
      </c>
      <c r="DR25" s="229">
        <v>0</v>
      </c>
      <c r="DS25" s="223">
        <v>0</v>
      </c>
      <c r="DT25" s="223">
        <v>0</v>
      </c>
      <c r="DU25" s="224">
        <v>14</v>
      </c>
      <c r="DV25" s="225">
        <v>34</v>
      </c>
      <c r="DW25" s="225">
        <v>69</v>
      </c>
      <c r="DX25" s="225">
        <v>103</v>
      </c>
      <c r="DY25" s="223">
        <v>60</v>
      </c>
      <c r="DZ25" s="226">
        <v>280</v>
      </c>
      <c r="EA25" s="228">
        <v>280</v>
      </c>
      <c r="EB25" s="37"/>
    </row>
    <row r="26" spans="1:132" ht="20.25" customHeight="1" x14ac:dyDescent="0.2">
      <c r="A26" s="63" t="s">
        <v>23</v>
      </c>
      <c r="B26" s="222">
        <v>0</v>
      </c>
      <c r="C26" s="223">
        <v>0</v>
      </c>
      <c r="D26" s="223">
        <v>0</v>
      </c>
      <c r="E26" s="224">
        <v>4</v>
      </c>
      <c r="F26" s="225">
        <v>15</v>
      </c>
      <c r="G26" s="225">
        <v>73</v>
      </c>
      <c r="H26" s="225">
        <v>135</v>
      </c>
      <c r="I26" s="223">
        <v>104</v>
      </c>
      <c r="J26" s="226">
        <v>331</v>
      </c>
      <c r="K26" s="227">
        <v>331</v>
      </c>
      <c r="L26" s="222">
        <v>0</v>
      </c>
      <c r="M26" s="223">
        <v>0</v>
      </c>
      <c r="N26" s="226">
        <v>0</v>
      </c>
      <c r="O26" s="224">
        <v>4</v>
      </c>
      <c r="P26" s="225">
        <v>15</v>
      </c>
      <c r="Q26" s="225">
        <v>72</v>
      </c>
      <c r="R26" s="225">
        <v>135</v>
      </c>
      <c r="S26" s="223">
        <v>103</v>
      </c>
      <c r="T26" s="226">
        <v>329</v>
      </c>
      <c r="U26" s="228">
        <v>329</v>
      </c>
      <c r="V26" s="229">
        <v>0</v>
      </c>
      <c r="W26" s="223">
        <v>0</v>
      </c>
      <c r="X26" s="226">
        <v>0</v>
      </c>
      <c r="Y26" s="229">
        <v>0</v>
      </c>
      <c r="Z26" s="225">
        <v>0</v>
      </c>
      <c r="AA26" s="225">
        <v>1</v>
      </c>
      <c r="AB26" s="225">
        <v>0</v>
      </c>
      <c r="AC26" s="223">
        <v>1</v>
      </c>
      <c r="AD26" s="226">
        <v>2</v>
      </c>
      <c r="AE26" s="230">
        <v>2</v>
      </c>
      <c r="AF26" s="229">
        <v>0</v>
      </c>
      <c r="AG26" s="223">
        <v>0</v>
      </c>
      <c r="AH26" s="226">
        <v>0</v>
      </c>
      <c r="AI26" s="229">
        <v>14</v>
      </c>
      <c r="AJ26" s="225">
        <v>38</v>
      </c>
      <c r="AK26" s="225">
        <v>46</v>
      </c>
      <c r="AL26" s="225">
        <v>57</v>
      </c>
      <c r="AM26" s="223">
        <v>21</v>
      </c>
      <c r="AN26" s="226">
        <v>176</v>
      </c>
      <c r="AO26" s="230">
        <v>176</v>
      </c>
      <c r="AP26" s="229">
        <v>0</v>
      </c>
      <c r="AQ26" s="223">
        <v>0</v>
      </c>
      <c r="AR26" s="226">
        <v>0</v>
      </c>
      <c r="AS26" s="224">
        <v>14</v>
      </c>
      <c r="AT26" s="225">
        <v>37</v>
      </c>
      <c r="AU26" s="225">
        <v>46</v>
      </c>
      <c r="AV26" s="225">
        <v>57</v>
      </c>
      <c r="AW26" s="223">
        <v>19</v>
      </c>
      <c r="AX26" s="226">
        <v>173</v>
      </c>
      <c r="AY26" s="227">
        <v>173</v>
      </c>
      <c r="AZ26" s="222">
        <v>0</v>
      </c>
      <c r="BA26" s="223">
        <v>0</v>
      </c>
      <c r="BB26" s="223">
        <v>0</v>
      </c>
      <c r="BC26" s="224">
        <v>0</v>
      </c>
      <c r="BD26" s="225">
        <v>1</v>
      </c>
      <c r="BE26" s="225">
        <v>0</v>
      </c>
      <c r="BF26" s="225">
        <v>0</v>
      </c>
      <c r="BG26" s="223">
        <v>2</v>
      </c>
      <c r="BH26" s="226">
        <v>3</v>
      </c>
      <c r="BI26" s="228">
        <v>3</v>
      </c>
      <c r="BJ26" s="229">
        <v>0</v>
      </c>
      <c r="BK26" s="223">
        <v>0</v>
      </c>
      <c r="BL26" s="223">
        <v>0</v>
      </c>
      <c r="BM26" s="224">
        <v>0</v>
      </c>
      <c r="BN26" s="225">
        <v>0</v>
      </c>
      <c r="BO26" s="225">
        <v>0</v>
      </c>
      <c r="BP26" s="225">
        <v>2</v>
      </c>
      <c r="BQ26" s="223">
        <v>4</v>
      </c>
      <c r="BR26" s="226">
        <v>6</v>
      </c>
      <c r="BS26" s="227">
        <v>6</v>
      </c>
      <c r="BT26" s="222">
        <v>0</v>
      </c>
      <c r="BU26" s="223">
        <v>0</v>
      </c>
      <c r="BV26" s="223">
        <v>0</v>
      </c>
      <c r="BW26" s="224">
        <v>0</v>
      </c>
      <c r="BX26" s="225">
        <v>0</v>
      </c>
      <c r="BY26" s="225">
        <v>0</v>
      </c>
      <c r="BZ26" s="225">
        <v>2</v>
      </c>
      <c r="CA26" s="223">
        <v>4</v>
      </c>
      <c r="CB26" s="226">
        <v>6</v>
      </c>
      <c r="CC26" s="228">
        <v>6</v>
      </c>
      <c r="CD26" s="229">
        <v>0</v>
      </c>
      <c r="CE26" s="223">
        <v>0</v>
      </c>
      <c r="CF26" s="223">
        <v>0</v>
      </c>
      <c r="CG26" s="224">
        <v>0</v>
      </c>
      <c r="CH26" s="225">
        <v>0</v>
      </c>
      <c r="CI26" s="225">
        <v>0</v>
      </c>
      <c r="CJ26" s="225">
        <v>0</v>
      </c>
      <c r="CK26" s="223">
        <v>0</v>
      </c>
      <c r="CL26" s="226">
        <v>0</v>
      </c>
      <c r="CM26" s="228">
        <v>0</v>
      </c>
      <c r="CN26" s="229">
        <v>0</v>
      </c>
      <c r="CO26" s="223">
        <v>0</v>
      </c>
      <c r="CP26" s="223">
        <v>0</v>
      </c>
      <c r="CQ26" s="224">
        <v>0</v>
      </c>
      <c r="CR26" s="225">
        <v>0</v>
      </c>
      <c r="CS26" s="225">
        <v>0</v>
      </c>
      <c r="CT26" s="225">
        <v>1</v>
      </c>
      <c r="CU26" s="223">
        <v>3</v>
      </c>
      <c r="CV26" s="226">
        <v>4</v>
      </c>
      <c r="CW26" s="227">
        <v>4</v>
      </c>
      <c r="CX26" s="222">
        <v>0</v>
      </c>
      <c r="CY26" s="223">
        <v>0</v>
      </c>
      <c r="CZ26" s="223">
        <v>0</v>
      </c>
      <c r="DA26" s="224">
        <v>0</v>
      </c>
      <c r="DB26" s="225">
        <v>0</v>
      </c>
      <c r="DC26" s="225">
        <v>0</v>
      </c>
      <c r="DD26" s="225">
        <v>1</v>
      </c>
      <c r="DE26" s="223">
        <v>3</v>
      </c>
      <c r="DF26" s="226">
        <v>4</v>
      </c>
      <c r="DG26" s="228">
        <v>4</v>
      </c>
      <c r="DH26" s="229">
        <v>0</v>
      </c>
      <c r="DI26" s="223">
        <v>0</v>
      </c>
      <c r="DJ26" s="223">
        <v>0</v>
      </c>
      <c r="DK26" s="224">
        <v>0</v>
      </c>
      <c r="DL26" s="225">
        <v>0</v>
      </c>
      <c r="DM26" s="225">
        <v>0</v>
      </c>
      <c r="DN26" s="225">
        <v>0</v>
      </c>
      <c r="DO26" s="223">
        <v>0</v>
      </c>
      <c r="DP26" s="226">
        <v>0</v>
      </c>
      <c r="DQ26" s="228">
        <v>0</v>
      </c>
      <c r="DR26" s="229">
        <v>0</v>
      </c>
      <c r="DS26" s="223">
        <v>0</v>
      </c>
      <c r="DT26" s="223">
        <v>0</v>
      </c>
      <c r="DU26" s="224">
        <v>18</v>
      </c>
      <c r="DV26" s="225">
        <v>53</v>
      </c>
      <c r="DW26" s="225">
        <v>118</v>
      </c>
      <c r="DX26" s="225">
        <v>194</v>
      </c>
      <c r="DY26" s="223">
        <v>132</v>
      </c>
      <c r="DZ26" s="226">
        <v>515</v>
      </c>
      <c r="EA26" s="228">
        <v>515</v>
      </c>
      <c r="EB26" s="37"/>
    </row>
    <row r="27" spans="1:132" ht="20.25" customHeight="1" x14ac:dyDescent="0.2">
      <c r="A27" s="63" t="s">
        <v>24</v>
      </c>
      <c r="B27" s="222">
        <v>0</v>
      </c>
      <c r="C27" s="223">
        <v>0</v>
      </c>
      <c r="D27" s="223">
        <v>0</v>
      </c>
      <c r="E27" s="224">
        <v>0</v>
      </c>
      <c r="F27" s="225">
        <v>0</v>
      </c>
      <c r="G27" s="225">
        <v>34</v>
      </c>
      <c r="H27" s="225">
        <v>71</v>
      </c>
      <c r="I27" s="223">
        <v>61</v>
      </c>
      <c r="J27" s="226">
        <v>166</v>
      </c>
      <c r="K27" s="227">
        <v>166</v>
      </c>
      <c r="L27" s="222">
        <v>0</v>
      </c>
      <c r="M27" s="223">
        <v>0</v>
      </c>
      <c r="N27" s="226">
        <v>0</v>
      </c>
      <c r="O27" s="224">
        <v>0</v>
      </c>
      <c r="P27" s="225">
        <v>0</v>
      </c>
      <c r="Q27" s="225">
        <v>34</v>
      </c>
      <c r="R27" s="225">
        <v>71</v>
      </c>
      <c r="S27" s="223">
        <v>61</v>
      </c>
      <c r="T27" s="226">
        <v>166</v>
      </c>
      <c r="U27" s="228">
        <v>166</v>
      </c>
      <c r="V27" s="229">
        <v>0</v>
      </c>
      <c r="W27" s="223">
        <v>0</v>
      </c>
      <c r="X27" s="226">
        <v>0</v>
      </c>
      <c r="Y27" s="229">
        <v>0</v>
      </c>
      <c r="Z27" s="225">
        <v>0</v>
      </c>
      <c r="AA27" s="225">
        <v>0</v>
      </c>
      <c r="AB27" s="225">
        <v>0</v>
      </c>
      <c r="AC27" s="223">
        <v>0</v>
      </c>
      <c r="AD27" s="226">
        <v>0</v>
      </c>
      <c r="AE27" s="230">
        <v>0</v>
      </c>
      <c r="AF27" s="229">
        <v>0</v>
      </c>
      <c r="AG27" s="223">
        <v>0</v>
      </c>
      <c r="AH27" s="226">
        <v>0</v>
      </c>
      <c r="AI27" s="229">
        <v>13</v>
      </c>
      <c r="AJ27" s="225">
        <v>25</v>
      </c>
      <c r="AK27" s="225">
        <v>18</v>
      </c>
      <c r="AL27" s="225">
        <v>26</v>
      </c>
      <c r="AM27" s="223">
        <v>14</v>
      </c>
      <c r="AN27" s="226">
        <v>96</v>
      </c>
      <c r="AO27" s="230">
        <v>96</v>
      </c>
      <c r="AP27" s="229">
        <v>0</v>
      </c>
      <c r="AQ27" s="223">
        <v>0</v>
      </c>
      <c r="AR27" s="226">
        <v>0</v>
      </c>
      <c r="AS27" s="224">
        <v>13</v>
      </c>
      <c r="AT27" s="225">
        <v>25</v>
      </c>
      <c r="AU27" s="225">
        <v>18</v>
      </c>
      <c r="AV27" s="225">
        <v>26</v>
      </c>
      <c r="AW27" s="223">
        <v>13</v>
      </c>
      <c r="AX27" s="226">
        <v>95</v>
      </c>
      <c r="AY27" s="227">
        <v>95</v>
      </c>
      <c r="AZ27" s="222">
        <v>0</v>
      </c>
      <c r="BA27" s="223">
        <v>0</v>
      </c>
      <c r="BB27" s="223">
        <v>0</v>
      </c>
      <c r="BC27" s="224">
        <v>0</v>
      </c>
      <c r="BD27" s="225">
        <v>0</v>
      </c>
      <c r="BE27" s="225">
        <v>0</v>
      </c>
      <c r="BF27" s="225">
        <v>0</v>
      </c>
      <c r="BG27" s="223">
        <v>1</v>
      </c>
      <c r="BH27" s="226">
        <v>1</v>
      </c>
      <c r="BI27" s="228">
        <v>1</v>
      </c>
      <c r="BJ27" s="229">
        <v>0</v>
      </c>
      <c r="BK27" s="223">
        <v>0</v>
      </c>
      <c r="BL27" s="223">
        <v>0</v>
      </c>
      <c r="BM27" s="224">
        <v>0</v>
      </c>
      <c r="BN27" s="225">
        <v>0</v>
      </c>
      <c r="BO27" s="225">
        <v>0</v>
      </c>
      <c r="BP27" s="225">
        <v>0</v>
      </c>
      <c r="BQ27" s="223">
        <v>1</v>
      </c>
      <c r="BR27" s="226">
        <v>1</v>
      </c>
      <c r="BS27" s="227">
        <v>1</v>
      </c>
      <c r="BT27" s="222">
        <v>0</v>
      </c>
      <c r="BU27" s="223">
        <v>0</v>
      </c>
      <c r="BV27" s="223">
        <v>0</v>
      </c>
      <c r="BW27" s="224">
        <v>0</v>
      </c>
      <c r="BX27" s="225">
        <v>0</v>
      </c>
      <c r="BY27" s="225">
        <v>0</v>
      </c>
      <c r="BZ27" s="225">
        <v>0</v>
      </c>
      <c r="CA27" s="223">
        <v>1</v>
      </c>
      <c r="CB27" s="226">
        <v>1</v>
      </c>
      <c r="CC27" s="228">
        <v>1</v>
      </c>
      <c r="CD27" s="229">
        <v>0</v>
      </c>
      <c r="CE27" s="223">
        <v>0</v>
      </c>
      <c r="CF27" s="223">
        <v>0</v>
      </c>
      <c r="CG27" s="224">
        <v>0</v>
      </c>
      <c r="CH27" s="225">
        <v>0</v>
      </c>
      <c r="CI27" s="225">
        <v>0</v>
      </c>
      <c r="CJ27" s="225">
        <v>0</v>
      </c>
      <c r="CK27" s="223">
        <v>0</v>
      </c>
      <c r="CL27" s="226">
        <v>0</v>
      </c>
      <c r="CM27" s="228">
        <v>0</v>
      </c>
      <c r="CN27" s="229">
        <v>0</v>
      </c>
      <c r="CO27" s="223">
        <v>0</v>
      </c>
      <c r="CP27" s="223">
        <v>0</v>
      </c>
      <c r="CQ27" s="224">
        <v>0</v>
      </c>
      <c r="CR27" s="225">
        <v>0</v>
      </c>
      <c r="CS27" s="225">
        <v>0</v>
      </c>
      <c r="CT27" s="225">
        <v>0</v>
      </c>
      <c r="CU27" s="223">
        <v>0</v>
      </c>
      <c r="CV27" s="226">
        <v>0</v>
      </c>
      <c r="CW27" s="227">
        <v>0</v>
      </c>
      <c r="CX27" s="222">
        <v>0</v>
      </c>
      <c r="CY27" s="223">
        <v>0</v>
      </c>
      <c r="CZ27" s="223">
        <v>0</v>
      </c>
      <c r="DA27" s="224">
        <v>0</v>
      </c>
      <c r="DB27" s="225">
        <v>0</v>
      </c>
      <c r="DC27" s="225">
        <v>0</v>
      </c>
      <c r="DD27" s="225">
        <v>0</v>
      </c>
      <c r="DE27" s="223">
        <v>0</v>
      </c>
      <c r="DF27" s="226">
        <v>0</v>
      </c>
      <c r="DG27" s="228">
        <v>0</v>
      </c>
      <c r="DH27" s="229">
        <v>0</v>
      </c>
      <c r="DI27" s="223">
        <v>0</v>
      </c>
      <c r="DJ27" s="223">
        <v>0</v>
      </c>
      <c r="DK27" s="224">
        <v>0</v>
      </c>
      <c r="DL27" s="225">
        <v>0</v>
      </c>
      <c r="DM27" s="225">
        <v>0</v>
      </c>
      <c r="DN27" s="225">
        <v>0</v>
      </c>
      <c r="DO27" s="223">
        <v>0</v>
      </c>
      <c r="DP27" s="226">
        <v>0</v>
      </c>
      <c r="DQ27" s="228">
        <v>0</v>
      </c>
      <c r="DR27" s="229">
        <v>0</v>
      </c>
      <c r="DS27" s="223">
        <v>0</v>
      </c>
      <c r="DT27" s="223">
        <v>0</v>
      </c>
      <c r="DU27" s="224">
        <v>13</v>
      </c>
      <c r="DV27" s="225">
        <v>25</v>
      </c>
      <c r="DW27" s="225">
        <v>52</v>
      </c>
      <c r="DX27" s="225">
        <v>96</v>
      </c>
      <c r="DY27" s="223">
        <v>76</v>
      </c>
      <c r="DZ27" s="226">
        <v>262</v>
      </c>
      <c r="EA27" s="228">
        <v>262</v>
      </c>
      <c r="EB27" s="37"/>
    </row>
    <row r="28" spans="1:132" ht="20.25" customHeight="1" x14ac:dyDescent="0.2">
      <c r="A28" s="63" t="s">
        <v>25</v>
      </c>
      <c r="B28" s="222">
        <v>0</v>
      </c>
      <c r="C28" s="223">
        <v>0</v>
      </c>
      <c r="D28" s="223">
        <v>0</v>
      </c>
      <c r="E28" s="224">
        <v>7</v>
      </c>
      <c r="F28" s="225">
        <v>8</v>
      </c>
      <c r="G28" s="225">
        <v>66</v>
      </c>
      <c r="H28" s="225">
        <v>74</v>
      </c>
      <c r="I28" s="223">
        <v>53</v>
      </c>
      <c r="J28" s="226">
        <v>208</v>
      </c>
      <c r="K28" s="227">
        <v>208</v>
      </c>
      <c r="L28" s="222">
        <v>0</v>
      </c>
      <c r="M28" s="223">
        <v>0</v>
      </c>
      <c r="N28" s="226">
        <v>0</v>
      </c>
      <c r="O28" s="224">
        <v>7</v>
      </c>
      <c r="P28" s="225">
        <v>8</v>
      </c>
      <c r="Q28" s="225">
        <v>66</v>
      </c>
      <c r="R28" s="225">
        <v>73</v>
      </c>
      <c r="S28" s="223">
        <v>49</v>
      </c>
      <c r="T28" s="226">
        <v>203</v>
      </c>
      <c r="U28" s="228">
        <v>203</v>
      </c>
      <c r="V28" s="229">
        <v>0</v>
      </c>
      <c r="W28" s="223">
        <v>0</v>
      </c>
      <c r="X28" s="226">
        <v>0</v>
      </c>
      <c r="Y28" s="229">
        <v>0</v>
      </c>
      <c r="Z28" s="225">
        <v>0</v>
      </c>
      <c r="AA28" s="225">
        <v>0</v>
      </c>
      <c r="AB28" s="225">
        <v>1</v>
      </c>
      <c r="AC28" s="223">
        <v>4</v>
      </c>
      <c r="AD28" s="226">
        <v>5</v>
      </c>
      <c r="AE28" s="230">
        <v>5</v>
      </c>
      <c r="AF28" s="229">
        <v>0</v>
      </c>
      <c r="AG28" s="223">
        <v>0</v>
      </c>
      <c r="AH28" s="226">
        <v>0</v>
      </c>
      <c r="AI28" s="229">
        <v>16</v>
      </c>
      <c r="AJ28" s="225">
        <v>14</v>
      </c>
      <c r="AK28" s="225">
        <v>30</v>
      </c>
      <c r="AL28" s="225">
        <v>53</v>
      </c>
      <c r="AM28" s="223">
        <v>19</v>
      </c>
      <c r="AN28" s="226">
        <v>132</v>
      </c>
      <c r="AO28" s="230">
        <v>132</v>
      </c>
      <c r="AP28" s="229">
        <v>0</v>
      </c>
      <c r="AQ28" s="223">
        <v>0</v>
      </c>
      <c r="AR28" s="226">
        <v>0</v>
      </c>
      <c r="AS28" s="224">
        <v>16</v>
      </c>
      <c r="AT28" s="225">
        <v>14</v>
      </c>
      <c r="AU28" s="225">
        <v>30</v>
      </c>
      <c r="AV28" s="225">
        <v>52</v>
      </c>
      <c r="AW28" s="223">
        <v>19</v>
      </c>
      <c r="AX28" s="226">
        <v>131</v>
      </c>
      <c r="AY28" s="227">
        <v>131</v>
      </c>
      <c r="AZ28" s="222">
        <v>0</v>
      </c>
      <c r="BA28" s="223">
        <v>0</v>
      </c>
      <c r="BB28" s="223">
        <v>0</v>
      </c>
      <c r="BC28" s="224">
        <v>0</v>
      </c>
      <c r="BD28" s="225">
        <v>0</v>
      </c>
      <c r="BE28" s="225">
        <v>0</v>
      </c>
      <c r="BF28" s="225">
        <v>1</v>
      </c>
      <c r="BG28" s="223">
        <v>0</v>
      </c>
      <c r="BH28" s="226">
        <v>1</v>
      </c>
      <c r="BI28" s="228">
        <v>1</v>
      </c>
      <c r="BJ28" s="229">
        <v>0</v>
      </c>
      <c r="BK28" s="223">
        <v>0</v>
      </c>
      <c r="BL28" s="223">
        <v>0</v>
      </c>
      <c r="BM28" s="224">
        <v>0</v>
      </c>
      <c r="BN28" s="225">
        <v>0</v>
      </c>
      <c r="BO28" s="225">
        <v>0</v>
      </c>
      <c r="BP28" s="225">
        <v>0</v>
      </c>
      <c r="BQ28" s="223">
        <v>1</v>
      </c>
      <c r="BR28" s="226">
        <v>1</v>
      </c>
      <c r="BS28" s="227">
        <v>1</v>
      </c>
      <c r="BT28" s="222">
        <v>0</v>
      </c>
      <c r="BU28" s="223">
        <v>0</v>
      </c>
      <c r="BV28" s="223">
        <v>0</v>
      </c>
      <c r="BW28" s="224">
        <v>0</v>
      </c>
      <c r="BX28" s="225">
        <v>0</v>
      </c>
      <c r="BY28" s="225">
        <v>0</v>
      </c>
      <c r="BZ28" s="225">
        <v>0</v>
      </c>
      <c r="CA28" s="223">
        <v>1</v>
      </c>
      <c r="CB28" s="226">
        <v>1</v>
      </c>
      <c r="CC28" s="228">
        <v>1</v>
      </c>
      <c r="CD28" s="229">
        <v>0</v>
      </c>
      <c r="CE28" s="223">
        <v>0</v>
      </c>
      <c r="CF28" s="223">
        <v>0</v>
      </c>
      <c r="CG28" s="224">
        <v>0</v>
      </c>
      <c r="CH28" s="225">
        <v>0</v>
      </c>
      <c r="CI28" s="225">
        <v>0</v>
      </c>
      <c r="CJ28" s="225">
        <v>0</v>
      </c>
      <c r="CK28" s="223">
        <v>0</v>
      </c>
      <c r="CL28" s="226">
        <v>0</v>
      </c>
      <c r="CM28" s="228">
        <v>0</v>
      </c>
      <c r="CN28" s="229">
        <v>0</v>
      </c>
      <c r="CO28" s="223">
        <v>0</v>
      </c>
      <c r="CP28" s="223">
        <v>0</v>
      </c>
      <c r="CQ28" s="224">
        <v>0</v>
      </c>
      <c r="CR28" s="225">
        <v>0</v>
      </c>
      <c r="CS28" s="225">
        <v>0</v>
      </c>
      <c r="CT28" s="225">
        <v>1</v>
      </c>
      <c r="CU28" s="223">
        <v>0</v>
      </c>
      <c r="CV28" s="226">
        <v>1</v>
      </c>
      <c r="CW28" s="227">
        <v>1</v>
      </c>
      <c r="CX28" s="222">
        <v>0</v>
      </c>
      <c r="CY28" s="223">
        <v>0</v>
      </c>
      <c r="CZ28" s="223">
        <v>0</v>
      </c>
      <c r="DA28" s="224">
        <v>0</v>
      </c>
      <c r="DB28" s="225">
        <v>0</v>
      </c>
      <c r="DC28" s="225">
        <v>0</v>
      </c>
      <c r="DD28" s="225">
        <v>1</v>
      </c>
      <c r="DE28" s="223">
        <v>0</v>
      </c>
      <c r="DF28" s="226">
        <v>1</v>
      </c>
      <c r="DG28" s="228">
        <v>1</v>
      </c>
      <c r="DH28" s="229">
        <v>0</v>
      </c>
      <c r="DI28" s="223">
        <v>0</v>
      </c>
      <c r="DJ28" s="223">
        <v>0</v>
      </c>
      <c r="DK28" s="224">
        <v>0</v>
      </c>
      <c r="DL28" s="225">
        <v>0</v>
      </c>
      <c r="DM28" s="225">
        <v>0</v>
      </c>
      <c r="DN28" s="225">
        <v>0</v>
      </c>
      <c r="DO28" s="223">
        <v>0</v>
      </c>
      <c r="DP28" s="226">
        <v>0</v>
      </c>
      <c r="DQ28" s="228">
        <v>0</v>
      </c>
      <c r="DR28" s="229">
        <v>0</v>
      </c>
      <c r="DS28" s="223">
        <v>0</v>
      </c>
      <c r="DT28" s="223">
        <v>0</v>
      </c>
      <c r="DU28" s="224">
        <v>23</v>
      </c>
      <c r="DV28" s="225">
        <v>22</v>
      </c>
      <c r="DW28" s="225">
        <v>95</v>
      </c>
      <c r="DX28" s="225">
        <v>126</v>
      </c>
      <c r="DY28" s="223">
        <v>72</v>
      </c>
      <c r="DZ28" s="226">
        <v>338</v>
      </c>
      <c r="EA28" s="228">
        <v>338</v>
      </c>
      <c r="EB28" s="37"/>
    </row>
    <row r="29" spans="1:132" ht="20.25" customHeight="1" x14ac:dyDescent="0.2">
      <c r="A29" s="63" t="s">
        <v>26</v>
      </c>
      <c r="B29" s="222">
        <v>0</v>
      </c>
      <c r="C29" s="223">
        <v>0</v>
      </c>
      <c r="D29" s="223">
        <v>0</v>
      </c>
      <c r="E29" s="224">
        <v>1</v>
      </c>
      <c r="F29" s="225">
        <v>5</v>
      </c>
      <c r="G29" s="225">
        <v>36</v>
      </c>
      <c r="H29" s="225">
        <v>68</v>
      </c>
      <c r="I29" s="223">
        <v>62</v>
      </c>
      <c r="J29" s="226">
        <v>172</v>
      </c>
      <c r="K29" s="227">
        <v>172</v>
      </c>
      <c r="L29" s="222">
        <v>0</v>
      </c>
      <c r="M29" s="223">
        <v>0</v>
      </c>
      <c r="N29" s="226">
        <v>0</v>
      </c>
      <c r="O29" s="224">
        <v>1</v>
      </c>
      <c r="P29" s="225">
        <v>5</v>
      </c>
      <c r="Q29" s="225">
        <v>36</v>
      </c>
      <c r="R29" s="225">
        <v>68</v>
      </c>
      <c r="S29" s="223">
        <v>62</v>
      </c>
      <c r="T29" s="226">
        <v>172</v>
      </c>
      <c r="U29" s="228">
        <v>172</v>
      </c>
      <c r="V29" s="229">
        <v>0</v>
      </c>
      <c r="W29" s="223">
        <v>0</v>
      </c>
      <c r="X29" s="226">
        <v>0</v>
      </c>
      <c r="Y29" s="229">
        <v>0</v>
      </c>
      <c r="Z29" s="225">
        <v>0</v>
      </c>
      <c r="AA29" s="225">
        <v>0</v>
      </c>
      <c r="AB29" s="225">
        <v>0</v>
      </c>
      <c r="AC29" s="223">
        <v>0</v>
      </c>
      <c r="AD29" s="226">
        <v>0</v>
      </c>
      <c r="AE29" s="230">
        <v>0</v>
      </c>
      <c r="AF29" s="229">
        <v>0</v>
      </c>
      <c r="AG29" s="223">
        <v>0</v>
      </c>
      <c r="AH29" s="226">
        <v>0</v>
      </c>
      <c r="AI29" s="229">
        <v>10</v>
      </c>
      <c r="AJ29" s="225">
        <v>18</v>
      </c>
      <c r="AK29" s="225">
        <v>25</v>
      </c>
      <c r="AL29" s="225">
        <v>23</v>
      </c>
      <c r="AM29" s="223">
        <v>13</v>
      </c>
      <c r="AN29" s="226">
        <v>89</v>
      </c>
      <c r="AO29" s="230">
        <v>89</v>
      </c>
      <c r="AP29" s="229">
        <v>0</v>
      </c>
      <c r="AQ29" s="223">
        <v>0</v>
      </c>
      <c r="AR29" s="226">
        <v>0</v>
      </c>
      <c r="AS29" s="224">
        <v>10</v>
      </c>
      <c r="AT29" s="225">
        <v>18</v>
      </c>
      <c r="AU29" s="225">
        <v>25</v>
      </c>
      <c r="AV29" s="225">
        <v>22</v>
      </c>
      <c r="AW29" s="223">
        <v>13</v>
      </c>
      <c r="AX29" s="226">
        <v>88</v>
      </c>
      <c r="AY29" s="227">
        <v>88</v>
      </c>
      <c r="AZ29" s="222">
        <v>0</v>
      </c>
      <c r="BA29" s="223">
        <v>0</v>
      </c>
      <c r="BB29" s="223">
        <v>0</v>
      </c>
      <c r="BC29" s="224">
        <v>0</v>
      </c>
      <c r="BD29" s="225">
        <v>0</v>
      </c>
      <c r="BE29" s="225">
        <v>0</v>
      </c>
      <c r="BF29" s="225">
        <v>1</v>
      </c>
      <c r="BG29" s="223">
        <v>0</v>
      </c>
      <c r="BH29" s="226">
        <v>1</v>
      </c>
      <c r="BI29" s="228">
        <v>1</v>
      </c>
      <c r="BJ29" s="229">
        <v>0</v>
      </c>
      <c r="BK29" s="223">
        <v>0</v>
      </c>
      <c r="BL29" s="223">
        <v>0</v>
      </c>
      <c r="BM29" s="224">
        <v>0</v>
      </c>
      <c r="BN29" s="225">
        <v>0</v>
      </c>
      <c r="BO29" s="225">
        <v>0</v>
      </c>
      <c r="BP29" s="225">
        <v>1</v>
      </c>
      <c r="BQ29" s="223">
        <v>0</v>
      </c>
      <c r="BR29" s="226">
        <v>1</v>
      </c>
      <c r="BS29" s="227">
        <v>1</v>
      </c>
      <c r="BT29" s="222">
        <v>0</v>
      </c>
      <c r="BU29" s="223">
        <v>0</v>
      </c>
      <c r="BV29" s="223">
        <v>0</v>
      </c>
      <c r="BW29" s="224">
        <v>0</v>
      </c>
      <c r="BX29" s="225">
        <v>0</v>
      </c>
      <c r="BY29" s="225">
        <v>0</v>
      </c>
      <c r="BZ29" s="225">
        <v>1</v>
      </c>
      <c r="CA29" s="223">
        <v>0</v>
      </c>
      <c r="CB29" s="226">
        <v>1</v>
      </c>
      <c r="CC29" s="228">
        <v>1</v>
      </c>
      <c r="CD29" s="229">
        <v>0</v>
      </c>
      <c r="CE29" s="223">
        <v>0</v>
      </c>
      <c r="CF29" s="223">
        <v>0</v>
      </c>
      <c r="CG29" s="224">
        <v>0</v>
      </c>
      <c r="CH29" s="225">
        <v>0</v>
      </c>
      <c r="CI29" s="225">
        <v>0</v>
      </c>
      <c r="CJ29" s="225">
        <v>0</v>
      </c>
      <c r="CK29" s="223">
        <v>0</v>
      </c>
      <c r="CL29" s="226">
        <v>0</v>
      </c>
      <c r="CM29" s="228">
        <v>0</v>
      </c>
      <c r="CN29" s="229">
        <v>0</v>
      </c>
      <c r="CO29" s="223">
        <v>0</v>
      </c>
      <c r="CP29" s="223">
        <v>0</v>
      </c>
      <c r="CQ29" s="224">
        <v>0</v>
      </c>
      <c r="CR29" s="225">
        <v>0</v>
      </c>
      <c r="CS29" s="225">
        <v>0</v>
      </c>
      <c r="CT29" s="225">
        <v>0</v>
      </c>
      <c r="CU29" s="223">
        <v>1</v>
      </c>
      <c r="CV29" s="226">
        <v>1</v>
      </c>
      <c r="CW29" s="227">
        <v>1</v>
      </c>
      <c r="CX29" s="222">
        <v>0</v>
      </c>
      <c r="CY29" s="223">
        <v>0</v>
      </c>
      <c r="CZ29" s="223">
        <v>0</v>
      </c>
      <c r="DA29" s="224">
        <v>0</v>
      </c>
      <c r="DB29" s="225">
        <v>0</v>
      </c>
      <c r="DC29" s="225">
        <v>0</v>
      </c>
      <c r="DD29" s="225">
        <v>0</v>
      </c>
      <c r="DE29" s="223">
        <v>1</v>
      </c>
      <c r="DF29" s="226">
        <v>1</v>
      </c>
      <c r="DG29" s="228">
        <v>1</v>
      </c>
      <c r="DH29" s="229">
        <v>0</v>
      </c>
      <c r="DI29" s="223">
        <v>0</v>
      </c>
      <c r="DJ29" s="223">
        <v>0</v>
      </c>
      <c r="DK29" s="224">
        <v>0</v>
      </c>
      <c r="DL29" s="225">
        <v>0</v>
      </c>
      <c r="DM29" s="225">
        <v>0</v>
      </c>
      <c r="DN29" s="225">
        <v>0</v>
      </c>
      <c r="DO29" s="223">
        <v>0</v>
      </c>
      <c r="DP29" s="226">
        <v>0</v>
      </c>
      <c r="DQ29" s="228">
        <v>0</v>
      </c>
      <c r="DR29" s="229">
        <v>0</v>
      </c>
      <c r="DS29" s="223">
        <v>0</v>
      </c>
      <c r="DT29" s="223">
        <v>0</v>
      </c>
      <c r="DU29" s="224">
        <v>11</v>
      </c>
      <c r="DV29" s="225">
        <v>23</v>
      </c>
      <c r="DW29" s="225">
        <v>61</v>
      </c>
      <c r="DX29" s="225">
        <v>91</v>
      </c>
      <c r="DY29" s="223">
        <v>76</v>
      </c>
      <c r="DZ29" s="226">
        <v>262</v>
      </c>
      <c r="EA29" s="228">
        <v>262</v>
      </c>
      <c r="EB29" s="37"/>
    </row>
    <row r="30" spans="1:132" ht="20.25" customHeight="1" x14ac:dyDescent="0.2">
      <c r="A30" s="63" t="s">
        <v>27</v>
      </c>
      <c r="B30" s="222">
        <v>0</v>
      </c>
      <c r="C30" s="223">
        <v>0</v>
      </c>
      <c r="D30" s="223">
        <v>0</v>
      </c>
      <c r="E30" s="224">
        <v>2</v>
      </c>
      <c r="F30" s="225">
        <v>2</v>
      </c>
      <c r="G30" s="225">
        <v>43</v>
      </c>
      <c r="H30" s="225">
        <v>56</v>
      </c>
      <c r="I30" s="223">
        <v>41</v>
      </c>
      <c r="J30" s="226">
        <v>144</v>
      </c>
      <c r="K30" s="227">
        <v>144</v>
      </c>
      <c r="L30" s="222">
        <v>0</v>
      </c>
      <c r="M30" s="223">
        <v>0</v>
      </c>
      <c r="N30" s="226">
        <v>0</v>
      </c>
      <c r="O30" s="224">
        <v>2</v>
      </c>
      <c r="P30" s="225">
        <v>2</v>
      </c>
      <c r="Q30" s="225">
        <v>41</v>
      </c>
      <c r="R30" s="225">
        <v>56</v>
      </c>
      <c r="S30" s="223">
        <v>41</v>
      </c>
      <c r="T30" s="226">
        <v>142</v>
      </c>
      <c r="U30" s="228">
        <v>142</v>
      </c>
      <c r="V30" s="229">
        <v>0</v>
      </c>
      <c r="W30" s="223">
        <v>0</v>
      </c>
      <c r="X30" s="226">
        <v>0</v>
      </c>
      <c r="Y30" s="229">
        <v>0</v>
      </c>
      <c r="Z30" s="225">
        <v>0</v>
      </c>
      <c r="AA30" s="225">
        <v>2</v>
      </c>
      <c r="AB30" s="225">
        <v>0</v>
      </c>
      <c r="AC30" s="223">
        <v>0</v>
      </c>
      <c r="AD30" s="226">
        <v>2</v>
      </c>
      <c r="AE30" s="230">
        <v>2</v>
      </c>
      <c r="AF30" s="229">
        <v>0</v>
      </c>
      <c r="AG30" s="223">
        <v>0</v>
      </c>
      <c r="AH30" s="226">
        <v>0</v>
      </c>
      <c r="AI30" s="229">
        <v>6</v>
      </c>
      <c r="AJ30" s="225">
        <v>12</v>
      </c>
      <c r="AK30" s="225">
        <v>27</v>
      </c>
      <c r="AL30" s="225">
        <v>14</v>
      </c>
      <c r="AM30" s="223">
        <v>10</v>
      </c>
      <c r="AN30" s="226">
        <v>69</v>
      </c>
      <c r="AO30" s="230">
        <v>69</v>
      </c>
      <c r="AP30" s="229">
        <v>0</v>
      </c>
      <c r="AQ30" s="223">
        <v>0</v>
      </c>
      <c r="AR30" s="226">
        <v>0</v>
      </c>
      <c r="AS30" s="224">
        <v>6</v>
      </c>
      <c r="AT30" s="225">
        <v>12</v>
      </c>
      <c r="AU30" s="225">
        <v>26</v>
      </c>
      <c r="AV30" s="225">
        <v>14</v>
      </c>
      <c r="AW30" s="223">
        <v>10</v>
      </c>
      <c r="AX30" s="226">
        <v>68</v>
      </c>
      <c r="AY30" s="227">
        <v>68</v>
      </c>
      <c r="AZ30" s="222">
        <v>0</v>
      </c>
      <c r="BA30" s="223">
        <v>0</v>
      </c>
      <c r="BB30" s="223">
        <v>0</v>
      </c>
      <c r="BC30" s="224">
        <v>0</v>
      </c>
      <c r="BD30" s="225">
        <v>0</v>
      </c>
      <c r="BE30" s="225">
        <v>1</v>
      </c>
      <c r="BF30" s="225">
        <v>0</v>
      </c>
      <c r="BG30" s="223">
        <v>0</v>
      </c>
      <c r="BH30" s="226">
        <v>1</v>
      </c>
      <c r="BI30" s="228">
        <v>1</v>
      </c>
      <c r="BJ30" s="229">
        <v>0</v>
      </c>
      <c r="BK30" s="223">
        <v>0</v>
      </c>
      <c r="BL30" s="223">
        <v>0</v>
      </c>
      <c r="BM30" s="224">
        <v>0</v>
      </c>
      <c r="BN30" s="225">
        <v>0</v>
      </c>
      <c r="BO30" s="225">
        <v>1</v>
      </c>
      <c r="BP30" s="225">
        <v>0</v>
      </c>
      <c r="BQ30" s="223">
        <v>0</v>
      </c>
      <c r="BR30" s="226">
        <v>1</v>
      </c>
      <c r="BS30" s="227">
        <v>1</v>
      </c>
      <c r="BT30" s="222">
        <v>0</v>
      </c>
      <c r="BU30" s="223">
        <v>0</v>
      </c>
      <c r="BV30" s="223">
        <v>0</v>
      </c>
      <c r="BW30" s="224">
        <v>0</v>
      </c>
      <c r="BX30" s="225">
        <v>0</v>
      </c>
      <c r="BY30" s="225">
        <v>1</v>
      </c>
      <c r="BZ30" s="225">
        <v>0</v>
      </c>
      <c r="CA30" s="223">
        <v>0</v>
      </c>
      <c r="CB30" s="226">
        <v>1</v>
      </c>
      <c r="CC30" s="228">
        <v>1</v>
      </c>
      <c r="CD30" s="229">
        <v>0</v>
      </c>
      <c r="CE30" s="223">
        <v>0</v>
      </c>
      <c r="CF30" s="223">
        <v>0</v>
      </c>
      <c r="CG30" s="224">
        <v>0</v>
      </c>
      <c r="CH30" s="225">
        <v>0</v>
      </c>
      <c r="CI30" s="225">
        <v>0</v>
      </c>
      <c r="CJ30" s="225">
        <v>0</v>
      </c>
      <c r="CK30" s="223">
        <v>0</v>
      </c>
      <c r="CL30" s="226">
        <v>0</v>
      </c>
      <c r="CM30" s="228">
        <v>0</v>
      </c>
      <c r="CN30" s="229">
        <v>0</v>
      </c>
      <c r="CO30" s="223">
        <v>0</v>
      </c>
      <c r="CP30" s="223">
        <v>0</v>
      </c>
      <c r="CQ30" s="224">
        <v>0</v>
      </c>
      <c r="CR30" s="225">
        <v>0</v>
      </c>
      <c r="CS30" s="225">
        <v>1</v>
      </c>
      <c r="CT30" s="225">
        <v>2</v>
      </c>
      <c r="CU30" s="223">
        <v>1</v>
      </c>
      <c r="CV30" s="226">
        <v>4</v>
      </c>
      <c r="CW30" s="227">
        <v>4</v>
      </c>
      <c r="CX30" s="222">
        <v>0</v>
      </c>
      <c r="CY30" s="223">
        <v>0</v>
      </c>
      <c r="CZ30" s="223">
        <v>0</v>
      </c>
      <c r="DA30" s="224">
        <v>0</v>
      </c>
      <c r="DB30" s="225">
        <v>0</v>
      </c>
      <c r="DC30" s="225">
        <v>1</v>
      </c>
      <c r="DD30" s="225">
        <v>2</v>
      </c>
      <c r="DE30" s="223">
        <v>0</v>
      </c>
      <c r="DF30" s="226">
        <v>3</v>
      </c>
      <c r="DG30" s="228">
        <v>3</v>
      </c>
      <c r="DH30" s="229">
        <v>0</v>
      </c>
      <c r="DI30" s="223">
        <v>0</v>
      </c>
      <c r="DJ30" s="223">
        <v>0</v>
      </c>
      <c r="DK30" s="224">
        <v>0</v>
      </c>
      <c r="DL30" s="225">
        <v>0</v>
      </c>
      <c r="DM30" s="225">
        <v>0</v>
      </c>
      <c r="DN30" s="225">
        <v>0</v>
      </c>
      <c r="DO30" s="223">
        <v>1</v>
      </c>
      <c r="DP30" s="226">
        <v>1</v>
      </c>
      <c r="DQ30" s="228">
        <v>1</v>
      </c>
      <c r="DR30" s="229">
        <v>0</v>
      </c>
      <c r="DS30" s="223">
        <v>0</v>
      </c>
      <c r="DT30" s="223">
        <v>0</v>
      </c>
      <c r="DU30" s="224">
        <v>8</v>
      </c>
      <c r="DV30" s="225">
        <v>14</v>
      </c>
      <c r="DW30" s="225">
        <v>71</v>
      </c>
      <c r="DX30" s="225">
        <v>72</v>
      </c>
      <c r="DY30" s="223">
        <v>52</v>
      </c>
      <c r="DZ30" s="226">
        <v>217</v>
      </c>
      <c r="EA30" s="228">
        <v>217</v>
      </c>
      <c r="EB30" s="37"/>
    </row>
    <row r="31" spans="1:132" ht="20.25" customHeight="1" x14ac:dyDescent="0.2">
      <c r="A31" s="63" t="s">
        <v>28</v>
      </c>
      <c r="B31" s="222">
        <v>0</v>
      </c>
      <c r="C31" s="223">
        <v>0</v>
      </c>
      <c r="D31" s="223">
        <v>0</v>
      </c>
      <c r="E31" s="224">
        <v>0</v>
      </c>
      <c r="F31" s="225">
        <v>2</v>
      </c>
      <c r="G31" s="225">
        <v>12</v>
      </c>
      <c r="H31" s="225">
        <v>19</v>
      </c>
      <c r="I31" s="223">
        <v>12</v>
      </c>
      <c r="J31" s="226">
        <v>45</v>
      </c>
      <c r="K31" s="227">
        <v>45</v>
      </c>
      <c r="L31" s="222">
        <v>0</v>
      </c>
      <c r="M31" s="223">
        <v>0</v>
      </c>
      <c r="N31" s="226">
        <v>0</v>
      </c>
      <c r="O31" s="224">
        <v>0</v>
      </c>
      <c r="P31" s="225">
        <v>2</v>
      </c>
      <c r="Q31" s="225">
        <v>12</v>
      </c>
      <c r="R31" s="225">
        <v>19</v>
      </c>
      <c r="S31" s="223">
        <v>12</v>
      </c>
      <c r="T31" s="226">
        <v>45</v>
      </c>
      <c r="U31" s="228">
        <v>45</v>
      </c>
      <c r="V31" s="229">
        <v>0</v>
      </c>
      <c r="W31" s="223">
        <v>0</v>
      </c>
      <c r="X31" s="226">
        <v>0</v>
      </c>
      <c r="Y31" s="229">
        <v>0</v>
      </c>
      <c r="Z31" s="225">
        <v>0</v>
      </c>
      <c r="AA31" s="225">
        <v>0</v>
      </c>
      <c r="AB31" s="225">
        <v>0</v>
      </c>
      <c r="AC31" s="223">
        <v>0</v>
      </c>
      <c r="AD31" s="226">
        <v>0</v>
      </c>
      <c r="AE31" s="230">
        <v>0</v>
      </c>
      <c r="AF31" s="229">
        <v>0</v>
      </c>
      <c r="AG31" s="223">
        <v>0</v>
      </c>
      <c r="AH31" s="226">
        <v>0</v>
      </c>
      <c r="AI31" s="229">
        <v>1</v>
      </c>
      <c r="AJ31" s="225">
        <v>9</v>
      </c>
      <c r="AK31" s="225">
        <v>9</v>
      </c>
      <c r="AL31" s="225">
        <v>9</v>
      </c>
      <c r="AM31" s="223">
        <v>5</v>
      </c>
      <c r="AN31" s="226">
        <v>33</v>
      </c>
      <c r="AO31" s="230">
        <v>33</v>
      </c>
      <c r="AP31" s="229">
        <v>0</v>
      </c>
      <c r="AQ31" s="223">
        <v>0</v>
      </c>
      <c r="AR31" s="226">
        <v>0</v>
      </c>
      <c r="AS31" s="224">
        <v>1</v>
      </c>
      <c r="AT31" s="225">
        <v>9</v>
      </c>
      <c r="AU31" s="225">
        <v>9</v>
      </c>
      <c r="AV31" s="225">
        <v>8</v>
      </c>
      <c r="AW31" s="223">
        <v>5</v>
      </c>
      <c r="AX31" s="226">
        <v>32</v>
      </c>
      <c r="AY31" s="227">
        <v>32</v>
      </c>
      <c r="AZ31" s="222">
        <v>0</v>
      </c>
      <c r="BA31" s="223">
        <v>0</v>
      </c>
      <c r="BB31" s="223">
        <v>0</v>
      </c>
      <c r="BC31" s="224">
        <v>0</v>
      </c>
      <c r="BD31" s="225">
        <v>0</v>
      </c>
      <c r="BE31" s="225">
        <v>0</v>
      </c>
      <c r="BF31" s="225">
        <v>1</v>
      </c>
      <c r="BG31" s="223">
        <v>0</v>
      </c>
      <c r="BH31" s="226">
        <v>1</v>
      </c>
      <c r="BI31" s="228">
        <v>1</v>
      </c>
      <c r="BJ31" s="229">
        <v>0</v>
      </c>
      <c r="BK31" s="223">
        <v>0</v>
      </c>
      <c r="BL31" s="223">
        <v>0</v>
      </c>
      <c r="BM31" s="224">
        <v>0</v>
      </c>
      <c r="BN31" s="225">
        <v>0</v>
      </c>
      <c r="BO31" s="225">
        <v>0</v>
      </c>
      <c r="BP31" s="225">
        <v>0</v>
      </c>
      <c r="BQ31" s="223">
        <v>0</v>
      </c>
      <c r="BR31" s="226">
        <v>0</v>
      </c>
      <c r="BS31" s="227">
        <v>0</v>
      </c>
      <c r="BT31" s="222">
        <v>0</v>
      </c>
      <c r="BU31" s="223">
        <v>0</v>
      </c>
      <c r="BV31" s="223">
        <v>0</v>
      </c>
      <c r="BW31" s="224">
        <v>0</v>
      </c>
      <c r="BX31" s="225">
        <v>0</v>
      </c>
      <c r="BY31" s="225">
        <v>0</v>
      </c>
      <c r="BZ31" s="225">
        <v>0</v>
      </c>
      <c r="CA31" s="223">
        <v>0</v>
      </c>
      <c r="CB31" s="226">
        <v>0</v>
      </c>
      <c r="CC31" s="228">
        <v>0</v>
      </c>
      <c r="CD31" s="229">
        <v>0</v>
      </c>
      <c r="CE31" s="223">
        <v>0</v>
      </c>
      <c r="CF31" s="223">
        <v>0</v>
      </c>
      <c r="CG31" s="224">
        <v>0</v>
      </c>
      <c r="CH31" s="225">
        <v>0</v>
      </c>
      <c r="CI31" s="225">
        <v>0</v>
      </c>
      <c r="CJ31" s="225">
        <v>0</v>
      </c>
      <c r="CK31" s="223">
        <v>0</v>
      </c>
      <c r="CL31" s="226">
        <v>0</v>
      </c>
      <c r="CM31" s="228">
        <v>0</v>
      </c>
      <c r="CN31" s="229">
        <v>0</v>
      </c>
      <c r="CO31" s="223">
        <v>0</v>
      </c>
      <c r="CP31" s="223">
        <v>0</v>
      </c>
      <c r="CQ31" s="224">
        <v>0</v>
      </c>
      <c r="CR31" s="225">
        <v>0</v>
      </c>
      <c r="CS31" s="225">
        <v>0</v>
      </c>
      <c r="CT31" s="225">
        <v>0</v>
      </c>
      <c r="CU31" s="223">
        <v>0</v>
      </c>
      <c r="CV31" s="226">
        <v>0</v>
      </c>
      <c r="CW31" s="227">
        <v>0</v>
      </c>
      <c r="CX31" s="222">
        <v>0</v>
      </c>
      <c r="CY31" s="223">
        <v>0</v>
      </c>
      <c r="CZ31" s="223">
        <v>0</v>
      </c>
      <c r="DA31" s="224">
        <v>0</v>
      </c>
      <c r="DB31" s="225">
        <v>0</v>
      </c>
      <c r="DC31" s="225">
        <v>0</v>
      </c>
      <c r="DD31" s="225">
        <v>0</v>
      </c>
      <c r="DE31" s="223">
        <v>0</v>
      </c>
      <c r="DF31" s="226">
        <v>0</v>
      </c>
      <c r="DG31" s="228">
        <v>0</v>
      </c>
      <c r="DH31" s="229">
        <v>0</v>
      </c>
      <c r="DI31" s="223">
        <v>0</v>
      </c>
      <c r="DJ31" s="223">
        <v>0</v>
      </c>
      <c r="DK31" s="224">
        <v>0</v>
      </c>
      <c r="DL31" s="225">
        <v>0</v>
      </c>
      <c r="DM31" s="225">
        <v>0</v>
      </c>
      <c r="DN31" s="225">
        <v>0</v>
      </c>
      <c r="DO31" s="223">
        <v>0</v>
      </c>
      <c r="DP31" s="226">
        <v>0</v>
      </c>
      <c r="DQ31" s="228">
        <v>0</v>
      </c>
      <c r="DR31" s="229">
        <v>0</v>
      </c>
      <c r="DS31" s="223">
        <v>0</v>
      </c>
      <c r="DT31" s="223">
        <v>0</v>
      </c>
      <c r="DU31" s="224">
        <v>1</v>
      </c>
      <c r="DV31" s="225">
        <v>11</v>
      </c>
      <c r="DW31" s="225">
        <v>21</v>
      </c>
      <c r="DX31" s="225">
        <v>28</v>
      </c>
      <c r="DY31" s="223">
        <v>17</v>
      </c>
      <c r="DZ31" s="226">
        <v>78</v>
      </c>
      <c r="EA31" s="228">
        <v>78</v>
      </c>
      <c r="EB31" s="37"/>
    </row>
    <row r="32" spans="1:132" ht="20.25" customHeight="1" x14ac:dyDescent="0.2">
      <c r="A32" s="63" t="s">
        <v>29</v>
      </c>
      <c r="B32" s="222">
        <v>0</v>
      </c>
      <c r="C32" s="223">
        <v>0</v>
      </c>
      <c r="D32" s="223">
        <v>0</v>
      </c>
      <c r="E32" s="224">
        <v>0</v>
      </c>
      <c r="F32" s="225">
        <v>1</v>
      </c>
      <c r="G32" s="225">
        <v>20</v>
      </c>
      <c r="H32" s="225">
        <v>35</v>
      </c>
      <c r="I32" s="223">
        <v>20</v>
      </c>
      <c r="J32" s="226">
        <v>76</v>
      </c>
      <c r="K32" s="227">
        <v>76</v>
      </c>
      <c r="L32" s="222">
        <v>0</v>
      </c>
      <c r="M32" s="223">
        <v>0</v>
      </c>
      <c r="N32" s="226">
        <v>0</v>
      </c>
      <c r="O32" s="224">
        <v>0</v>
      </c>
      <c r="P32" s="225">
        <v>1</v>
      </c>
      <c r="Q32" s="225">
        <v>20</v>
      </c>
      <c r="R32" s="225">
        <v>35</v>
      </c>
      <c r="S32" s="223">
        <v>20</v>
      </c>
      <c r="T32" s="226">
        <v>76</v>
      </c>
      <c r="U32" s="228">
        <v>76</v>
      </c>
      <c r="V32" s="229">
        <v>0</v>
      </c>
      <c r="W32" s="223">
        <v>0</v>
      </c>
      <c r="X32" s="226">
        <v>0</v>
      </c>
      <c r="Y32" s="229">
        <v>0</v>
      </c>
      <c r="Z32" s="225">
        <v>0</v>
      </c>
      <c r="AA32" s="225">
        <v>0</v>
      </c>
      <c r="AB32" s="225">
        <v>0</v>
      </c>
      <c r="AC32" s="223">
        <v>0</v>
      </c>
      <c r="AD32" s="226">
        <v>0</v>
      </c>
      <c r="AE32" s="230">
        <v>0</v>
      </c>
      <c r="AF32" s="229">
        <v>0</v>
      </c>
      <c r="AG32" s="223">
        <v>0</v>
      </c>
      <c r="AH32" s="226">
        <v>0</v>
      </c>
      <c r="AI32" s="229">
        <v>3</v>
      </c>
      <c r="AJ32" s="225">
        <v>10</v>
      </c>
      <c r="AK32" s="225">
        <v>6</v>
      </c>
      <c r="AL32" s="225">
        <v>16</v>
      </c>
      <c r="AM32" s="223">
        <v>8</v>
      </c>
      <c r="AN32" s="226">
        <v>43</v>
      </c>
      <c r="AO32" s="230">
        <v>43</v>
      </c>
      <c r="AP32" s="229">
        <v>0</v>
      </c>
      <c r="AQ32" s="223">
        <v>0</v>
      </c>
      <c r="AR32" s="226">
        <v>0</v>
      </c>
      <c r="AS32" s="224">
        <v>3</v>
      </c>
      <c r="AT32" s="225">
        <v>9</v>
      </c>
      <c r="AU32" s="225">
        <v>6</v>
      </c>
      <c r="AV32" s="225">
        <v>16</v>
      </c>
      <c r="AW32" s="223">
        <v>7</v>
      </c>
      <c r="AX32" s="226">
        <v>41</v>
      </c>
      <c r="AY32" s="227">
        <v>41</v>
      </c>
      <c r="AZ32" s="222">
        <v>0</v>
      </c>
      <c r="BA32" s="223">
        <v>0</v>
      </c>
      <c r="BB32" s="223">
        <v>0</v>
      </c>
      <c r="BC32" s="224">
        <v>0</v>
      </c>
      <c r="BD32" s="225">
        <v>1</v>
      </c>
      <c r="BE32" s="225">
        <v>0</v>
      </c>
      <c r="BF32" s="225">
        <v>0</v>
      </c>
      <c r="BG32" s="223">
        <v>1</v>
      </c>
      <c r="BH32" s="226">
        <v>2</v>
      </c>
      <c r="BI32" s="228">
        <v>2</v>
      </c>
      <c r="BJ32" s="229">
        <v>0</v>
      </c>
      <c r="BK32" s="223">
        <v>0</v>
      </c>
      <c r="BL32" s="223">
        <v>0</v>
      </c>
      <c r="BM32" s="224">
        <v>0</v>
      </c>
      <c r="BN32" s="225">
        <v>0</v>
      </c>
      <c r="BO32" s="225">
        <v>0</v>
      </c>
      <c r="BP32" s="225">
        <v>0</v>
      </c>
      <c r="BQ32" s="223">
        <v>1</v>
      </c>
      <c r="BR32" s="226">
        <v>1</v>
      </c>
      <c r="BS32" s="227">
        <v>1</v>
      </c>
      <c r="BT32" s="222">
        <v>0</v>
      </c>
      <c r="BU32" s="223">
        <v>0</v>
      </c>
      <c r="BV32" s="223">
        <v>0</v>
      </c>
      <c r="BW32" s="224">
        <v>0</v>
      </c>
      <c r="BX32" s="225">
        <v>0</v>
      </c>
      <c r="BY32" s="225">
        <v>0</v>
      </c>
      <c r="BZ32" s="225">
        <v>0</v>
      </c>
      <c r="CA32" s="223">
        <v>1</v>
      </c>
      <c r="CB32" s="226">
        <v>1</v>
      </c>
      <c r="CC32" s="228">
        <v>1</v>
      </c>
      <c r="CD32" s="229">
        <v>0</v>
      </c>
      <c r="CE32" s="223">
        <v>0</v>
      </c>
      <c r="CF32" s="223">
        <v>0</v>
      </c>
      <c r="CG32" s="224">
        <v>0</v>
      </c>
      <c r="CH32" s="225">
        <v>0</v>
      </c>
      <c r="CI32" s="225">
        <v>0</v>
      </c>
      <c r="CJ32" s="225">
        <v>0</v>
      </c>
      <c r="CK32" s="223">
        <v>0</v>
      </c>
      <c r="CL32" s="226">
        <v>0</v>
      </c>
      <c r="CM32" s="228">
        <v>0</v>
      </c>
      <c r="CN32" s="229">
        <v>0</v>
      </c>
      <c r="CO32" s="223">
        <v>0</v>
      </c>
      <c r="CP32" s="223">
        <v>0</v>
      </c>
      <c r="CQ32" s="224">
        <v>0</v>
      </c>
      <c r="CR32" s="225">
        <v>0</v>
      </c>
      <c r="CS32" s="225">
        <v>0</v>
      </c>
      <c r="CT32" s="225">
        <v>0</v>
      </c>
      <c r="CU32" s="223">
        <v>1</v>
      </c>
      <c r="CV32" s="226">
        <v>1</v>
      </c>
      <c r="CW32" s="227">
        <v>1</v>
      </c>
      <c r="CX32" s="222">
        <v>0</v>
      </c>
      <c r="CY32" s="223">
        <v>0</v>
      </c>
      <c r="CZ32" s="223">
        <v>0</v>
      </c>
      <c r="DA32" s="224">
        <v>0</v>
      </c>
      <c r="DB32" s="225">
        <v>0</v>
      </c>
      <c r="DC32" s="225">
        <v>0</v>
      </c>
      <c r="DD32" s="225">
        <v>0</v>
      </c>
      <c r="DE32" s="223">
        <v>1</v>
      </c>
      <c r="DF32" s="226">
        <v>1</v>
      </c>
      <c r="DG32" s="228">
        <v>1</v>
      </c>
      <c r="DH32" s="229">
        <v>0</v>
      </c>
      <c r="DI32" s="223">
        <v>0</v>
      </c>
      <c r="DJ32" s="223">
        <v>0</v>
      </c>
      <c r="DK32" s="224">
        <v>0</v>
      </c>
      <c r="DL32" s="225">
        <v>0</v>
      </c>
      <c r="DM32" s="225">
        <v>0</v>
      </c>
      <c r="DN32" s="225">
        <v>0</v>
      </c>
      <c r="DO32" s="223">
        <v>0</v>
      </c>
      <c r="DP32" s="226">
        <v>0</v>
      </c>
      <c r="DQ32" s="228">
        <v>0</v>
      </c>
      <c r="DR32" s="229">
        <v>0</v>
      </c>
      <c r="DS32" s="223">
        <v>0</v>
      </c>
      <c r="DT32" s="223">
        <v>0</v>
      </c>
      <c r="DU32" s="224">
        <v>3</v>
      </c>
      <c r="DV32" s="225">
        <v>11</v>
      </c>
      <c r="DW32" s="225">
        <v>26</v>
      </c>
      <c r="DX32" s="225">
        <v>51</v>
      </c>
      <c r="DY32" s="223">
        <v>30</v>
      </c>
      <c r="DZ32" s="226">
        <v>121</v>
      </c>
      <c r="EA32" s="228">
        <v>121</v>
      </c>
      <c r="EB32" s="37"/>
    </row>
    <row r="33" spans="1:132" ht="20.25" customHeight="1" x14ac:dyDescent="0.2">
      <c r="A33" s="63" t="s">
        <v>30</v>
      </c>
      <c r="B33" s="222">
        <v>0</v>
      </c>
      <c r="C33" s="223">
        <v>0</v>
      </c>
      <c r="D33" s="223">
        <v>0</v>
      </c>
      <c r="E33" s="224">
        <v>1</v>
      </c>
      <c r="F33" s="225">
        <v>2</v>
      </c>
      <c r="G33" s="225">
        <v>22</v>
      </c>
      <c r="H33" s="225">
        <v>23</v>
      </c>
      <c r="I33" s="223">
        <v>18</v>
      </c>
      <c r="J33" s="226">
        <v>66</v>
      </c>
      <c r="K33" s="227">
        <v>66</v>
      </c>
      <c r="L33" s="222">
        <v>0</v>
      </c>
      <c r="M33" s="223">
        <v>0</v>
      </c>
      <c r="N33" s="226">
        <v>0</v>
      </c>
      <c r="O33" s="224">
        <v>1</v>
      </c>
      <c r="P33" s="225">
        <v>2</v>
      </c>
      <c r="Q33" s="225">
        <v>22</v>
      </c>
      <c r="R33" s="225">
        <v>23</v>
      </c>
      <c r="S33" s="223">
        <v>18</v>
      </c>
      <c r="T33" s="226">
        <v>66</v>
      </c>
      <c r="U33" s="228">
        <v>66</v>
      </c>
      <c r="V33" s="229">
        <v>0</v>
      </c>
      <c r="W33" s="223">
        <v>0</v>
      </c>
      <c r="X33" s="226">
        <v>0</v>
      </c>
      <c r="Y33" s="229">
        <v>0</v>
      </c>
      <c r="Z33" s="225">
        <v>0</v>
      </c>
      <c r="AA33" s="225">
        <v>0</v>
      </c>
      <c r="AB33" s="225">
        <v>0</v>
      </c>
      <c r="AC33" s="223">
        <v>0</v>
      </c>
      <c r="AD33" s="226">
        <v>0</v>
      </c>
      <c r="AE33" s="230">
        <v>0</v>
      </c>
      <c r="AF33" s="229">
        <v>0</v>
      </c>
      <c r="AG33" s="223">
        <v>0</v>
      </c>
      <c r="AH33" s="226">
        <v>0</v>
      </c>
      <c r="AI33" s="229">
        <v>3</v>
      </c>
      <c r="AJ33" s="225">
        <v>8</v>
      </c>
      <c r="AK33" s="225">
        <v>12</v>
      </c>
      <c r="AL33" s="225">
        <v>19</v>
      </c>
      <c r="AM33" s="223">
        <v>8</v>
      </c>
      <c r="AN33" s="226">
        <v>50</v>
      </c>
      <c r="AO33" s="230">
        <v>50</v>
      </c>
      <c r="AP33" s="229">
        <v>0</v>
      </c>
      <c r="AQ33" s="223">
        <v>0</v>
      </c>
      <c r="AR33" s="226">
        <v>0</v>
      </c>
      <c r="AS33" s="224">
        <v>3</v>
      </c>
      <c r="AT33" s="225">
        <v>8</v>
      </c>
      <c r="AU33" s="225">
        <v>11</v>
      </c>
      <c r="AV33" s="225">
        <v>19</v>
      </c>
      <c r="AW33" s="223">
        <v>8</v>
      </c>
      <c r="AX33" s="226">
        <v>49</v>
      </c>
      <c r="AY33" s="227">
        <v>49</v>
      </c>
      <c r="AZ33" s="222">
        <v>0</v>
      </c>
      <c r="BA33" s="223">
        <v>0</v>
      </c>
      <c r="BB33" s="223">
        <v>0</v>
      </c>
      <c r="BC33" s="224">
        <v>0</v>
      </c>
      <c r="BD33" s="225">
        <v>0</v>
      </c>
      <c r="BE33" s="225">
        <v>1</v>
      </c>
      <c r="BF33" s="225">
        <v>0</v>
      </c>
      <c r="BG33" s="223">
        <v>0</v>
      </c>
      <c r="BH33" s="226">
        <v>1</v>
      </c>
      <c r="BI33" s="228">
        <v>1</v>
      </c>
      <c r="BJ33" s="229">
        <v>0</v>
      </c>
      <c r="BK33" s="223">
        <v>0</v>
      </c>
      <c r="BL33" s="223">
        <v>0</v>
      </c>
      <c r="BM33" s="224">
        <v>0</v>
      </c>
      <c r="BN33" s="225">
        <v>0</v>
      </c>
      <c r="BO33" s="225">
        <v>0</v>
      </c>
      <c r="BP33" s="225">
        <v>0</v>
      </c>
      <c r="BQ33" s="223">
        <v>0</v>
      </c>
      <c r="BR33" s="226">
        <v>0</v>
      </c>
      <c r="BS33" s="227">
        <v>0</v>
      </c>
      <c r="BT33" s="222">
        <v>0</v>
      </c>
      <c r="BU33" s="223">
        <v>0</v>
      </c>
      <c r="BV33" s="223">
        <v>0</v>
      </c>
      <c r="BW33" s="224">
        <v>0</v>
      </c>
      <c r="BX33" s="225">
        <v>0</v>
      </c>
      <c r="BY33" s="225">
        <v>0</v>
      </c>
      <c r="BZ33" s="225">
        <v>0</v>
      </c>
      <c r="CA33" s="223">
        <v>0</v>
      </c>
      <c r="CB33" s="226">
        <v>0</v>
      </c>
      <c r="CC33" s="228">
        <v>0</v>
      </c>
      <c r="CD33" s="229">
        <v>0</v>
      </c>
      <c r="CE33" s="223">
        <v>0</v>
      </c>
      <c r="CF33" s="223">
        <v>0</v>
      </c>
      <c r="CG33" s="224">
        <v>0</v>
      </c>
      <c r="CH33" s="225">
        <v>0</v>
      </c>
      <c r="CI33" s="225">
        <v>0</v>
      </c>
      <c r="CJ33" s="225">
        <v>0</v>
      </c>
      <c r="CK33" s="223">
        <v>0</v>
      </c>
      <c r="CL33" s="226">
        <v>0</v>
      </c>
      <c r="CM33" s="228">
        <v>0</v>
      </c>
      <c r="CN33" s="229">
        <v>0</v>
      </c>
      <c r="CO33" s="223">
        <v>0</v>
      </c>
      <c r="CP33" s="223">
        <v>0</v>
      </c>
      <c r="CQ33" s="224">
        <v>0</v>
      </c>
      <c r="CR33" s="225">
        <v>1</v>
      </c>
      <c r="CS33" s="225">
        <v>0</v>
      </c>
      <c r="CT33" s="225">
        <v>0</v>
      </c>
      <c r="CU33" s="223">
        <v>2</v>
      </c>
      <c r="CV33" s="226">
        <v>3</v>
      </c>
      <c r="CW33" s="227">
        <v>3</v>
      </c>
      <c r="CX33" s="222">
        <v>0</v>
      </c>
      <c r="CY33" s="223">
        <v>0</v>
      </c>
      <c r="CZ33" s="223">
        <v>0</v>
      </c>
      <c r="DA33" s="224">
        <v>0</v>
      </c>
      <c r="DB33" s="225">
        <v>1</v>
      </c>
      <c r="DC33" s="225">
        <v>0</v>
      </c>
      <c r="DD33" s="225">
        <v>0</v>
      </c>
      <c r="DE33" s="223">
        <v>2</v>
      </c>
      <c r="DF33" s="226">
        <v>3</v>
      </c>
      <c r="DG33" s="228">
        <v>3</v>
      </c>
      <c r="DH33" s="229">
        <v>0</v>
      </c>
      <c r="DI33" s="223">
        <v>0</v>
      </c>
      <c r="DJ33" s="223">
        <v>0</v>
      </c>
      <c r="DK33" s="224">
        <v>0</v>
      </c>
      <c r="DL33" s="225">
        <v>0</v>
      </c>
      <c r="DM33" s="225">
        <v>0</v>
      </c>
      <c r="DN33" s="225">
        <v>0</v>
      </c>
      <c r="DO33" s="223">
        <v>0</v>
      </c>
      <c r="DP33" s="226">
        <v>0</v>
      </c>
      <c r="DQ33" s="228">
        <v>0</v>
      </c>
      <c r="DR33" s="229">
        <v>0</v>
      </c>
      <c r="DS33" s="223">
        <v>0</v>
      </c>
      <c r="DT33" s="223">
        <v>0</v>
      </c>
      <c r="DU33" s="224">
        <v>4</v>
      </c>
      <c r="DV33" s="225">
        <v>11</v>
      </c>
      <c r="DW33" s="225">
        <v>34</v>
      </c>
      <c r="DX33" s="225">
        <v>42</v>
      </c>
      <c r="DY33" s="223">
        <v>28</v>
      </c>
      <c r="DZ33" s="226">
        <v>119</v>
      </c>
      <c r="EA33" s="228">
        <v>119</v>
      </c>
      <c r="EB33" s="37"/>
    </row>
    <row r="34" spans="1:132" ht="20.25" customHeight="1" x14ac:dyDescent="0.2">
      <c r="A34" s="63" t="s">
        <v>31</v>
      </c>
      <c r="B34" s="222">
        <v>0</v>
      </c>
      <c r="C34" s="223">
        <v>0</v>
      </c>
      <c r="D34" s="223">
        <v>0</v>
      </c>
      <c r="E34" s="224">
        <v>0</v>
      </c>
      <c r="F34" s="225">
        <v>4</v>
      </c>
      <c r="G34" s="225">
        <v>26</v>
      </c>
      <c r="H34" s="225">
        <v>22</v>
      </c>
      <c r="I34" s="223">
        <v>20</v>
      </c>
      <c r="J34" s="226">
        <v>72</v>
      </c>
      <c r="K34" s="227">
        <v>72</v>
      </c>
      <c r="L34" s="222">
        <v>0</v>
      </c>
      <c r="M34" s="223">
        <v>0</v>
      </c>
      <c r="N34" s="226">
        <v>0</v>
      </c>
      <c r="O34" s="224">
        <v>0</v>
      </c>
      <c r="P34" s="225">
        <v>4</v>
      </c>
      <c r="Q34" s="225">
        <v>25</v>
      </c>
      <c r="R34" s="225">
        <v>22</v>
      </c>
      <c r="S34" s="223">
        <v>20</v>
      </c>
      <c r="T34" s="226">
        <v>71</v>
      </c>
      <c r="U34" s="228">
        <v>71</v>
      </c>
      <c r="V34" s="229">
        <v>0</v>
      </c>
      <c r="W34" s="223">
        <v>0</v>
      </c>
      <c r="X34" s="226">
        <v>0</v>
      </c>
      <c r="Y34" s="229">
        <v>0</v>
      </c>
      <c r="Z34" s="225">
        <v>0</v>
      </c>
      <c r="AA34" s="225">
        <v>1</v>
      </c>
      <c r="AB34" s="225">
        <v>0</v>
      </c>
      <c r="AC34" s="223">
        <v>0</v>
      </c>
      <c r="AD34" s="226">
        <v>1</v>
      </c>
      <c r="AE34" s="230">
        <v>1</v>
      </c>
      <c r="AF34" s="229">
        <v>0</v>
      </c>
      <c r="AG34" s="223">
        <v>0</v>
      </c>
      <c r="AH34" s="226">
        <v>0</v>
      </c>
      <c r="AI34" s="229">
        <v>2</v>
      </c>
      <c r="AJ34" s="225">
        <v>12</v>
      </c>
      <c r="AK34" s="225">
        <v>9</v>
      </c>
      <c r="AL34" s="225">
        <v>11</v>
      </c>
      <c r="AM34" s="223">
        <v>3</v>
      </c>
      <c r="AN34" s="226">
        <v>37</v>
      </c>
      <c r="AO34" s="230">
        <v>37</v>
      </c>
      <c r="AP34" s="229">
        <v>0</v>
      </c>
      <c r="AQ34" s="223">
        <v>0</v>
      </c>
      <c r="AR34" s="226">
        <v>0</v>
      </c>
      <c r="AS34" s="224">
        <v>2</v>
      </c>
      <c r="AT34" s="225">
        <v>12</v>
      </c>
      <c r="AU34" s="225">
        <v>9</v>
      </c>
      <c r="AV34" s="225">
        <v>11</v>
      </c>
      <c r="AW34" s="223">
        <v>3</v>
      </c>
      <c r="AX34" s="226">
        <v>37</v>
      </c>
      <c r="AY34" s="227">
        <v>37</v>
      </c>
      <c r="AZ34" s="222">
        <v>0</v>
      </c>
      <c r="BA34" s="223">
        <v>0</v>
      </c>
      <c r="BB34" s="223">
        <v>0</v>
      </c>
      <c r="BC34" s="224">
        <v>0</v>
      </c>
      <c r="BD34" s="225">
        <v>0</v>
      </c>
      <c r="BE34" s="225">
        <v>0</v>
      </c>
      <c r="BF34" s="225">
        <v>0</v>
      </c>
      <c r="BG34" s="223">
        <v>0</v>
      </c>
      <c r="BH34" s="226">
        <v>0</v>
      </c>
      <c r="BI34" s="228">
        <v>0</v>
      </c>
      <c r="BJ34" s="229">
        <v>0</v>
      </c>
      <c r="BK34" s="223">
        <v>0</v>
      </c>
      <c r="BL34" s="223">
        <v>0</v>
      </c>
      <c r="BM34" s="224">
        <v>0</v>
      </c>
      <c r="BN34" s="225">
        <v>0</v>
      </c>
      <c r="BO34" s="225">
        <v>0</v>
      </c>
      <c r="BP34" s="225">
        <v>2</v>
      </c>
      <c r="BQ34" s="223">
        <v>0</v>
      </c>
      <c r="BR34" s="226">
        <v>2</v>
      </c>
      <c r="BS34" s="227">
        <v>2</v>
      </c>
      <c r="BT34" s="222">
        <v>0</v>
      </c>
      <c r="BU34" s="223">
        <v>0</v>
      </c>
      <c r="BV34" s="223">
        <v>0</v>
      </c>
      <c r="BW34" s="224">
        <v>0</v>
      </c>
      <c r="BX34" s="225">
        <v>0</v>
      </c>
      <c r="BY34" s="225">
        <v>0</v>
      </c>
      <c r="BZ34" s="225">
        <v>2</v>
      </c>
      <c r="CA34" s="223">
        <v>0</v>
      </c>
      <c r="CB34" s="226">
        <v>2</v>
      </c>
      <c r="CC34" s="228">
        <v>2</v>
      </c>
      <c r="CD34" s="229">
        <v>0</v>
      </c>
      <c r="CE34" s="223">
        <v>0</v>
      </c>
      <c r="CF34" s="223">
        <v>0</v>
      </c>
      <c r="CG34" s="224">
        <v>0</v>
      </c>
      <c r="CH34" s="225">
        <v>0</v>
      </c>
      <c r="CI34" s="225">
        <v>0</v>
      </c>
      <c r="CJ34" s="225">
        <v>0</v>
      </c>
      <c r="CK34" s="223">
        <v>0</v>
      </c>
      <c r="CL34" s="226">
        <v>0</v>
      </c>
      <c r="CM34" s="228">
        <v>0</v>
      </c>
      <c r="CN34" s="229">
        <v>0</v>
      </c>
      <c r="CO34" s="223">
        <v>0</v>
      </c>
      <c r="CP34" s="223">
        <v>0</v>
      </c>
      <c r="CQ34" s="224">
        <v>0</v>
      </c>
      <c r="CR34" s="225">
        <v>0</v>
      </c>
      <c r="CS34" s="225">
        <v>1</v>
      </c>
      <c r="CT34" s="225">
        <v>0</v>
      </c>
      <c r="CU34" s="223">
        <v>1</v>
      </c>
      <c r="CV34" s="226">
        <v>2</v>
      </c>
      <c r="CW34" s="227">
        <v>2</v>
      </c>
      <c r="CX34" s="222">
        <v>0</v>
      </c>
      <c r="CY34" s="223">
        <v>0</v>
      </c>
      <c r="CZ34" s="223">
        <v>0</v>
      </c>
      <c r="DA34" s="224">
        <v>0</v>
      </c>
      <c r="DB34" s="225">
        <v>0</v>
      </c>
      <c r="DC34" s="225">
        <v>1</v>
      </c>
      <c r="DD34" s="225">
        <v>0</v>
      </c>
      <c r="DE34" s="223">
        <v>1</v>
      </c>
      <c r="DF34" s="226">
        <v>2</v>
      </c>
      <c r="DG34" s="228">
        <v>2</v>
      </c>
      <c r="DH34" s="229">
        <v>0</v>
      </c>
      <c r="DI34" s="223">
        <v>0</v>
      </c>
      <c r="DJ34" s="223">
        <v>0</v>
      </c>
      <c r="DK34" s="224">
        <v>0</v>
      </c>
      <c r="DL34" s="225">
        <v>0</v>
      </c>
      <c r="DM34" s="225">
        <v>0</v>
      </c>
      <c r="DN34" s="225">
        <v>0</v>
      </c>
      <c r="DO34" s="223">
        <v>0</v>
      </c>
      <c r="DP34" s="226">
        <v>0</v>
      </c>
      <c r="DQ34" s="228">
        <v>0</v>
      </c>
      <c r="DR34" s="229">
        <v>0</v>
      </c>
      <c r="DS34" s="223">
        <v>0</v>
      </c>
      <c r="DT34" s="223">
        <v>0</v>
      </c>
      <c r="DU34" s="224">
        <v>2</v>
      </c>
      <c r="DV34" s="225">
        <v>16</v>
      </c>
      <c r="DW34" s="225">
        <v>36</v>
      </c>
      <c r="DX34" s="225">
        <v>35</v>
      </c>
      <c r="DY34" s="223">
        <v>24</v>
      </c>
      <c r="DZ34" s="226">
        <v>113</v>
      </c>
      <c r="EA34" s="228">
        <v>113</v>
      </c>
      <c r="EB34" s="37"/>
    </row>
    <row r="35" spans="1:132" ht="20.25" customHeight="1" x14ac:dyDescent="0.2">
      <c r="A35" s="63" t="s">
        <v>32</v>
      </c>
      <c r="B35" s="222">
        <v>0</v>
      </c>
      <c r="C35" s="223">
        <v>0</v>
      </c>
      <c r="D35" s="223">
        <v>0</v>
      </c>
      <c r="E35" s="224">
        <v>1</v>
      </c>
      <c r="F35" s="225">
        <v>1</v>
      </c>
      <c r="G35" s="225">
        <v>9</v>
      </c>
      <c r="H35" s="225">
        <v>22</v>
      </c>
      <c r="I35" s="223">
        <v>8</v>
      </c>
      <c r="J35" s="226">
        <v>41</v>
      </c>
      <c r="K35" s="227">
        <v>41</v>
      </c>
      <c r="L35" s="222">
        <v>0</v>
      </c>
      <c r="M35" s="223">
        <v>0</v>
      </c>
      <c r="N35" s="226">
        <v>0</v>
      </c>
      <c r="O35" s="224">
        <v>1</v>
      </c>
      <c r="P35" s="225">
        <v>1</v>
      </c>
      <c r="Q35" s="225">
        <v>9</v>
      </c>
      <c r="R35" s="225">
        <v>22</v>
      </c>
      <c r="S35" s="223">
        <v>6</v>
      </c>
      <c r="T35" s="226">
        <v>39</v>
      </c>
      <c r="U35" s="228">
        <v>39</v>
      </c>
      <c r="V35" s="229">
        <v>0</v>
      </c>
      <c r="W35" s="223">
        <v>0</v>
      </c>
      <c r="X35" s="226">
        <v>0</v>
      </c>
      <c r="Y35" s="229">
        <v>0</v>
      </c>
      <c r="Z35" s="225">
        <v>0</v>
      </c>
      <c r="AA35" s="225">
        <v>0</v>
      </c>
      <c r="AB35" s="225">
        <v>0</v>
      </c>
      <c r="AC35" s="223">
        <v>2</v>
      </c>
      <c r="AD35" s="226">
        <v>2</v>
      </c>
      <c r="AE35" s="230">
        <v>2</v>
      </c>
      <c r="AF35" s="229">
        <v>0</v>
      </c>
      <c r="AG35" s="223">
        <v>0</v>
      </c>
      <c r="AH35" s="226">
        <v>0</v>
      </c>
      <c r="AI35" s="229">
        <v>3</v>
      </c>
      <c r="AJ35" s="225">
        <v>8</v>
      </c>
      <c r="AK35" s="225">
        <v>13</v>
      </c>
      <c r="AL35" s="225">
        <v>11</v>
      </c>
      <c r="AM35" s="223">
        <v>7</v>
      </c>
      <c r="AN35" s="226">
        <v>42</v>
      </c>
      <c r="AO35" s="230">
        <v>42</v>
      </c>
      <c r="AP35" s="229">
        <v>0</v>
      </c>
      <c r="AQ35" s="223">
        <v>0</v>
      </c>
      <c r="AR35" s="226">
        <v>0</v>
      </c>
      <c r="AS35" s="224">
        <v>3</v>
      </c>
      <c r="AT35" s="225">
        <v>8</v>
      </c>
      <c r="AU35" s="225">
        <v>13</v>
      </c>
      <c r="AV35" s="225">
        <v>11</v>
      </c>
      <c r="AW35" s="223">
        <v>7</v>
      </c>
      <c r="AX35" s="226">
        <v>42</v>
      </c>
      <c r="AY35" s="227">
        <v>42</v>
      </c>
      <c r="AZ35" s="222">
        <v>0</v>
      </c>
      <c r="BA35" s="223">
        <v>0</v>
      </c>
      <c r="BB35" s="223">
        <v>0</v>
      </c>
      <c r="BC35" s="224">
        <v>0</v>
      </c>
      <c r="BD35" s="225">
        <v>0</v>
      </c>
      <c r="BE35" s="225">
        <v>0</v>
      </c>
      <c r="BF35" s="225">
        <v>0</v>
      </c>
      <c r="BG35" s="223">
        <v>0</v>
      </c>
      <c r="BH35" s="226">
        <v>0</v>
      </c>
      <c r="BI35" s="228">
        <v>0</v>
      </c>
      <c r="BJ35" s="229">
        <v>0</v>
      </c>
      <c r="BK35" s="223">
        <v>0</v>
      </c>
      <c r="BL35" s="223">
        <v>0</v>
      </c>
      <c r="BM35" s="224">
        <v>0</v>
      </c>
      <c r="BN35" s="225">
        <v>0</v>
      </c>
      <c r="BO35" s="225">
        <v>0</v>
      </c>
      <c r="BP35" s="225">
        <v>0</v>
      </c>
      <c r="BQ35" s="223">
        <v>0</v>
      </c>
      <c r="BR35" s="226">
        <v>0</v>
      </c>
      <c r="BS35" s="227">
        <v>0</v>
      </c>
      <c r="BT35" s="222">
        <v>0</v>
      </c>
      <c r="BU35" s="223">
        <v>0</v>
      </c>
      <c r="BV35" s="223">
        <v>0</v>
      </c>
      <c r="BW35" s="224">
        <v>0</v>
      </c>
      <c r="BX35" s="225">
        <v>0</v>
      </c>
      <c r="BY35" s="225">
        <v>0</v>
      </c>
      <c r="BZ35" s="225">
        <v>0</v>
      </c>
      <c r="CA35" s="223">
        <v>0</v>
      </c>
      <c r="CB35" s="226">
        <v>0</v>
      </c>
      <c r="CC35" s="228">
        <v>0</v>
      </c>
      <c r="CD35" s="229">
        <v>0</v>
      </c>
      <c r="CE35" s="223">
        <v>0</v>
      </c>
      <c r="CF35" s="223">
        <v>0</v>
      </c>
      <c r="CG35" s="224">
        <v>0</v>
      </c>
      <c r="CH35" s="225">
        <v>0</v>
      </c>
      <c r="CI35" s="225">
        <v>0</v>
      </c>
      <c r="CJ35" s="225">
        <v>0</v>
      </c>
      <c r="CK35" s="223">
        <v>0</v>
      </c>
      <c r="CL35" s="226">
        <v>0</v>
      </c>
      <c r="CM35" s="228">
        <v>0</v>
      </c>
      <c r="CN35" s="229">
        <v>0</v>
      </c>
      <c r="CO35" s="223">
        <v>0</v>
      </c>
      <c r="CP35" s="223">
        <v>0</v>
      </c>
      <c r="CQ35" s="224">
        <v>0</v>
      </c>
      <c r="CR35" s="225">
        <v>0</v>
      </c>
      <c r="CS35" s="225">
        <v>0</v>
      </c>
      <c r="CT35" s="225">
        <v>0</v>
      </c>
      <c r="CU35" s="223">
        <v>0</v>
      </c>
      <c r="CV35" s="226">
        <v>0</v>
      </c>
      <c r="CW35" s="227">
        <v>0</v>
      </c>
      <c r="CX35" s="222">
        <v>0</v>
      </c>
      <c r="CY35" s="223">
        <v>0</v>
      </c>
      <c r="CZ35" s="223">
        <v>0</v>
      </c>
      <c r="DA35" s="224">
        <v>0</v>
      </c>
      <c r="DB35" s="225">
        <v>0</v>
      </c>
      <c r="DC35" s="225">
        <v>0</v>
      </c>
      <c r="DD35" s="225">
        <v>0</v>
      </c>
      <c r="DE35" s="223">
        <v>0</v>
      </c>
      <c r="DF35" s="226">
        <v>0</v>
      </c>
      <c r="DG35" s="228">
        <v>0</v>
      </c>
      <c r="DH35" s="229">
        <v>0</v>
      </c>
      <c r="DI35" s="223">
        <v>0</v>
      </c>
      <c r="DJ35" s="223">
        <v>0</v>
      </c>
      <c r="DK35" s="224">
        <v>0</v>
      </c>
      <c r="DL35" s="225">
        <v>0</v>
      </c>
      <c r="DM35" s="225">
        <v>0</v>
      </c>
      <c r="DN35" s="225">
        <v>0</v>
      </c>
      <c r="DO35" s="223">
        <v>0</v>
      </c>
      <c r="DP35" s="226">
        <v>0</v>
      </c>
      <c r="DQ35" s="228">
        <v>0</v>
      </c>
      <c r="DR35" s="229">
        <v>0</v>
      </c>
      <c r="DS35" s="223">
        <v>0</v>
      </c>
      <c r="DT35" s="223">
        <v>0</v>
      </c>
      <c r="DU35" s="224">
        <v>4</v>
      </c>
      <c r="DV35" s="225">
        <v>9</v>
      </c>
      <c r="DW35" s="225">
        <v>22</v>
      </c>
      <c r="DX35" s="225">
        <v>33</v>
      </c>
      <c r="DY35" s="223">
        <v>15</v>
      </c>
      <c r="DZ35" s="226">
        <v>83</v>
      </c>
      <c r="EA35" s="228">
        <v>83</v>
      </c>
      <c r="EB35" s="37"/>
    </row>
    <row r="36" spans="1:132" ht="20.25" customHeight="1" x14ac:dyDescent="0.2">
      <c r="A36" s="63" t="s">
        <v>33</v>
      </c>
      <c r="B36" s="222">
        <v>0</v>
      </c>
      <c r="C36" s="223">
        <v>0</v>
      </c>
      <c r="D36" s="223">
        <v>0</v>
      </c>
      <c r="E36" s="224">
        <v>0</v>
      </c>
      <c r="F36" s="225">
        <v>8</v>
      </c>
      <c r="G36" s="225">
        <v>29</v>
      </c>
      <c r="H36" s="225">
        <v>25</v>
      </c>
      <c r="I36" s="223">
        <v>29</v>
      </c>
      <c r="J36" s="226">
        <v>91</v>
      </c>
      <c r="K36" s="227">
        <v>91</v>
      </c>
      <c r="L36" s="222">
        <v>0</v>
      </c>
      <c r="M36" s="223">
        <v>0</v>
      </c>
      <c r="N36" s="226">
        <v>0</v>
      </c>
      <c r="O36" s="224">
        <v>0</v>
      </c>
      <c r="P36" s="225">
        <v>8</v>
      </c>
      <c r="Q36" s="225">
        <v>29</v>
      </c>
      <c r="R36" s="225">
        <v>25</v>
      </c>
      <c r="S36" s="223">
        <v>29</v>
      </c>
      <c r="T36" s="226">
        <v>91</v>
      </c>
      <c r="U36" s="228">
        <v>91</v>
      </c>
      <c r="V36" s="229">
        <v>0</v>
      </c>
      <c r="W36" s="223">
        <v>0</v>
      </c>
      <c r="X36" s="226">
        <v>0</v>
      </c>
      <c r="Y36" s="229">
        <v>0</v>
      </c>
      <c r="Z36" s="225">
        <v>0</v>
      </c>
      <c r="AA36" s="225">
        <v>0</v>
      </c>
      <c r="AB36" s="225">
        <v>0</v>
      </c>
      <c r="AC36" s="223">
        <v>0</v>
      </c>
      <c r="AD36" s="226">
        <v>0</v>
      </c>
      <c r="AE36" s="230">
        <v>0</v>
      </c>
      <c r="AF36" s="229">
        <v>0</v>
      </c>
      <c r="AG36" s="223">
        <v>0</v>
      </c>
      <c r="AH36" s="226">
        <v>0</v>
      </c>
      <c r="AI36" s="229">
        <v>10</v>
      </c>
      <c r="AJ36" s="225">
        <v>6</v>
      </c>
      <c r="AK36" s="225">
        <v>10</v>
      </c>
      <c r="AL36" s="225">
        <v>15</v>
      </c>
      <c r="AM36" s="223">
        <v>7</v>
      </c>
      <c r="AN36" s="226">
        <v>48</v>
      </c>
      <c r="AO36" s="230">
        <v>48</v>
      </c>
      <c r="AP36" s="229">
        <v>0</v>
      </c>
      <c r="AQ36" s="223">
        <v>0</v>
      </c>
      <c r="AR36" s="226">
        <v>0</v>
      </c>
      <c r="AS36" s="224">
        <v>10</v>
      </c>
      <c r="AT36" s="225">
        <v>6</v>
      </c>
      <c r="AU36" s="225">
        <v>10</v>
      </c>
      <c r="AV36" s="225">
        <v>15</v>
      </c>
      <c r="AW36" s="223">
        <v>7</v>
      </c>
      <c r="AX36" s="226">
        <v>48</v>
      </c>
      <c r="AY36" s="227">
        <v>48</v>
      </c>
      <c r="AZ36" s="222">
        <v>0</v>
      </c>
      <c r="BA36" s="223">
        <v>0</v>
      </c>
      <c r="BB36" s="223">
        <v>0</v>
      </c>
      <c r="BC36" s="224">
        <v>0</v>
      </c>
      <c r="BD36" s="225">
        <v>0</v>
      </c>
      <c r="BE36" s="225">
        <v>0</v>
      </c>
      <c r="BF36" s="225">
        <v>0</v>
      </c>
      <c r="BG36" s="223">
        <v>0</v>
      </c>
      <c r="BH36" s="226">
        <v>0</v>
      </c>
      <c r="BI36" s="228">
        <v>0</v>
      </c>
      <c r="BJ36" s="229">
        <v>0</v>
      </c>
      <c r="BK36" s="223">
        <v>0</v>
      </c>
      <c r="BL36" s="223">
        <v>0</v>
      </c>
      <c r="BM36" s="224">
        <v>0</v>
      </c>
      <c r="BN36" s="225">
        <v>0</v>
      </c>
      <c r="BO36" s="225">
        <v>0</v>
      </c>
      <c r="BP36" s="225">
        <v>0</v>
      </c>
      <c r="BQ36" s="223">
        <v>0</v>
      </c>
      <c r="BR36" s="226">
        <v>0</v>
      </c>
      <c r="BS36" s="227">
        <v>0</v>
      </c>
      <c r="BT36" s="222">
        <v>0</v>
      </c>
      <c r="BU36" s="223">
        <v>0</v>
      </c>
      <c r="BV36" s="223">
        <v>0</v>
      </c>
      <c r="BW36" s="224">
        <v>0</v>
      </c>
      <c r="BX36" s="225">
        <v>0</v>
      </c>
      <c r="BY36" s="225">
        <v>0</v>
      </c>
      <c r="BZ36" s="225">
        <v>0</v>
      </c>
      <c r="CA36" s="223">
        <v>0</v>
      </c>
      <c r="CB36" s="226">
        <v>0</v>
      </c>
      <c r="CC36" s="228">
        <v>0</v>
      </c>
      <c r="CD36" s="229">
        <v>0</v>
      </c>
      <c r="CE36" s="223">
        <v>0</v>
      </c>
      <c r="CF36" s="223">
        <v>0</v>
      </c>
      <c r="CG36" s="224">
        <v>0</v>
      </c>
      <c r="CH36" s="225">
        <v>0</v>
      </c>
      <c r="CI36" s="225">
        <v>0</v>
      </c>
      <c r="CJ36" s="225">
        <v>0</v>
      </c>
      <c r="CK36" s="223">
        <v>0</v>
      </c>
      <c r="CL36" s="226">
        <v>0</v>
      </c>
      <c r="CM36" s="228">
        <v>0</v>
      </c>
      <c r="CN36" s="229">
        <v>0</v>
      </c>
      <c r="CO36" s="223">
        <v>0</v>
      </c>
      <c r="CP36" s="223">
        <v>0</v>
      </c>
      <c r="CQ36" s="224">
        <v>2</v>
      </c>
      <c r="CR36" s="225">
        <v>5</v>
      </c>
      <c r="CS36" s="225">
        <v>8</v>
      </c>
      <c r="CT36" s="225">
        <v>4</v>
      </c>
      <c r="CU36" s="223">
        <v>6</v>
      </c>
      <c r="CV36" s="226">
        <v>25</v>
      </c>
      <c r="CW36" s="227">
        <v>25</v>
      </c>
      <c r="CX36" s="222">
        <v>0</v>
      </c>
      <c r="CY36" s="223">
        <v>0</v>
      </c>
      <c r="CZ36" s="223">
        <v>0</v>
      </c>
      <c r="DA36" s="224">
        <v>2</v>
      </c>
      <c r="DB36" s="225">
        <v>5</v>
      </c>
      <c r="DC36" s="225">
        <v>8</v>
      </c>
      <c r="DD36" s="225">
        <v>4</v>
      </c>
      <c r="DE36" s="223">
        <v>6</v>
      </c>
      <c r="DF36" s="226">
        <v>25</v>
      </c>
      <c r="DG36" s="228">
        <v>25</v>
      </c>
      <c r="DH36" s="229">
        <v>0</v>
      </c>
      <c r="DI36" s="223">
        <v>0</v>
      </c>
      <c r="DJ36" s="223">
        <v>0</v>
      </c>
      <c r="DK36" s="224">
        <v>0</v>
      </c>
      <c r="DL36" s="225">
        <v>0</v>
      </c>
      <c r="DM36" s="225">
        <v>0</v>
      </c>
      <c r="DN36" s="225">
        <v>0</v>
      </c>
      <c r="DO36" s="223">
        <v>0</v>
      </c>
      <c r="DP36" s="226">
        <v>0</v>
      </c>
      <c r="DQ36" s="228">
        <v>0</v>
      </c>
      <c r="DR36" s="229">
        <v>0</v>
      </c>
      <c r="DS36" s="223">
        <v>0</v>
      </c>
      <c r="DT36" s="223">
        <v>0</v>
      </c>
      <c r="DU36" s="224">
        <v>12</v>
      </c>
      <c r="DV36" s="225">
        <v>19</v>
      </c>
      <c r="DW36" s="225">
        <v>47</v>
      </c>
      <c r="DX36" s="225">
        <v>44</v>
      </c>
      <c r="DY36" s="223">
        <v>41</v>
      </c>
      <c r="DZ36" s="226">
        <v>163</v>
      </c>
      <c r="EA36" s="228">
        <v>163</v>
      </c>
      <c r="EB36" s="37"/>
    </row>
    <row r="37" spans="1:132" ht="20.25" customHeight="1" x14ac:dyDescent="0.2">
      <c r="A37" s="63" t="s">
        <v>34</v>
      </c>
      <c r="B37" s="222">
        <v>0</v>
      </c>
      <c r="C37" s="223">
        <v>0</v>
      </c>
      <c r="D37" s="223">
        <v>0</v>
      </c>
      <c r="E37" s="224">
        <v>0</v>
      </c>
      <c r="F37" s="225">
        <v>0</v>
      </c>
      <c r="G37" s="225">
        <v>6</v>
      </c>
      <c r="H37" s="225">
        <v>20</v>
      </c>
      <c r="I37" s="223">
        <v>18</v>
      </c>
      <c r="J37" s="226">
        <v>44</v>
      </c>
      <c r="K37" s="227">
        <v>44</v>
      </c>
      <c r="L37" s="222">
        <v>0</v>
      </c>
      <c r="M37" s="223">
        <v>0</v>
      </c>
      <c r="N37" s="226">
        <v>0</v>
      </c>
      <c r="O37" s="224">
        <v>0</v>
      </c>
      <c r="P37" s="225">
        <v>0</v>
      </c>
      <c r="Q37" s="225">
        <v>6</v>
      </c>
      <c r="R37" s="225">
        <v>20</v>
      </c>
      <c r="S37" s="223">
        <v>18</v>
      </c>
      <c r="T37" s="226">
        <v>44</v>
      </c>
      <c r="U37" s="228">
        <v>44</v>
      </c>
      <c r="V37" s="229">
        <v>0</v>
      </c>
      <c r="W37" s="223">
        <v>0</v>
      </c>
      <c r="X37" s="226">
        <v>0</v>
      </c>
      <c r="Y37" s="229">
        <v>0</v>
      </c>
      <c r="Z37" s="225">
        <v>0</v>
      </c>
      <c r="AA37" s="225">
        <v>0</v>
      </c>
      <c r="AB37" s="225">
        <v>0</v>
      </c>
      <c r="AC37" s="223">
        <v>0</v>
      </c>
      <c r="AD37" s="226">
        <v>0</v>
      </c>
      <c r="AE37" s="230">
        <v>0</v>
      </c>
      <c r="AF37" s="229">
        <v>0</v>
      </c>
      <c r="AG37" s="223">
        <v>0</v>
      </c>
      <c r="AH37" s="226">
        <v>0</v>
      </c>
      <c r="AI37" s="229">
        <v>6</v>
      </c>
      <c r="AJ37" s="225">
        <v>9</v>
      </c>
      <c r="AK37" s="225">
        <v>11</v>
      </c>
      <c r="AL37" s="225">
        <v>9</v>
      </c>
      <c r="AM37" s="223">
        <v>5</v>
      </c>
      <c r="AN37" s="226">
        <v>40</v>
      </c>
      <c r="AO37" s="230">
        <v>40</v>
      </c>
      <c r="AP37" s="229">
        <v>0</v>
      </c>
      <c r="AQ37" s="223">
        <v>0</v>
      </c>
      <c r="AR37" s="226">
        <v>0</v>
      </c>
      <c r="AS37" s="224">
        <v>6</v>
      </c>
      <c r="AT37" s="225">
        <v>9</v>
      </c>
      <c r="AU37" s="225">
        <v>11</v>
      </c>
      <c r="AV37" s="225">
        <v>9</v>
      </c>
      <c r="AW37" s="223">
        <v>5</v>
      </c>
      <c r="AX37" s="226">
        <v>40</v>
      </c>
      <c r="AY37" s="227">
        <v>40</v>
      </c>
      <c r="AZ37" s="222">
        <v>0</v>
      </c>
      <c r="BA37" s="223">
        <v>0</v>
      </c>
      <c r="BB37" s="223">
        <v>0</v>
      </c>
      <c r="BC37" s="224">
        <v>0</v>
      </c>
      <c r="BD37" s="225">
        <v>0</v>
      </c>
      <c r="BE37" s="225">
        <v>0</v>
      </c>
      <c r="BF37" s="225">
        <v>0</v>
      </c>
      <c r="BG37" s="223">
        <v>0</v>
      </c>
      <c r="BH37" s="226">
        <v>0</v>
      </c>
      <c r="BI37" s="228">
        <v>0</v>
      </c>
      <c r="BJ37" s="229">
        <v>0</v>
      </c>
      <c r="BK37" s="223">
        <v>0</v>
      </c>
      <c r="BL37" s="223">
        <v>0</v>
      </c>
      <c r="BM37" s="224">
        <v>0</v>
      </c>
      <c r="BN37" s="225">
        <v>0</v>
      </c>
      <c r="BO37" s="225">
        <v>0</v>
      </c>
      <c r="BP37" s="225">
        <v>0</v>
      </c>
      <c r="BQ37" s="223">
        <v>0</v>
      </c>
      <c r="BR37" s="226">
        <v>0</v>
      </c>
      <c r="BS37" s="227">
        <v>0</v>
      </c>
      <c r="BT37" s="222">
        <v>0</v>
      </c>
      <c r="BU37" s="223">
        <v>0</v>
      </c>
      <c r="BV37" s="223">
        <v>0</v>
      </c>
      <c r="BW37" s="224">
        <v>0</v>
      </c>
      <c r="BX37" s="225">
        <v>0</v>
      </c>
      <c r="BY37" s="225">
        <v>0</v>
      </c>
      <c r="BZ37" s="225">
        <v>0</v>
      </c>
      <c r="CA37" s="223">
        <v>0</v>
      </c>
      <c r="CB37" s="226">
        <v>0</v>
      </c>
      <c r="CC37" s="228">
        <v>0</v>
      </c>
      <c r="CD37" s="229">
        <v>0</v>
      </c>
      <c r="CE37" s="223">
        <v>0</v>
      </c>
      <c r="CF37" s="223">
        <v>0</v>
      </c>
      <c r="CG37" s="224">
        <v>0</v>
      </c>
      <c r="CH37" s="225">
        <v>0</v>
      </c>
      <c r="CI37" s="225">
        <v>0</v>
      </c>
      <c r="CJ37" s="225">
        <v>0</v>
      </c>
      <c r="CK37" s="223">
        <v>0</v>
      </c>
      <c r="CL37" s="226">
        <v>0</v>
      </c>
      <c r="CM37" s="228">
        <v>0</v>
      </c>
      <c r="CN37" s="229">
        <v>0</v>
      </c>
      <c r="CO37" s="223">
        <v>0</v>
      </c>
      <c r="CP37" s="223">
        <v>0</v>
      </c>
      <c r="CQ37" s="224">
        <v>0</v>
      </c>
      <c r="CR37" s="225">
        <v>1</v>
      </c>
      <c r="CS37" s="225">
        <v>0</v>
      </c>
      <c r="CT37" s="225">
        <v>2</v>
      </c>
      <c r="CU37" s="223">
        <v>0</v>
      </c>
      <c r="CV37" s="226">
        <v>3</v>
      </c>
      <c r="CW37" s="227">
        <v>3</v>
      </c>
      <c r="CX37" s="222">
        <v>0</v>
      </c>
      <c r="CY37" s="223">
        <v>0</v>
      </c>
      <c r="CZ37" s="223">
        <v>0</v>
      </c>
      <c r="DA37" s="224">
        <v>0</v>
      </c>
      <c r="DB37" s="225">
        <v>1</v>
      </c>
      <c r="DC37" s="225">
        <v>0</v>
      </c>
      <c r="DD37" s="225">
        <v>2</v>
      </c>
      <c r="DE37" s="223">
        <v>0</v>
      </c>
      <c r="DF37" s="226">
        <v>3</v>
      </c>
      <c r="DG37" s="228">
        <v>3</v>
      </c>
      <c r="DH37" s="229">
        <v>0</v>
      </c>
      <c r="DI37" s="223">
        <v>0</v>
      </c>
      <c r="DJ37" s="223">
        <v>0</v>
      </c>
      <c r="DK37" s="224">
        <v>0</v>
      </c>
      <c r="DL37" s="225">
        <v>0</v>
      </c>
      <c r="DM37" s="225">
        <v>0</v>
      </c>
      <c r="DN37" s="225">
        <v>0</v>
      </c>
      <c r="DO37" s="223">
        <v>0</v>
      </c>
      <c r="DP37" s="226">
        <v>0</v>
      </c>
      <c r="DQ37" s="228">
        <v>0</v>
      </c>
      <c r="DR37" s="229">
        <v>0</v>
      </c>
      <c r="DS37" s="223">
        <v>0</v>
      </c>
      <c r="DT37" s="223">
        <v>0</v>
      </c>
      <c r="DU37" s="224">
        <v>6</v>
      </c>
      <c r="DV37" s="225">
        <v>10</v>
      </c>
      <c r="DW37" s="225">
        <v>17</v>
      </c>
      <c r="DX37" s="225">
        <v>31</v>
      </c>
      <c r="DY37" s="223">
        <v>23</v>
      </c>
      <c r="DZ37" s="226">
        <v>87</v>
      </c>
      <c r="EA37" s="228">
        <v>87</v>
      </c>
      <c r="EB37" s="37"/>
    </row>
    <row r="38" spans="1:132" ht="20.25" customHeight="1" x14ac:dyDescent="0.2">
      <c r="A38" s="63" t="s">
        <v>35</v>
      </c>
      <c r="B38" s="222">
        <v>0</v>
      </c>
      <c r="C38" s="223">
        <v>0</v>
      </c>
      <c r="D38" s="223">
        <v>0</v>
      </c>
      <c r="E38" s="224">
        <v>1</v>
      </c>
      <c r="F38" s="225">
        <v>2</v>
      </c>
      <c r="G38" s="225">
        <v>28</v>
      </c>
      <c r="H38" s="225">
        <v>49</v>
      </c>
      <c r="I38" s="223">
        <v>37</v>
      </c>
      <c r="J38" s="226">
        <v>117</v>
      </c>
      <c r="K38" s="227">
        <v>117</v>
      </c>
      <c r="L38" s="222">
        <v>0</v>
      </c>
      <c r="M38" s="223">
        <v>0</v>
      </c>
      <c r="N38" s="226">
        <v>0</v>
      </c>
      <c r="O38" s="224">
        <v>1</v>
      </c>
      <c r="P38" s="225">
        <v>2</v>
      </c>
      <c r="Q38" s="225">
        <v>28</v>
      </c>
      <c r="R38" s="225">
        <v>49</v>
      </c>
      <c r="S38" s="223">
        <v>37</v>
      </c>
      <c r="T38" s="226">
        <v>117</v>
      </c>
      <c r="U38" s="228">
        <v>117</v>
      </c>
      <c r="V38" s="229">
        <v>0</v>
      </c>
      <c r="W38" s="223">
        <v>0</v>
      </c>
      <c r="X38" s="226">
        <v>0</v>
      </c>
      <c r="Y38" s="229">
        <v>0</v>
      </c>
      <c r="Z38" s="225">
        <v>0</v>
      </c>
      <c r="AA38" s="225">
        <v>0</v>
      </c>
      <c r="AB38" s="225">
        <v>0</v>
      </c>
      <c r="AC38" s="223">
        <v>0</v>
      </c>
      <c r="AD38" s="226">
        <v>0</v>
      </c>
      <c r="AE38" s="230">
        <v>0</v>
      </c>
      <c r="AF38" s="229">
        <v>0</v>
      </c>
      <c r="AG38" s="223">
        <v>0</v>
      </c>
      <c r="AH38" s="226">
        <v>0</v>
      </c>
      <c r="AI38" s="229">
        <v>25</v>
      </c>
      <c r="AJ38" s="225">
        <v>30</v>
      </c>
      <c r="AK38" s="225">
        <v>27</v>
      </c>
      <c r="AL38" s="225">
        <v>18</v>
      </c>
      <c r="AM38" s="223">
        <v>8</v>
      </c>
      <c r="AN38" s="226">
        <v>108</v>
      </c>
      <c r="AO38" s="230">
        <v>108</v>
      </c>
      <c r="AP38" s="229">
        <v>0</v>
      </c>
      <c r="AQ38" s="223">
        <v>0</v>
      </c>
      <c r="AR38" s="226">
        <v>0</v>
      </c>
      <c r="AS38" s="224">
        <v>25</v>
      </c>
      <c r="AT38" s="225">
        <v>30</v>
      </c>
      <c r="AU38" s="225">
        <v>25</v>
      </c>
      <c r="AV38" s="225">
        <v>17</v>
      </c>
      <c r="AW38" s="223">
        <v>8</v>
      </c>
      <c r="AX38" s="226">
        <v>105</v>
      </c>
      <c r="AY38" s="227">
        <v>105</v>
      </c>
      <c r="AZ38" s="222">
        <v>0</v>
      </c>
      <c r="BA38" s="223">
        <v>0</v>
      </c>
      <c r="BB38" s="223">
        <v>0</v>
      </c>
      <c r="BC38" s="224">
        <v>0</v>
      </c>
      <c r="BD38" s="225">
        <v>0</v>
      </c>
      <c r="BE38" s="225">
        <v>2</v>
      </c>
      <c r="BF38" s="225">
        <v>1</v>
      </c>
      <c r="BG38" s="223">
        <v>0</v>
      </c>
      <c r="BH38" s="226">
        <v>3</v>
      </c>
      <c r="BI38" s="228">
        <v>3</v>
      </c>
      <c r="BJ38" s="229">
        <v>0</v>
      </c>
      <c r="BK38" s="223">
        <v>0</v>
      </c>
      <c r="BL38" s="223">
        <v>0</v>
      </c>
      <c r="BM38" s="224">
        <v>0</v>
      </c>
      <c r="BN38" s="225">
        <v>0</v>
      </c>
      <c r="BO38" s="225">
        <v>0</v>
      </c>
      <c r="BP38" s="225">
        <v>0</v>
      </c>
      <c r="BQ38" s="223">
        <v>0</v>
      </c>
      <c r="BR38" s="226">
        <v>0</v>
      </c>
      <c r="BS38" s="227">
        <v>0</v>
      </c>
      <c r="BT38" s="222">
        <v>0</v>
      </c>
      <c r="BU38" s="223">
        <v>0</v>
      </c>
      <c r="BV38" s="223">
        <v>0</v>
      </c>
      <c r="BW38" s="224">
        <v>0</v>
      </c>
      <c r="BX38" s="225">
        <v>0</v>
      </c>
      <c r="BY38" s="225">
        <v>0</v>
      </c>
      <c r="BZ38" s="225">
        <v>0</v>
      </c>
      <c r="CA38" s="223">
        <v>0</v>
      </c>
      <c r="CB38" s="226">
        <v>0</v>
      </c>
      <c r="CC38" s="228">
        <v>0</v>
      </c>
      <c r="CD38" s="229">
        <v>0</v>
      </c>
      <c r="CE38" s="223">
        <v>0</v>
      </c>
      <c r="CF38" s="223">
        <v>0</v>
      </c>
      <c r="CG38" s="224">
        <v>0</v>
      </c>
      <c r="CH38" s="225">
        <v>0</v>
      </c>
      <c r="CI38" s="225">
        <v>0</v>
      </c>
      <c r="CJ38" s="225">
        <v>0</v>
      </c>
      <c r="CK38" s="223">
        <v>0</v>
      </c>
      <c r="CL38" s="226">
        <v>0</v>
      </c>
      <c r="CM38" s="228">
        <v>0</v>
      </c>
      <c r="CN38" s="229">
        <v>0</v>
      </c>
      <c r="CO38" s="223">
        <v>0</v>
      </c>
      <c r="CP38" s="223">
        <v>0</v>
      </c>
      <c r="CQ38" s="224">
        <v>4</v>
      </c>
      <c r="CR38" s="225">
        <v>2</v>
      </c>
      <c r="CS38" s="225">
        <v>4</v>
      </c>
      <c r="CT38" s="225">
        <v>9</v>
      </c>
      <c r="CU38" s="223">
        <v>10</v>
      </c>
      <c r="CV38" s="226">
        <v>29</v>
      </c>
      <c r="CW38" s="227">
        <v>29</v>
      </c>
      <c r="CX38" s="222">
        <v>0</v>
      </c>
      <c r="CY38" s="223">
        <v>0</v>
      </c>
      <c r="CZ38" s="223">
        <v>0</v>
      </c>
      <c r="DA38" s="224">
        <v>4</v>
      </c>
      <c r="DB38" s="225">
        <v>1</v>
      </c>
      <c r="DC38" s="225">
        <v>4</v>
      </c>
      <c r="DD38" s="225">
        <v>9</v>
      </c>
      <c r="DE38" s="223">
        <v>9</v>
      </c>
      <c r="DF38" s="226">
        <v>27</v>
      </c>
      <c r="DG38" s="228">
        <v>27</v>
      </c>
      <c r="DH38" s="229">
        <v>0</v>
      </c>
      <c r="DI38" s="223">
        <v>0</v>
      </c>
      <c r="DJ38" s="223">
        <v>0</v>
      </c>
      <c r="DK38" s="224">
        <v>0</v>
      </c>
      <c r="DL38" s="225">
        <v>1</v>
      </c>
      <c r="DM38" s="225">
        <v>0</v>
      </c>
      <c r="DN38" s="225">
        <v>0</v>
      </c>
      <c r="DO38" s="223">
        <v>1</v>
      </c>
      <c r="DP38" s="226">
        <v>2</v>
      </c>
      <c r="DQ38" s="228">
        <v>2</v>
      </c>
      <c r="DR38" s="229">
        <v>0</v>
      </c>
      <c r="DS38" s="223">
        <v>0</v>
      </c>
      <c r="DT38" s="223">
        <v>0</v>
      </c>
      <c r="DU38" s="224">
        <v>30</v>
      </c>
      <c r="DV38" s="225">
        <v>34</v>
      </c>
      <c r="DW38" s="225">
        <v>59</v>
      </c>
      <c r="DX38" s="225">
        <v>76</v>
      </c>
      <c r="DY38" s="223">
        <v>55</v>
      </c>
      <c r="DZ38" s="226">
        <v>254</v>
      </c>
      <c r="EA38" s="228">
        <v>254</v>
      </c>
      <c r="EB38" s="37"/>
    </row>
    <row r="39" spans="1:132" ht="20.25" customHeight="1" x14ac:dyDescent="0.2">
      <c r="A39" s="63" t="s">
        <v>36</v>
      </c>
      <c r="B39" s="222">
        <v>0</v>
      </c>
      <c r="C39" s="223">
        <v>0</v>
      </c>
      <c r="D39" s="223">
        <v>0</v>
      </c>
      <c r="E39" s="224">
        <v>0</v>
      </c>
      <c r="F39" s="225">
        <v>3</v>
      </c>
      <c r="G39" s="225">
        <v>47</v>
      </c>
      <c r="H39" s="225">
        <v>88</v>
      </c>
      <c r="I39" s="223">
        <v>82</v>
      </c>
      <c r="J39" s="226">
        <v>220</v>
      </c>
      <c r="K39" s="227">
        <v>220</v>
      </c>
      <c r="L39" s="222">
        <v>0</v>
      </c>
      <c r="M39" s="223">
        <v>0</v>
      </c>
      <c r="N39" s="226">
        <v>0</v>
      </c>
      <c r="O39" s="224">
        <v>0</v>
      </c>
      <c r="P39" s="225">
        <v>3</v>
      </c>
      <c r="Q39" s="225">
        <v>47</v>
      </c>
      <c r="R39" s="225">
        <v>85</v>
      </c>
      <c r="S39" s="223">
        <v>81</v>
      </c>
      <c r="T39" s="226">
        <v>216</v>
      </c>
      <c r="U39" s="228">
        <v>216</v>
      </c>
      <c r="V39" s="229">
        <v>0</v>
      </c>
      <c r="W39" s="223">
        <v>0</v>
      </c>
      <c r="X39" s="226">
        <v>0</v>
      </c>
      <c r="Y39" s="229">
        <v>0</v>
      </c>
      <c r="Z39" s="225">
        <v>0</v>
      </c>
      <c r="AA39" s="225">
        <v>0</v>
      </c>
      <c r="AB39" s="225">
        <v>3</v>
      </c>
      <c r="AC39" s="223">
        <v>1</v>
      </c>
      <c r="AD39" s="226">
        <v>4</v>
      </c>
      <c r="AE39" s="230">
        <v>4</v>
      </c>
      <c r="AF39" s="229">
        <v>0</v>
      </c>
      <c r="AG39" s="223">
        <v>0</v>
      </c>
      <c r="AH39" s="226">
        <v>0</v>
      </c>
      <c r="AI39" s="229">
        <v>20</v>
      </c>
      <c r="AJ39" s="225">
        <v>27</v>
      </c>
      <c r="AK39" s="225">
        <v>36</v>
      </c>
      <c r="AL39" s="225">
        <v>33</v>
      </c>
      <c r="AM39" s="223">
        <v>20</v>
      </c>
      <c r="AN39" s="226">
        <v>136</v>
      </c>
      <c r="AO39" s="230">
        <v>136</v>
      </c>
      <c r="AP39" s="229">
        <v>0</v>
      </c>
      <c r="AQ39" s="223">
        <v>0</v>
      </c>
      <c r="AR39" s="226">
        <v>0</v>
      </c>
      <c r="AS39" s="224">
        <v>20</v>
      </c>
      <c r="AT39" s="225">
        <v>27</v>
      </c>
      <c r="AU39" s="225">
        <v>36</v>
      </c>
      <c r="AV39" s="225">
        <v>32</v>
      </c>
      <c r="AW39" s="223">
        <v>20</v>
      </c>
      <c r="AX39" s="226">
        <v>135</v>
      </c>
      <c r="AY39" s="227">
        <v>135</v>
      </c>
      <c r="AZ39" s="222">
        <v>0</v>
      </c>
      <c r="BA39" s="223">
        <v>0</v>
      </c>
      <c r="BB39" s="223">
        <v>0</v>
      </c>
      <c r="BC39" s="224">
        <v>0</v>
      </c>
      <c r="BD39" s="225">
        <v>0</v>
      </c>
      <c r="BE39" s="225">
        <v>0</v>
      </c>
      <c r="BF39" s="225">
        <v>1</v>
      </c>
      <c r="BG39" s="223">
        <v>0</v>
      </c>
      <c r="BH39" s="226">
        <v>1</v>
      </c>
      <c r="BI39" s="228">
        <v>1</v>
      </c>
      <c r="BJ39" s="229">
        <v>0</v>
      </c>
      <c r="BK39" s="223">
        <v>0</v>
      </c>
      <c r="BL39" s="223">
        <v>0</v>
      </c>
      <c r="BM39" s="224">
        <v>0</v>
      </c>
      <c r="BN39" s="225">
        <v>0</v>
      </c>
      <c r="BO39" s="225">
        <v>0</v>
      </c>
      <c r="BP39" s="225">
        <v>1</v>
      </c>
      <c r="BQ39" s="223">
        <v>1</v>
      </c>
      <c r="BR39" s="226">
        <v>2</v>
      </c>
      <c r="BS39" s="227">
        <v>2</v>
      </c>
      <c r="BT39" s="222">
        <v>0</v>
      </c>
      <c r="BU39" s="223">
        <v>0</v>
      </c>
      <c r="BV39" s="223">
        <v>0</v>
      </c>
      <c r="BW39" s="224">
        <v>0</v>
      </c>
      <c r="BX39" s="225">
        <v>0</v>
      </c>
      <c r="BY39" s="225">
        <v>0</v>
      </c>
      <c r="BZ39" s="225">
        <v>1</v>
      </c>
      <c r="CA39" s="223">
        <v>1</v>
      </c>
      <c r="CB39" s="226">
        <v>2</v>
      </c>
      <c r="CC39" s="228">
        <v>2</v>
      </c>
      <c r="CD39" s="229">
        <v>0</v>
      </c>
      <c r="CE39" s="223">
        <v>0</v>
      </c>
      <c r="CF39" s="223">
        <v>0</v>
      </c>
      <c r="CG39" s="224">
        <v>0</v>
      </c>
      <c r="CH39" s="225">
        <v>0</v>
      </c>
      <c r="CI39" s="225">
        <v>0</v>
      </c>
      <c r="CJ39" s="225">
        <v>0</v>
      </c>
      <c r="CK39" s="223">
        <v>0</v>
      </c>
      <c r="CL39" s="226">
        <v>0</v>
      </c>
      <c r="CM39" s="228">
        <v>0</v>
      </c>
      <c r="CN39" s="229">
        <v>0</v>
      </c>
      <c r="CO39" s="223">
        <v>0</v>
      </c>
      <c r="CP39" s="223">
        <v>0</v>
      </c>
      <c r="CQ39" s="224">
        <v>0</v>
      </c>
      <c r="CR39" s="225">
        <v>0</v>
      </c>
      <c r="CS39" s="225">
        <v>0</v>
      </c>
      <c r="CT39" s="225">
        <v>4</v>
      </c>
      <c r="CU39" s="223">
        <v>1</v>
      </c>
      <c r="CV39" s="226">
        <v>5</v>
      </c>
      <c r="CW39" s="227">
        <v>5</v>
      </c>
      <c r="CX39" s="222">
        <v>0</v>
      </c>
      <c r="CY39" s="223">
        <v>0</v>
      </c>
      <c r="CZ39" s="223">
        <v>0</v>
      </c>
      <c r="DA39" s="224">
        <v>0</v>
      </c>
      <c r="DB39" s="225">
        <v>0</v>
      </c>
      <c r="DC39" s="225">
        <v>0</v>
      </c>
      <c r="DD39" s="225">
        <v>3</v>
      </c>
      <c r="DE39" s="223">
        <v>1</v>
      </c>
      <c r="DF39" s="226">
        <v>4</v>
      </c>
      <c r="DG39" s="228">
        <v>4</v>
      </c>
      <c r="DH39" s="229">
        <v>0</v>
      </c>
      <c r="DI39" s="223">
        <v>0</v>
      </c>
      <c r="DJ39" s="223">
        <v>0</v>
      </c>
      <c r="DK39" s="224">
        <v>0</v>
      </c>
      <c r="DL39" s="225">
        <v>0</v>
      </c>
      <c r="DM39" s="225">
        <v>0</v>
      </c>
      <c r="DN39" s="225">
        <v>1</v>
      </c>
      <c r="DO39" s="223">
        <v>0</v>
      </c>
      <c r="DP39" s="226">
        <v>1</v>
      </c>
      <c r="DQ39" s="228">
        <v>1</v>
      </c>
      <c r="DR39" s="229">
        <v>0</v>
      </c>
      <c r="DS39" s="223">
        <v>0</v>
      </c>
      <c r="DT39" s="223">
        <v>0</v>
      </c>
      <c r="DU39" s="224">
        <v>20</v>
      </c>
      <c r="DV39" s="225">
        <v>30</v>
      </c>
      <c r="DW39" s="225">
        <v>83</v>
      </c>
      <c r="DX39" s="225">
        <v>125</v>
      </c>
      <c r="DY39" s="223">
        <v>103</v>
      </c>
      <c r="DZ39" s="226">
        <v>361</v>
      </c>
      <c r="EA39" s="228">
        <v>361</v>
      </c>
      <c r="EB39" s="37"/>
    </row>
    <row r="40" spans="1:132" ht="20.25" customHeight="1" thickBot="1" x14ac:dyDescent="0.25">
      <c r="A40" s="64" t="s">
        <v>37</v>
      </c>
      <c r="B40" s="231">
        <v>0</v>
      </c>
      <c r="C40" s="232">
        <v>0</v>
      </c>
      <c r="D40" s="232">
        <v>0</v>
      </c>
      <c r="E40" s="233">
        <v>0</v>
      </c>
      <c r="F40" s="234">
        <v>0</v>
      </c>
      <c r="G40" s="234">
        <v>9</v>
      </c>
      <c r="H40" s="234">
        <v>9</v>
      </c>
      <c r="I40" s="232">
        <v>6</v>
      </c>
      <c r="J40" s="235">
        <v>24</v>
      </c>
      <c r="K40" s="236">
        <v>24</v>
      </c>
      <c r="L40" s="231">
        <v>0</v>
      </c>
      <c r="M40" s="232">
        <v>0</v>
      </c>
      <c r="N40" s="235">
        <v>0</v>
      </c>
      <c r="O40" s="233">
        <v>0</v>
      </c>
      <c r="P40" s="234">
        <v>0</v>
      </c>
      <c r="Q40" s="234">
        <v>9</v>
      </c>
      <c r="R40" s="234">
        <v>9</v>
      </c>
      <c r="S40" s="232">
        <v>6</v>
      </c>
      <c r="T40" s="235">
        <v>24</v>
      </c>
      <c r="U40" s="237">
        <v>24</v>
      </c>
      <c r="V40" s="238">
        <v>0</v>
      </c>
      <c r="W40" s="232">
        <v>0</v>
      </c>
      <c r="X40" s="235">
        <v>0</v>
      </c>
      <c r="Y40" s="238">
        <v>0</v>
      </c>
      <c r="Z40" s="234">
        <v>0</v>
      </c>
      <c r="AA40" s="234">
        <v>0</v>
      </c>
      <c r="AB40" s="234">
        <v>0</v>
      </c>
      <c r="AC40" s="232">
        <v>0</v>
      </c>
      <c r="AD40" s="235">
        <v>0</v>
      </c>
      <c r="AE40" s="239">
        <v>0</v>
      </c>
      <c r="AF40" s="238">
        <v>0</v>
      </c>
      <c r="AG40" s="232">
        <v>0</v>
      </c>
      <c r="AH40" s="235">
        <v>0</v>
      </c>
      <c r="AI40" s="238">
        <v>2</v>
      </c>
      <c r="AJ40" s="234">
        <v>1</v>
      </c>
      <c r="AK40" s="234">
        <v>5</v>
      </c>
      <c r="AL40" s="234">
        <v>1</v>
      </c>
      <c r="AM40" s="232">
        <v>0</v>
      </c>
      <c r="AN40" s="235">
        <v>9</v>
      </c>
      <c r="AO40" s="239">
        <v>9</v>
      </c>
      <c r="AP40" s="238">
        <v>0</v>
      </c>
      <c r="AQ40" s="232">
        <v>0</v>
      </c>
      <c r="AR40" s="235">
        <v>0</v>
      </c>
      <c r="AS40" s="233">
        <v>2</v>
      </c>
      <c r="AT40" s="234">
        <v>1</v>
      </c>
      <c r="AU40" s="234">
        <v>5</v>
      </c>
      <c r="AV40" s="234">
        <v>1</v>
      </c>
      <c r="AW40" s="232">
        <v>0</v>
      </c>
      <c r="AX40" s="235">
        <v>9</v>
      </c>
      <c r="AY40" s="236">
        <v>9</v>
      </c>
      <c r="AZ40" s="231">
        <v>0</v>
      </c>
      <c r="BA40" s="232">
        <v>0</v>
      </c>
      <c r="BB40" s="232">
        <v>0</v>
      </c>
      <c r="BC40" s="233">
        <v>0</v>
      </c>
      <c r="BD40" s="234">
        <v>0</v>
      </c>
      <c r="BE40" s="234">
        <v>0</v>
      </c>
      <c r="BF40" s="234">
        <v>0</v>
      </c>
      <c r="BG40" s="232">
        <v>0</v>
      </c>
      <c r="BH40" s="235">
        <v>0</v>
      </c>
      <c r="BI40" s="237">
        <v>0</v>
      </c>
      <c r="BJ40" s="238">
        <v>0</v>
      </c>
      <c r="BK40" s="232">
        <v>0</v>
      </c>
      <c r="BL40" s="232">
        <v>0</v>
      </c>
      <c r="BM40" s="233">
        <v>0</v>
      </c>
      <c r="BN40" s="234">
        <v>0</v>
      </c>
      <c r="BO40" s="234">
        <v>0</v>
      </c>
      <c r="BP40" s="234">
        <v>1</v>
      </c>
      <c r="BQ40" s="232">
        <v>0</v>
      </c>
      <c r="BR40" s="235">
        <v>1</v>
      </c>
      <c r="BS40" s="236">
        <v>1</v>
      </c>
      <c r="BT40" s="231">
        <v>0</v>
      </c>
      <c r="BU40" s="232">
        <v>0</v>
      </c>
      <c r="BV40" s="232">
        <v>0</v>
      </c>
      <c r="BW40" s="233">
        <v>0</v>
      </c>
      <c r="BX40" s="234">
        <v>0</v>
      </c>
      <c r="BY40" s="234">
        <v>0</v>
      </c>
      <c r="BZ40" s="234">
        <v>1</v>
      </c>
      <c r="CA40" s="232">
        <v>0</v>
      </c>
      <c r="CB40" s="235">
        <v>1</v>
      </c>
      <c r="CC40" s="237">
        <v>1</v>
      </c>
      <c r="CD40" s="238">
        <v>0</v>
      </c>
      <c r="CE40" s="232">
        <v>0</v>
      </c>
      <c r="CF40" s="232">
        <v>0</v>
      </c>
      <c r="CG40" s="233">
        <v>0</v>
      </c>
      <c r="CH40" s="234">
        <v>0</v>
      </c>
      <c r="CI40" s="234">
        <v>0</v>
      </c>
      <c r="CJ40" s="234">
        <v>0</v>
      </c>
      <c r="CK40" s="232">
        <v>0</v>
      </c>
      <c r="CL40" s="235">
        <v>0</v>
      </c>
      <c r="CM40" s="237">
        <v>0</v>
      </c>
      <c r="CN40" s="238">
        <v>0</v>
      </c>
      <c r="CO40" s="232">
        <v>0</v>
      </c>
      <c r="CP40" s="232">
        <v>0</v>
      </c>
      <c r="CQ40" s="233">
        <v>0</v>
      </c>
      <c r="CR40" s="234">
        <v>0</v>
      </c>
      <c r="CS40" s="234">
        <v>0</v>
      </c>
      <c r="CT40" s="234">
        <v>0</v>
      </c>
      <c r="CU40" s="232">
        <v>1</v>
      </c>
      <c r="CV40" s="235">
        <v>1</v>
      </c>
      <c r="CW40" s="236">
        <v>1</v>
      </c>
      <c r="CX40" s="231">
        <v>0</v>
      </c>
      <c r="CY40" s="232">
        <v>0</v>
      </c>
      <c r="CZ40" s="232">
        <v>0</v>
      </c>
      <c r="DA40" s="233">
        <v>0</v>
      </c>
      <c r="DB40" s="234">
        <v>0</v>
      </c>
      <c r="DC40" s="234">
        <v>0</v>
      </c>
      <c r="DD40" s="234">
        <v>0</v>
      </c>
      <c r="DE40" s="232">
        <v>1</v>
      </c>
      <c r="DF40" s="235">
        <v>1</v>
      </c>
      <c r="DG40" s="237">
        <v>1</v>
      </c>
      <c r="DH40" s="238">
        <v>0</v>
      </c>
      <c r="DI40" s="232">
        <v>0</v>
      </c>
      <c r="DJ40" s="232">
        <v>0</v>
      </c>
      <c r="DK40" s="233">
        <v>0</v>
      </c>
      <c r="DL40" s="234">
        <v>0</v>
      </c>
      <c r="DM40" s="234">
        <v>0</v>
      </c>
      <c r="DN40" s="234">
        <v>0</v>
      </c>
      <c r="DO40" s="232">
        <v>0</v>
      </c>
      <c r="DP40" s="235">
        <v>0</v>
      </c>
      <c r="DQ40" s="237">
        <v>0</v>
      </c>
      <c r="DR40" s="238">
        <v>0</v>
      </c>
      <c r="DS40" s="232">
        <v>0</v>
      </c>
      <c r="DT40" s="232">
        <v>0</v>
      </c>
      <c r="DU40" s="233">
        <v>2</v>
      </c>
      <c r="DV40" s="234">
        <v>1</v>
      </c>
      <c r="DW40" s="234">
        <v>14</v>
      </c>
      <c r="DX40" s="234">
        <v>11</v>
      </c>
      <c r="DY40" s="232">
        <v>7</v>
      </c>
      <c r="DZ40" s="235">
        <v>35</v>
      </c>
      <c r="EA40" s="237">
        <v>35</v>
      </c>
      <c r="EB40" s="37"/>
    </row>
    <row r="41" spans="1:132" x14ac:dyDescent="0.2">
      <c r="B41" s="38"/>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7"/>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row>
    <row r="42" spans="1:132" x14ac:dyDescent="0.2">
      <c r="B42" s="38"/>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7"/>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row>
    <row r="43" spans="1:132" x14ac:dyDescent="0.2">
      <c r="B43" s="38"/>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7"/>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row>
    <row r="44" spans="1:132" x14ac:dyDescent="0.2">
      <c r="B44" s="38"/>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7"/>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row>
    <row r="45" spans="1:132" x14ac:dyDescent="0.2">
      <c r="B45" s="38"/>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7"/>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row>
    <row r="46" spans="1:132" x14ac:dyDescent="0.2">
      <c r="B46" s="3"/>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row>
    <row r="47" spans="1:132" x14ac:dyDescent="0.2">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row>
    <row r="48" spans="1:132" x14ac:dyDescent="0.2">
      <c r="B48" s="3"/>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row>
    <row r="49" spans="2:31" x14ac:dyDescent="0.2">
      <c r="B49" s="3"/>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row>
    <row r="50" spans="2:31" x14ac:dyDescent="0.2">
      <c r="B50" s="3"/>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row>
    <row r="51" spans="2:31" x14ac:dyDescent="0.2">
      <c r="B51" s="3"/>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row>
    <row r="52" spans="2:31" x14ac:dyDescent="0.2">
      <c r="B52" s="3"/>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row>
    <row r="53" spans="2:31" x14ac:dyDescent="0.2">
      <c r="B53" s="3"/>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row>
    <row r="54" spans="2:31" x14ac:dyDescent="0.2">
      <c r="B54" s="3"/>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row>
    <row r="55" spans="2:31" x14ac:dyDescent="0.2">
      <c r="B55" s="3"/>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row>
    <row r="56" spans="2:31" x14ac:dyDescent="0.2">
      <c r="B56" s="3"/>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row>
    <row r="57" spans="2:31" x14ac:dyDescent="0.2">
      <c r="B57" s="3"/>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row>
    <row r="58" spans="2:31" x14ac:dyDescent="0.2">
      <c r="B58" s="3"/>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row>
    <row r="59" spans="2:31" x14ac:dyDescent="0.2">
      <c r="B59" s="3"/>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row>
    <row r="60" spans="2:31" x14ac:dyDescent="0.2">
      <c r="B60" s="3"/>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row>
    <row r="61" spans="2:31" x14ac:dyDescent="0.2">
      <c r="B61" s="3"/>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row>
    <row r="62" spans="2:31" x14ac:dyDescent="0.2">
      <c r="B62" s="3"/>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row>
    <row r="63" spans="2:31" x14ac:dyDescent="0.2">
      <c r="B63" s="3"/>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row>
    <row r="64" spans="2:31" x14ac:dyDescent="0.2">
      <c r="B64" s="3"/>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row>
    <row r="65" spans="2:31" x14ac:dyDescent="0.2">
      <c r="B65" s="3"/>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row>
    <row r="66" spans="2:31" x14ac:dyDescent="0.2">
      <c r="B66" s="3"/>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row>
    <row r="67" spans="2:31" x14ac:dyDescent="0.2">
      <c r="B67" s="3"/>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row>
    <row r="68" spans="2:31" x14ac:dyDescent="0.2">
      <c r="B68" s="3"/>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row>
    <row r="69" spans="2:31" x14ac:dyDescent="0.2">
      <c r="B69" s="3"/>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row>
    <row r="70" spans="2:31" x14ac:dyDescent="0.2">
      <c r="B70" s="3"/>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row>
    <row r="71" spans="2:31" x14ac:dyDescent="0.2">
      <c r="B71" s="3"/>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row>
    <row r="72" spans="2:31" x14ac:dyDescent="0.2">
      <c r="B72" s="3"/>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row>
    <row r="73" spans="2:31" x14ac:dyDescent="0.2">
      <c r="B73" s="3"/>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row>
    <row r="74" spans="2:31" x14ac:dyDescent="0.2">
      <c r="B74" s="3"/>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row>
    <row r="75" spans="2:31" x14ac:dyDescent="0.2">
      <c r="B75" s="3"/>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row>
    <row r="76" spans="2:31" x14ac:dyDescent="0.2">
      <c r="B76" s="3"/>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row>
    <row r="77" spans="2:31" x14ac:dyDescent="0.2">
      <c r="B77" s="3"/>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row>
    <row r="78" spans="2:31" x14ac:dyDescent="0.2">
      <c r="B78" s="3"/>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row>
    <row r="79" spans="2:31" x14ac:dyDescent="0.2">
      <c r="B79" s="3"/>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row>
    <row r="80" spans="2:31" x14ac:dyDescent="0.2">
      <c r="B80" s="3"/>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row>
    <row r="81" spans="2:31" x14ac:dyDescent="0.2">
      <c r="B81" s="3"/>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row>
    <row r="82" spans="2:31" x14ac:dyDescent="0.2">
      <c r="B82" s="3"/>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row>
    <row r="83" spans="2:31" x14ac:dyDescent="0.2">
      <c r="B83" s="3"/>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row>
    <row r="84" spans="2:31" x14ac:dyDescent="0.2">
      <c r="B84" s="3"/>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row>
    <row r="85" spans="2:31" x14ac:dyDescent="0.2">
      <c r="B85" s="3"/>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row>
    <row r="86" spans="2:31" x14ac:dyDescent="0.2">
      <c r="B86" s="3"/>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row>
    <row r="87" spans="2:31" x14ac:dyDescent="0.2">
      <c r="B87" s="3"/>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row>
    <row r="88" spans="2:31" x14ac:dyDescent="0.2">
      <c r="B88" s="3"/>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row>
    <row r="89" spans="2:31" x14ac:dyDescent="0.2">
      <c r="B89" s="3"/>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row>
    <row r="90" spans="2:31" x14ac:dyDescent="0.2">
      <c r="B90" s="3"/>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row>
    <row r="91" spans="2:31" x14ac:dyDescent="0.2">
      <c r="B91" s="3"/>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row>
    <row r="92" spans="2:31" x14ac:dyDescent="0.2">
      <c r="B92" s="3"/>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row>
    <row r="93" spans="2:31" x14ac:dyDescent="0.2">
      <c r="B93" s="3"/>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row>
    <row r="94" spans="2:31" x14ac:dyDescent="0.2">
      <c r="B94" s="3"/>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row>
    <row r="95" spans="2:31" x14ac:dyDescent="0.2">
      <c r="B95" s="3"/>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row>
    <row r="96" spans="2:31" x14ac:dyDescent="0.2">
      <c r="B96" s="3"/>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row>
    <row r="97" spans="2:31" x14ac:dyDescent="0.2">
      <c r="B97" s="3"/>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row>
    <row r="98" spans="2:31" x14ac:dyDescent="0.2">
      <c r="B98" s="3"/>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row>
    <row r="99" spans="2:31" x14ac:dyDescent="0.2">
      <c r="B99" s="3"/>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row>
    <row r="100" spans="2:31" x14ac:dyDescent="0.2">
      <c r="B100" s="3"/>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row>
    <row r="101" spans="2:31" x14ac:dyDescent="0.2">
      <c r="B101" s="3"/>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row>
    <row r="102" spans="2:31" x14ac:dyDescent="0.2">
      <c r="B102" s="3"/>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row>
    <row r="103" spans="2:31" x14ac:dyDescent="0.2">
      <c r="B103" s="3"/>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row>
    <row r="104" spans="2:31" x14ac:dyDescent="0.2">
      <c r="B104" s="3"/>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row>
    <row r="105" spans="2:31" x14ac:dyDescent="0.2">
      <c r="B105" s="3"/>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row>
    <row r="106" spans="2:31" x14ac:dyDescent="0.2">
      <c r="B106" s="3"/>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row>
    <row r="107" spans="2:31" x14ac:dyDescent="0.2">
      <c r="B107" s="3"/>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row>
    <row r="108" spans="2:31" x14ac:dyDescent="0.2">
      <c r="B108" s="3"/>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row>
    <row r="109" spans="2:31" x14ac:dyDescent="0.2">
      <c r="B109" s="3"/>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row>
    <row r="110" spans="2:31" x14ac:dyDescent="0.2">
      <c r="B110" s="3"/>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row>
    <row r="111" spans="2:31" x14ac:dyDescent="0.2">
      <c r="B111" s="3"/>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row>
    <row r="112" spans="2:31" x14ac:dyDescent="0.2">
      <c r="B112" s="3"/>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row>
    <row r="113" spans="2:31" x14ac:dyDescent="0.2">
      <c r="B113" s="3"/>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row>
    <row r="114" spans="2:31" x14ac:dyDescent="0.2">
      <c r="B114" s="3"/>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row>
    <row r="115" spans="2:31" x14ac:dyDescent="0.2">
      <c r="B115" s="3"/>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row>
    <row r="116" spans="2:31" x14ac:dyDescent="0.2">
      <c r="B116" s="3"/>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row>
    <row r="117" spans="2:31" x14ac:dyDescent="0.2">
      <c r="B117" s="3"/>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row>
    <row r="118" spans="2:31" x14ac:dyDescent="0.2">
      <c r="B118" s="3"/>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row>
    <row r="119" spans="2:31" x14ac:dyDescent="0.2">
      <c r="B119" s="3"/>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row>
    <row r="120" spans="2:31" x14ac:dyDescent="0.2">
      <c r="B120" s="3"/>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row>
    <row r="121" spans="2:31" x14ac:dyDescent="0.2">
      <c r="B121" s="3"/>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row>
    <row r="122" spans="2:31" x14ac:dyDescent="0.2">
      <c r="B122" s="3"/>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row>
    <row r="123" spans="2:31" x14ac:dyDescent="0.2">
      <c r="B123" s="3"/>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row>
    <row r="124" spans="2:31" x14ac:dyDescent="0.2">
      <c r="B124" s="3"/>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row>
    <row r="125" spans="2:31" x14ac:dyDescent="0.2">
      <c r="B125" s="3"/>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row>
    <row r="126" spans="2:31" x14ac:dyDescent="0.2">
      <c r="B126" s="3"/>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row>
    <row r="127" spans="2:31" x14ac:dyDescent="0.2">
      <c r="B127" s="3"/>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row>
    <row r="128" spans="2:31" x14ac:dyDescent="0.2">
      <c r="B128" s="3"/>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row>
    <row r="129" spans="2:31" x14ac:dyDescent="0.2">
      <c r="B129" s="3"/>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row>
    <row r="130" spans="2:31" x14ac:dyDescent="0.2">
      <c r="B130" s="3"/>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row>
    <row r="131" spans="2:31" x14ac:dyDescent="0.2">
      <c r="B131" s="3"/>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row>
    <row r="132" spans="2:31" x14ac:dyDescent="0.2">
      <c r="B132" s="3"/>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row>
    <row r="133" spans="2:31" x14ac:dyDescent="0.2">
      <c r="B133" s="3"/>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row>
    <row r="134" spans="2:31" x14ac:dyDescent="0.2">
      <c r="B134" s="3"/>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row>
    <row r="135" spans="2:31" x14ac:dyDescent="0.2">
      <c r="B135" s="3"/>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row>
    <row r="136" spans="2:31" x14ac:dyDescent="0.2">
      <c r="B136" s="3"/>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row>
    <row r="137" spans="2:31" x14ac:dyDescent="0.2">
      <c r="B137" s="3"/>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row>
    <row r="138" spans="2:31" x14ac:dyDescent="0.2">
      <c r="B138" s="3"/>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row>
    <row r="139" spans="2:31" x14ac:dyDescent="0.2">
      <c r="B139" s="3"/>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row>
    <row r="140" spans="2:31" x14ac:dyDescent="0.2">
      <c r="B140" s="3"/>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row>
    <row r="141" spans="2:31" x14ac:dyDescent="0.2">
      <c r="B141" s="3"/>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row>
    <row r="142" spans="2:31" x14ac:dyDescent="0.2">
      <c r="B142" s="3"/>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row>
    <row r="143" spans="2:31" x14ac:dyDescent="0.2">
      <c r="B143" s="3"/>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row>
    <row r="144" spans="2:31" x14ac:dyDescent="0.2">
      <c r="B144" s="3"/>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row>
    <row r="145" spans="2:31" x14ac:dyDescent="0.2">
      <c r="B145" s="3"/>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row>
    <row r="146" spans="2:31" x14ac:dyDescent="0.2">
      <c r="B146" s="3"/>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row>
    <row r="147" spans="2:31" x14ac:dyDescent="0.2">
      <c r="B147" s="3"/>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row>
    <row r="148" spans="2:31" x14ac:dyDescent="0.2">
      <c r="B148" s="3"/>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row>
    <row r="149" spans="2:31" x14ac:dyDescent="0.2">
      <c r="B149" s="3"/>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row>
    <row r="150" spans="2:31" x14ac:dyDescent="0.2">
      <c r="B150" s="3"/>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row>
    <row r="151" spans="2:31" x14ac:dyDescent="0.2">
      <c r="B151" s="3"/>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row>
    <row r="152" spans="2:31" x14ac:dyDescent="0.2">
      <c r="B152" s="3"/>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row>
    <row r="153" spans="2:31" x14ac:dyDescent="0.2">
      <c r="B153" s="3"/>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row>
    <row r="154" spans="2:31" x14ac:dyDescent="0.2">
      <c r="B154" s="3"/>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row>
    <row r="155" spans="2:31" x14ac:dyDescent="0.2">
      <c r="B155" s="3"/>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row>
    <row r="156" spans="2:31" x14ac:dyDescent="0.2">
      <c r="B156" s="3"/>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row>
    <row r="157" spans="2:31" x14ac:dyDescent="0.2">
      <c r="B157" s="3"/>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row>
    <row r="158" spans="2:31" x14ac:dyDescent="0.2">
      <c r="B158" s="3"/>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row>
    <row r="159" spans="2:31" x14ac:dyDescent="0.2">
      <c r="B159" s="3"/>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row>
    <row r="160" spans="2:31" x14ac:dyDescent="0.2">
      <c r="B160" s="3"/>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row>
    <row r="161" spans="2:31" x14ac:dyDescent="0.2">
      <c r="B161" s="3"/>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row>
    <row r="162" spans="2:31" x14ac:dyDescent="0.2">
      <c r="B162" s="3"/>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row>
    <row r="163" spans="2:31" x14ac:dyDescent="0.2">
      <c r="B163" s="3"/>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row>
    <row r="164" spans="2:31" x14ac:dyDescent="0.2">
      <c r="B164" s="3"/>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row>
    <row r="165" spans="2:31" x14ac:dyDescent="0.2">
      <c r="B165" s="3"/>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row>
    <row r="166" spans="2:31" x14ac:dyDescent="0.2">
      <c r="B166" s="3"/>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row>
    <row r="167" spans="2:31" x14ac:dyDescent="0.2">
      <c r="B167" s="3"/>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row>
    <row r="168" spans="2:31" x14ac:dyDescent="0.2">
      <c r="B168" s="3"/>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row>
    <row r="169" spans="2:31" x14ac:dyDescent="0.2">
      <c r="B169" s="3"/>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row>
    <row r="170" spans="2:31" x14ac:dyDescent="0.2">
      <c r="B170" s="3"/>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row>
    <row r="171" spans="2:31" x14ac:dyDescent="0.2">
      <c r="B171" s="3"/>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row>
    <row r="172" spans="2:31" x14ac:dyDescent="0.2">
      <c r="B172" s="3"/>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row>
    <row r="173" spans="2:31" x14ac:dyDescent="0.2">
      <c r="B173" s="3"/>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row>
    <row r="174" spans="2:31" x14ac:dyDescent="0.2">
      <c r="B174" s="3"/>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row>
    <row r="175" spans="2:31" x14ac:dyDescent="0.2">
      <c r="B175" s="3"/>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row>
    <row r="176" spans="2:31" x14ac:dyDescent="0.2">
      <c r="B176" s="3"/>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row>
    <row r="177" spans="2:31" x14ac:dyDescent="0.2">
      <c r="B177" s="3"/>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row>
    <row r="178" spans="2:31" x14ac:dyDescent="0.2">
      <c r="B178" s="3"/>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row>
    <row r="179" spans="2:31" x14ac:dyDescent="0.2">
      <c r="B179" s="3"/>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row>
    <row r="180" spans="2:31" x14ac:dyDescent="0.2">
      <c r="B180" s="3"/>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row>
    <row r="181" spans="2:31" x14ac:dyDescent="0.2">
      <c r="B181" s="3"/>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row>
    <row r="182" spans="2:31" x14ac:dyDescent="0.2">
      <c r="B182" s="3"/>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row>
    <row r="183" spans="2:31" x14ac:dyDescent="0.2">
      <c r="B183" s="3"/>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row>
    <row r="184" spans="2:31" x14ac:dyDescent="0.2">
      <c r="B184" s="3"/>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row>
    <row r="185" spans="2:31" x14ac:dyDescent="0.2">
      <c r="B185" s="3"/>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row>
    <row r="186" spans="2:31" x14ac:dyDescent="0.2">
      <c r="B186" s="3"/>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row>
    <row r="187" spans="2:31" x14ac:dyDescent="0.2">
      <c r="B187" s="3"/>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row>
    <row r="188" spans="2:31" x14ac:dyDescent="0.2">
      <c r="B188" s="3"/>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row>
    <row r="189" spans="2:31" x14ac:dyDescent="0.2">
      <c r="B189" s="3"/>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row>
    <row r="190" spans="2:31" x14ac:dyDescent="0.2">
      <c r="B190" s="3"/>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row>
    <row r="191" spans="2:31" x14ac:dyDescent="0.2">
      <c r="B191" s="3"/>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row>
    <row r="192" spans="2:31" x14ac:dyDescent="0.2">
      <c r="B192" s="3"/>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row>
    <row r="193" spans="2:31" x14ac:dyDescent="0.2">
      <c r="B193" s="3"/>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row>
    <row r="194" spans="2:31" x14ac:dyDescent="0.2">
      <c r="B194" s="3"/>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row>
    <row r="195" spans="2:31" x14ac:dyDescent="0.2">
      <c r="B195" s="3"/>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row>
    <row r="196" spans="2:31" x14ac:dyDescent="0.2">
      <c r="B196" s="3"/>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row>
    <row r="197" spans="2:31" x14ac:dyDescent="0.2">
      <c r="B197" s="3"/>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row>
    <row r="198" spans="2:31" x14ac:dyDescent="0.2">
      <c r="B198" s="3"/>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row>
    <row r="199" spans="2:31" x14ac:dyDescent="0.2">
      <c r="B199" s="3"/>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row>
    <row r="200" spans="2:31" x14ac:dyDescent="0.2">
      <c r="B200" s="3"/>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row>
    <row r="201" spans="2:31" x14ac:dyDescent="0.2">
      <c r="B201" s="3"/>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row>
    <row r="202" spans="2:31" x14ac:dyDescent="0.2">
      <c r="B202" s="3"/>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row>
    <row r="203" spans="2:31" x14ac:dyDescent="0.2">
      <c r="B203" s="3"/>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row>
    <row r="204" spans="2:31" x14ac:dyDescent="0.2">
      <c r="B204" s="3"/>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row>
    <row r="205" spans="2:31" x14ac:dyDescent="0.2">
      <c r="B205" s="3"/>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row>
    <row r="206" spans="2:31" x14ac:dyDescent="0.2">
      <c r="B206" s="3"/>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row>
    <row r="207" spans="2:31" x14ac:dyDescent="0.2">
      <c r="B207" s="3"/>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row>
    <row r="208" spans="2:31" x14ac:dyDescent="0.2">
      <c r="B208" s="3"/>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row>
    <row r="209" spans="2:31" x14ac:dyDescent="0.2">
      <c r="B209" s="3"/>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row>
    <row r="210" spans="2:31" x14ac:dyDescent="0.2">
      <c r="B210" s="3"/>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row>
    <row r="211" spans="2:31" x14ac:dyDescent="0.2">
      <c r="B211" s="3"/>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row>
    <row r="212" spans="2:31" x14ac:dyDescent="0.2">
      <c r="B212" s="3"/>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row>
    <row r="213" spans="2:31" x14ac:dyDescent="0.2">
      <c r="B213" s="3"/>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row>
    <row r="214" spans="2:31" x14ac:dyDescent="0.2">
      <c r="B214" s="3"/>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row>
    <row r="215" spans="2:31" x14ac:dyDescent="0.2">
      <c r="B215" s="3"/>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row>
    <row r="216" spans="2:31" x14ac:dyDescent="0.2">
      <c r="B216" s="3"/>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row>
    <row r="217" spans="2:31" x14ac:dyDescent="0.2">
      <c r="B217" s="3"/>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row>
    <row r="218" spans="2:31" x14ac:dyDescent="0.2">
      <c r="B218" s="3"/>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row>
    <row r="219" spans="2:31" x14ac:dyDescent="0.2">
      <c r="B219" s="3"/>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row>
  </sheetData>
  <mergeCells count="58">
    <mergeCell ref="F1:G1"/>
    <mergeCell ref="A3:A5"/>
    <mergeCell ref="B3:AE3"/>
    <mergeCell ref="AF3:BI3"/>
    <mergeCell ref="AF5:AH5"/>
    <mergeCell ref="AI5:AN5"/>
    <mergeCell ref="AO5:AO6"/>
    <mergeCell ref="AP5:AR5"/>
    <mergeCell ref="AS5:AX5"/>
    <mergeCell ref="AY5:AY6"/>
    <mergeCell ref="B5:D5"/>
    <mergeCell ref="E5:J5"/>
    <mergeCell ref="K5:K6"/>
    <mergeCell ref="L5:N5"/>
    <mergeCell ref="O5:T5"/>
    <mergeCell ref="U5:U6"/>
    <mergeCell ref="BJ3:CM3"/>
    <mergeCell ref="DR3:EA4"/>
    <mergeCell ref="B4:K4"/>
    <mergeCell ref="L4:U4"/>
    <mergeCell ref="V4:AE4"/>
    <mergeCell ref="AF4:AO4"/>
    <mergeCell ref="AP4:AY4"/>
    <mergeCell ref="AZ4:BI4"/>
    <mergeCell ref="BJ4:BS4"/>
    <mergeCell ref="BT4:CC4"/>
    <mergeCell ref="CD4:CM4"/>
    <mergeCell ref="CN3:DQ3"/>
    <mergeCell ref="CN4:CW4"/>
    <mergeCell ref="CX4:DG4"/>
    <mergeCell ref="DH4:DQ4"/>
    <mergeCell ref="V5:X5"/>
    <mergeCell ref="Y5:AD5"/>
    <mergeCell ref="AE5:AE6"/>
    <mergeCell ref="BM5:BR5"/>
    <mergeCell ref="BS5:BS6"/>
    <mergeCell ref="BT5:BV5"/>
    <mergeCell ref="BW5:CB5"/>
    <mergeCell ref="AZ5:BB5"/>
    <mergeCell ref="BC5:BH5"/>
    <mergeCell ref="BI5:BI6"/>
    <mergeCell ref="BJ5:BL5"/>
    <mergeCell ref="DR5:DT5"/>
    <mergeCell ref="DU5:DZ5"/>
    <mergeCell ref="EA5:EA6"/>
    <mergeCell ref="CC5:CC6"/>
    <mergeCell ref="CD5:CF5"/>
    <mergeCell ref="CG5:CL5"/>
    <mergeCell ref="CM5:CM6"/>
    <mergeCell ref="CN5:CP5"/>
    <mergeCell ref="CQ5:CV5"/>
    <mergeCell ref="CW5:CW6"/>
    <mergeCell ref="CX5:CZ5"/>
    <mergeCell ref="DA5:DF5"/>
    <mergeCell ref="DG5:DG6"/>
    <mergeCell ref="DH5:DJ5"/>
    <mergeCell ref="DK5:DP5"/>
    <mergeCell ref="DQ5:DQ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1" max="1048575" man="1"/>
    <brk id="61" max="1048575" man="1"/>
    <brk id="12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4" width="7.88671875" style="43" customWidth="1"/>
    <col min="5" max="5" width="8.109375" style="43" customWidth="1"/>
    <col min="6"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101" width="9" style="43"/>
    <col min="102" max="147" width="9" style="44"/>
    <col min="148" max="148" width="7.77734375" style="44" customWidth="1"/>
    <col min="149" max="158" width="9" style="44"/>
    <col min="159" max="159" width="8.109375" style="44" customWidth="1"/>
    <col min="160" max="16384" width="9" style="44"/>
  </cols>
  <sheetData>
    <row r="1" spans="1:298" ht="17.25" customHeight="1" x14ac:dyDescent="0.2">
      <c r="A1" s="12" t="s">
        <v>121</v>
      </c>
      <c r="E1" s="466">
        <f>第１表!F2</f>
        <v>4</v>
      </c>
      <c r="F1" s="466"/>
      <c r="G1" s="283">
        <f>第１表!G2</f>
        <v>2</v>
      </c>
      <c r="H1" s="465">
        <f>G1</f>
        <v>2</v>
      </c>
      <c r="I1" s="465"/>
    </row>
    <row r="2" spans="1:298" ht="16.5" customHeight="1" thickBot="1" x14ac:dyDescent="0.25">
      <c r="A2" s="20" t="s">
        <v>130</v>
      </c>
    </row>
    <row r="3" spans="1:298" ht="22.5" customHeight="1" thickBot="1" x14ac:dyDescent="0.25">
      <c r="A3" s="452" t="s">
        <v>38</v>
      </c>
      <c r="B3" s="447" t="s">
        <v>96</v>
      </c>
      <c r="C3" s="447"/>
      <c r="D3" s="447"/>
      <c r="E3" s="447"/>
      <c r="F3" s="447"/>
      <c r="G3" s="447"/>
      <c r="H3" s="447"/>
      <c r="I3" s="447"/>
      <c r="J3" s="447"/>
      <c r="K3" s="447"/>
      <c r="L3" s="447"/>
      <c r="M3" s="447"/>
      <c r="N3" s="447"/>
      <c r="O3" s="447"/>
      <c r="P3" s="447"/>
      <c r="Q3" s="447"/>
      <c r="R3" s="447"/>
      <c r="S3" s="447"/>
      <c r="T3" s="447"/>
      <c r="U3" s="447"/>
      <c r="V3" s="447"/>
      <c r="W3" s="447"/>
      <c r="X3" s="447"/>
      <c r="Y3" s="447"/>
      <c r="Z3" s="447"/>
      <c r="AA3" s="447"/>
      <c r="AB3" s="447"/>
      <c r="AC3" s="447"/>
      <c r="AD3" s="447"/>
      <c r="AE3" s="447"/>
      <c r="AF3" s="447"/>
      <c r="AG3" s="447"/>
      <c r="AH3" s="447"/>
      <c r="AI3" s="447"/>
      <c r="AJ3" s="447"/>
      <c r="AK3" s="447"/>
      <c r="AL3" s="447"/>
      <c r="AM3" s="447"/>
      <c r="AN3" s="447"/>
      <c r="AO3" s="447"/>
      <c r="AP3" s="447"/>
      <c r="AQ3" s="447"/>
      <c r="AR3" s="447"/>
      <c r="AS3" s="447"/>
      <c r="AT3" s="447"/>
      <c r="AU3" s="447"/>
      <c r="AV3" s="447"/>
      <c r="AW3" s="447"/>
      <c r="AX3" s="447"/>
      <c r="AY3" s="447"/>
      <c r="AZ3" s="447"/>
      <c r="BA3" s="447"/>
      <c r="BB3" s="447"/>
      <c r="BC3" s="447"/>
      <c r="BD3" s="447"/>
      <c r="BE3" s="447"/>
      <c r="BF3" s="447"/>
      <c r="BG3" s="447"/>
      <c r="BH3" s="447"/>
      <c r="BI3" s="447"/>
      <c r="BJ3" s="447"/>
      <c r="BK3" s="447"/>
      <c r="BL3" s="447"/>
      <c r="BM3" s="447"/>
      <c r="BN3" s="447"/>
      <c r="BO3" s="447"/>
      <c r="BP3" s="447"/>
      <c r="BQ3" s="447"/>
      <c r="BR3" s="447"/>
      <c r="BS3" s="447"/>
      <c r="BT3" s="447"/>
      <c r="BU3" s="447"/>
      <c r="BV3" s="447"/>
      <c r="BW3" s="447"/>
      <c r="BX3" s="447"/>
      <c r="BY3" s="447"/>
      <c r="BZ3" s="447"/>
      <c r="CA3" s="447"/>
      <c r="CB3" s="447"/>
      <c r="CC3" s="447"/>
      <c r="CD3" s="447"/>
      <c r="CE3" s="447"/>
      <c r="CF3" s="447"/>
      <c r="CG3" s="447"/>
      <c r="CH3" s="447"/>
      <c r="CI3" s="447"/>
      <c r="CJ3" s="447"/>
      <c r="CK3" s="447"/>
      <c r="CL3" s="447"/>
      <c r="CM3" s="447"/>
      <c r="CN3" s="447"/>
      <c r="CO3" s="447"/>
      <c r="CP3" s="447"/>
      <c r="CQ3" s="447"/>
      <c r="CR3" s="447"/>
      <c r="CS3" s="447"/>
      <c r="CT3" s="447"/>
      <c r="CU3" s="447"/>
      <c r="CV3" s="448"/>
      <c r="CW3" s="447" t="s">
        <v>103</v>
      </c>
      <c r="CX3" s="447"/>
      <c r="CY3" s="447"/>
      <c r="CZ3" s="447"/>
      <c r="DA3" s="447"/>
      <c r="DB3" s="447"/>
      <c r="DC3" s="447"/>
      <c r="DD3" s="447"/>
      <c r="DE3" s="447"/>
      <c r="DF3" s="447"/>
      <c r="DG3" s="447"/>
      <c r="DH3" s="447"/>
      <c r="DI3" s="447"/>
      <c r="DJ3" s="447"/>
      <c r="DK3" s="447"/>
      <c r="DL3" s="447"/>
      <c r="DM3" s="447"/>
      <c r="DN3" s="447"/>
      <c r="DO3" s="447"/>
      <c r="DP3" s="447"/>
      <c r="DQ3" s="447"/>
      <c r="DR3" s="447"/>
      <c r="DS3" s="447"/>
      <c r="DT3" s="447"/>
      <c r="DU3" s="447"/>
      <c r="DV3" s="447"/>
      <c r="DW3" s="447"/>
      <c r="DX3" s="447"/>
      <c r="DY3" s="447"/>
      <c r="DZ3" s="447"/>
      <c r="EA3" s="447"/>
      <c r="EB3" s="447"/>
      <c r="EC3" s="447"/>
      <c r="ED3" s="447"/>
      <c r="EE3" s="447"/>
      <c r="EF3" s="447"/>
      <c r="EG3" s="447"/>
      <c r="EH3" s="447"/>
      <c r="EI3" s="447"/>
      <c r="EJ3" s="447"/>
      <c r="EK3" s="447"/>
      <c r="EL3" s="447"/>
      <c r="EM3" s="447"/>
      <c r="EN3" s="447"/>
      <c r="EO3" s="447"/>
      <c r="EP3" s="447"/>
      <c r="EQ3" s="447"/>
      <c r="ER3" s="447"/>
      <c r="ES3" s="447"/>
      <c r="ET3" s="447"/>
      <c r="EU3" s="447"/>
      <c r="EV3" s="447"/>
      <c r="EW3" s="447"/>
      <c r="EX3" s="447"/>
      <c r="EY3" s="447"/>
      <c r="EZ3" s="447"/>
      <c r="FA3" s="447"/>
      <c r="FB3" s="447"/>
      <c r="FC3" s="447"/>
      <c r="FD3" s="447"/>
      <c r="FE3" s="447"/>
      <c r="FF3" s="447"/>
      <c r="FG3" s="447"/>
      <c r="FH3" s="447"/>
      <c r="FI3" s="447"/>
      <c r="FJ3" s="447"/>
      <c r="FK3" s="447"/>
      <c r="FL3" s="447"/>
      <c r="FM3" s="447"/>
      <c r="FN3" s="447"/>
      <c r="FO3" s="447"/>
      <c r="FP3" s="447"/>
      <c r="FQ3" s="447"/>
      <c r="FR3" s="447"/>
      <c r="FS3" s="447"/>
      <c r="FT3" s="447"/>
      <c r="FU3" s="447"/>
      <c r="FV3" s="447"/>
      <c r="FW3" s="447"/>
      <c r="FX3" s="447"/>
      <c r="FY3" s="447"/>
      <c r="FZ3" s="447"/>
      <c r="GA3" s="447"/>
      <c r="GB3" s="447"/>
      <c r="GC3" s="447"/>
      <c r="GD3" s="447"/>
      <c r="GE3" s="447"/>
      <c r="GF3" s="447"/>
      <c r="GG3" s="447"/>
      <c r="GH3" s="447"/>
      <c r="GI3" s="447"/>
      <c r="GJ3" s="447"/>
      <c r="GK3" s="447"/>
      <c r="GL3" s="447"/>
      <c r="GM3" s="447"/>
      <c r="GN3" s="447"/>
      <c r="GO3" s="447"/>
      <c r="GP3" s="447"/>
      <c r="GQ3" s="448"/>
      <c r="GR3" s="447" t="s">
        <v>104</v>
      </c>
      <c r="GS3" s="447"/>
      <c r="GT3" s="447"/>
      <c r="GU3" s="447"/>
      <c r="GV3" s="447"/>
      <c r="GW3" s="447"/>
      <c r="GX3" s="447"/>
      <c r="GY3" s="447"/>
      <c r="GZ3" s="447"/>
      <c r="HA3" s="447"/>
      <c r="HB3" s="447"/>
      <c r="HC3" s="447"/>
      <c r="HD3" s="447"/>
      <c r="HE3" s="447"/>
      <c r="HF3" s="447"/>
      <c r="HG3" s="447"/>
      <c r="HH3" s="447"/>
      <c r="HI3" s="447"/>
      <c r="HJ3" s="447"/>
      <c r="HK3" s="447"/>
      <c r="HL3" s="447"/>
      <c r="HM3" s="447"/>
      <c r="HN3" s="447"/>
      <c r="HO3" s="447"/>
      <c r="HP3" s="447"/>
      <c r="HQ3" s="447"/>
      <c r="HR3" s="447"/>
      <c r="HS3" s="447"/>
      <c r="HT3" s="447"/>
      <c r="HU3" s="447"/>
      <c r="HV3" s="447"/>
      <c r="HW3" s="447"/>
      <c r="HX3" s="447"/>
      <c r="HY3" s="447"/>
      <c r="HZ3" s="447"/>
      <c r="IA3" s="447"/>
      <c r="IB3" s="447"/>
      <c r="IC3" s="447"/>
      <c r="ID3" s="447"/>
      <c r="IE3" s="447"/>
      <c r="IF3" s="447"/>
      <c r="IG3" s="447"/>
      <c r="IH3" s="447"/>
      <c r="II3" s="447"/>
      <c r="IJ3" s="447"/>
      <c r="IK3" s="447"/>
      <c r="IL3" s="447"/>
      <c r="IM3" s="447"/>
      <c r="IN3" s="447"/>
      <c r="IO3" s="447"/>
      <c r="IP3" s="447"/>
      <c r="IQ3" s="447"/>
      <c r="IR3" s="447"/>
      <c r="IS3" s="447"/>
      <c r="IT3" s="447"/>
      <c r="IU3" s="447"/>
      <c r="IV3" s="447"/>
      <c r="IW3" s="447"/>
      <c r="IX3" s="447"/>
      <c r="IY3" s="447"/>
      <c r="IZ3" s="447"/>
      <c r="JA3" s="447"/>
      <c r="JB3" s="447"/>
      <c r="JC3" s="447"/>
      <c r="JD3" s="447"/>
      <c r="JE3" s="447"/>
      <c r="JF3" s="447"/>
      <c r="JG3" s="447"/>
      <c r="JH3" s="447"/>
      <c r="JI3" s="447"/>
      <c r="JJ3" s="447"/>
      <c r="JK3" s="447"/>
      <c r="JL3" s="447"/>
      <c r="JM3" s="447"/>
      <c r="JN3" s="447"/>
      <c r="JO3" s="447"/>
      <c r="JP3" s="447"/>
      <c r="JQ3" s="447"/>
      <c r="JR3" s="447"/>
      <c r="JS3" s="447"/>
      <c r="JT3" s="447"/>
      <c r="JU3" s="447"/>
      <c r="JV3" s="447"/>
      <c r="JW3" s="447"/>
      <c r="JX3" s="447"/>
      <c r="JY3" s="447"/>
      <c r="JZ3" s="447"/>
      <c r="KA3" s="447"/>
      <c r="KB3" s="447"/>
      <c r="KC3" s="447"/>
      <c r="KD3" s="447"/>
      <c r="KE3" s="447"/>
      <c r="KF3" s="447"/>
      <c r="KG3" s="447"/>
      <c r="KH3" s="447"/>
      <c r="KI3" s="447"/>
      <c r="KJ3" s="447"/>
      <c r="KK3" s="447"/>
      <c r="KL3" s="448"/>
    </row>
    <row r="4" spans="1:298" ht="27.75" customHeight="1" thickBot="1" x14ac:dyDescent="0.25">
      <c r="A4" s="464"/>
      <c r="B4" s="449" t="s">
        <v>39</v>
      </c>
      <c r="C4" s="450"/>
      <c r="D4" s="450"/>
      <c r="E4" s="450"/>
      <c r="F4" s="450"/>
      <c r="G4" s="450"/>
      <c r="H4" s="450"/>
      <c r="I4" s="450"/>
      <c r="J4" s="450"/>
      <c r="K4" s="450"/>
      <c r="L4" s="450"/>
      <c r="M4" s="450"/>
      <c r="N4" s="450"/>
      <c r="O4" s="450"/>
      <c r="P4" s="450"/>
      <c r="Q4" s="450"/>
      <c r="R4" s="450"/>
      <c r="S4" s="450"/>
      <c r="T4" s="450"/>
      <c r="U4" s="450"/>
      <c r="V4" s="450"/>
      <c r="W4" s="450"/>
      <c r="X4" s="450"/>
      <c r="Y4" s="450"/>
      <c r="Z4" s="450"/>
      <c r="AA4" s="450"/>
      <c r="AB4" s="450"/>
      <c r="AC4" s="450"/>
      <c r="AD4" s="450"/>
      <c r="AE4" s="450"/>
      <c r="AF4" s="450"/>
      <c r="AG4" s="450"/>
      <c r="AH4" s="450"/>
      <c r="AI4" s="450"/>
      <c r="AJ4" s="450"/>
      <c r="AK4" s="450"/>
      <c r="AL4" s="450"/>
      <c r="AM4" s="450"/>
      <c r="AN4" s="450"/>
      <c r="AO4" s="450"/>
      <c r="AP4" s="450"/>
      <c r="AQ4" s="450"/>
      <c r="AR4" s="450"/>
      <c r="AS4" s="450"/>
      <c r="AT4" s="450"/>
      <c r="AU4" s="450"/>
      <c r="AV4" s="450"/>
      <c r="AW4" s="450"/>
      <c r="AX4" s="450"/>
      <c r="AY4" s="450"/>
      <c r="AZ4" s="450"/>
      <c r="BA4" s="450"/>
      <c r="BB4" s="450"/>
      <c r="BC4" s="450"/>
      <c r="BD4" s="450"/>
      <c r="BE4" s="450"/>
      <c r="BF4" s="450"/>
      <c r="BG4" s="450"/>
      <c r="BH4" s="450"/>
      <c r="BI4" s="450"/>
      <c r="BJ4" s="450"/>
      <c r="BK4" s="450"/>
      <c r="BL4" s="450"/>
      <c r="BM4" s="450"/>
      <c r="BN4" s="450"/>
      <c r="BO4" s="450"/>
      <c r="BP4" s="450"/>
      <c r="BQ4" s="450"/>
      <c r="BR4" s="450"/>
      <c r="BS4" s="450"/>
      <c r="BT4" s="450"/>
      <c r="BU4" s="450"/>
      <c r="BV4" s="450"/>
      <c r="BW4" s="450"/>
      <c r="BX4" s="450"/>
      <c r="BY4" s="450"/>
      <c r="BZ4" s="451"/>
      <c r="CA4" s="452" t="s">
        <v>40</v>
      </c>
      <c r="CB4" s="453"/>
      <c r="CC4" s="453"/>
      <c r="CD4" s="453"/>
      <c r="CE4" s="453"/>
      <c r="CF4" s="453"/>
      <c r="CG4" s="453"/>
      <c r="CH4" s="453"/>
      <c r="CI4" s="453"/>
      <c r="CJ4" s="453"/>
      <c r="CK4" s="454"/>
      <c r="CL4" s="452" t="s">
        <v>41</v>
      </c>
      <c r="CM4" s="453"/>
      <c r="CN4" s="453"/>
      <c r="CO4" s="453"/>
      <c r="CP4" s="453"/>
      <c r="CQ4" s="453"/>
      <c r="CR4" s="453"/>
      <c r="CS4" s="453"/>
      <c r="CT4" s="453"/>
      <c r="CU4" s="453"/>
      <c r="CV4" s="454"/>
      <c r="CW4" s="449" t="s">
        <v>39</v>
      </c>
      <c r="CX4" s="450"/>
      <c r="CY4" s="450"/>
      <c r="CZ4" s="450"/>
      <c r="DA4" s="450"/>
      <c r="DB4" s="450"/>
      <c r="DC4" s="450"/>
      <c r="DD4" s="450"/>
      <c r="DE4" s="450"/>
      <c r="DF4" s="450"/>
      <c r="DG4" s="450"/>
      <c r="DH4" s="450"/>
      <c r="DI4" s="450"/>
      <c r="DJ4" s="450"/>
      <c r="DK4" s="450"/>
      <c r="DL4" s="450"/>
      <c r="DM4" s="450"/>
      <c r="DN4" s="450"/>
      <c r="DO4" s="450"/>
      <c r="DP4" s="450"/>
      <c r="DQ4" s="450"/>
      <c r="DR4" s="450"/>
      <c r="DS4" s="450"/>
      <c r="DT4" s="450"/>
      <c r="DU4" s="450"/>
      <c r="DV4" s="450"/>
      <c r="DW4" s="450"/>
      <c r="DX4" s="450"/>
      <c r="DY4" s="450"/>
      <c r="DZ4" s="450"/>
      <c r="EA4" s="450"/>
      <c r="EB4" s="450"/>
      <c r="EC4" s="450"/>
      <c r="ED4" s="450"/>
      <c r="EE4" s="450"/>
      <c r="EF4" s="450"/>
      <c r="EG4" s="450"/>
      <c r="EH4" s="450"/>
      <c r="EI4" s="450"/>
      <c r="EJ4" s="450"/>
      <c r="EK4" s="450"/>
      <c r="EL4" s="450"/>
      <c r="EM4" s="450"/>
      <c r="EN4" s="450"/>
      <c r="EO4" s="450"/>
      <c r="EP4" s="450"/>
      <c r="EQ4" s="450"/>
      <c r="ER4" s="450"/>
      <c r="ES4" s="450"/>
      <c r="ET4" s="450"/>
      <c r="EU4" s="450"/>
      <c r="EV4" s="450"/>
      <c r="EW4" s="450"/>
      <c r="EX4" s="450"/>
      <c r="EY4" s="450"/>
      <c r="EZ4" s="450"/>
      <c r="FA4" s="450"/>
      <c r="FB4" s="450"/>
      <c r="FC4" s="450"/>
      <c r="FD4" s="450"/>
      <c r="FE4" s="450"/>
      <c r="FF4" s="450"/>
      <c r="FG4" s="450"/>
      <c r="FH4" s="450"/>
      <c r="FI4" s="450"/>
      <c r="FJ4" s="450"/>
      <c r="FK4" s="450"/>
      <c r="FL4" s="450"/>
      <c r="FM4" s="450"/>
      <c r="FN4" s="450"/>
      <c r="FO4" s="450"/>
      <c r="FP4" s="450"/>
      <c r="FQ4" s="450"/>
      <c r="FR4" s="450"/>
      <c r="FS4" s="450"/>
      <c r="FT4" s="450"/>
      <c r="FU4" s="451"/>
      <c r="FV4" s="452" t="s">
        <v>40</v>
      </c>
      <c r="FW4" s="453"/>
      <c r="FX4" s="453"/>
      <c r="FY4" s="453"/>
      <c r="FZ4" s="453"/>
      <c r="GA4" s="453"/>
      <c r="GB4" s="453"/>
      <c r="GC4" s="453"/>
      <c r="GD4" s="453"/>
      <c r="GE4" s="453"/>
      <c r="GF4" s="454"/>
      <c r="GG4" s="452" t="s">
        <v>41</v>
      </c>
      <c r="GH4" s="453"/>
      <c r="GI4" s="453"/>
      <c r="GJ4" s="453"/>
      <c r="GK4" s="453"/>
      <c r="GL4" s="453"/>
      <c r="GM4" s="453"/>
      <c r="GN4" s="453"/>
      <c r="GO4" s="453"/>
      <c r="GP4" s="453"/>
      <c r="GQ4" s="454"/>
      <c r="GR4" s="449" t="s">
        <v>39</v>
      </c>
      <c r="GS4" s="450"/>
      <c r="GT4" s="450"/>
      <c r="GU4" s="450"/>
      <c r="GV4" s="450"/>
      <c r="GW4" s="450"/>
      <c r="GX4" s="450"/>
      <c r="GY4" s="450"/>
      <c r="GZ4" s="450"/>
      <c r="HA4" s="450"/>
      <c r="HB4" s="450"/>
      <c r="HC4" s="450"/>
      <c r="HD4" s="450"/>
      <c r="HE4" s="450"/>
      <c r="HF4" s="450"/>
      <c r="HG4" s="450"/>
      <c r="HH4" s="450"/>
      <c r="HI4" s="450"/>
      <c r="HJ4" s="450"/>
      <c r="HK4" s="450"/>
      <c r="HL4" s="450"/>
      <c r="HM4" s="450"/>
      <c r="HN4" s="450"/>
      <c r="HO4" s="450"/>
      <c r="HP4" s="450"/>
      <c r="HQ4" s="450"/>
      <c r="HR4" s="450"/>
      <c r="HS4" s="450"/>
      <c r="HT4" s="450"/>
      <c r="HU4" s="450"/>
      <c r="HV4" s="450"/>
      <c r="HW4" s="450"/>
      <c r="HX4" s="450"/>
      <c r="HY4" s="450"/>
      <c r="HZ4" s="450"/>
      <c r="IA4" s="450"/>
      <c r="IB4" s="450"/>
      <c r="IC4" s="450"/>
      <c r="ID4" s="450"/>
      <c r="IE4" s="450"/>
      <c r="IF4" s="450"/>
      <c r="IG4" s="450"/>
      <c r="IH4" s="450"/>
      <c r="II4" s="450"/>
      <c r="IJ4" s="450"/>
      <c r="IK4" s="450"/>
      <c r="IL4" s="450"/>
      <c r="IM4" s="450"/>
      <c r="IN4" s="450"/>
      <c r="IO4" s="450"/>
      <c r="IP4" s="450"/>
      <c r="IQ4" s="450"/>
      <c r="IR4" s="450"/>
      <c r="IS4" s="450"/>
      <c r="IT4" s="450"/>
      <c r="IU4" s="450"/>
      <c r="IV4" s="450"/>
      <c r="IW4" s="450"/>
      <c r="IX4" s="450"/>
      <c r="IY4" s="450"/>
      <c r="IZ4" s="450"/>
      <c r="JA4" s="450"/>
      <c r="JB4" s="450"/>
      <c r="JC4" s="450"/>
      <c r="JD4" s="450"/>
      <c r="JE4" s="450"/>
      <c r="JF4" s="450"/>
      <c r="JG4" s="450"/>
      <c r="JH4" s="450"/>
      <c r="JI4" s="450"/>
      <c r="JJ4" s="450"/>
      <c r="JK4" s="450"/>
      <c r="JL4" s="450"/>
      <c r="JM4" s="450"/>
      <c r="JN4" s="450"/>
      <c r="JO4" s="450"/>
      <c r="JP4" s="451"/>
      <c r="JQ4" s="452" t="s">
        <v>40</v>
      </c>
      <c r="JR4" s="453"/>
      <c r="JS4" s="453"/>
      <c r="JT4" s="453"/>
      <c r="JU4" s="453"/>
      <c r="JV4" s="453"/>
      <c r="JW4" s="453"/>
      <c r="JX4" s="453"/>
      <c r="JY4" s="453"/>
      <c r="JZ4" s="453"/>
      <c r="KA4" s="454"/>
      <c r="KB4" s="452" t="s">
        <v>41</v>
      </c>
      <c r="KC4" s="453"/>
      <c r="KD4" s="453"/>
      <c r="KE4" s="453"/>
      <c r="KF4" s="453"/>
      <c r="KG4" s="453"/>
      <c r="KH4" s="453"/>
      <c r="KI4" s="453"/>
      <c r="KJ4" s="453"/>
      <c r="KK4" s="453"/>
      <c r="KL4" s="454"/>
    </row>
    <row r="5" spans="1:298" ht="27.75" customHeight="1" thickBot="1" x14ac:dyDescent="0.25">
      <c r="A5" s="458"/>
      <c r="B5" s="458"/>
      <c r="C5" s="459"/>
      <c r="D5" s="459"/>
      <c r="E5" s="459"/>
      <c r="F5" s="459"/>
      <c r="G5" s="459"/>
      <c r="H5" s="459"/>
      <c r="I5" s="459"/>
      <c r="J5" s="459"/>
      <c r="K5" s="459"/>
      <c r="L5" s="460"/>
      <c r="M5" s="461" t="s">
        <v>97</v>
      </c>
      <c r="N5" s="462"/>
      <c r="O5" s="462"/>
      <c r="P5" s="462"/>
      <c r="Q5" s="462"/>
      <c r="R5" s="462"/>
      <c r="S5" s="462"/>
      <c r="T5" s="462"/>
      <c r="U5" s="462"/>
      <c r="V5" s="462"/>
      <c r="W5" s="463"/>
      <c r="X5" s="461" t="s">
        <v>98</v>
      </c>
      <c r="Y5" s="462"/>
      <c r="Z5" s="462"/>
      <c r="AA5" s="462"/>
      <c r="AB5" s="462"/>
      <c r="AC5" s="462"/>
      <c r="AD5" s="462"/>
      <c r="AE5" s="462"/>
      <c r="AF5" s="462"/>
      <c r="AG5" s="462"/>
      <c r="AH5" s="463"/>
      <c r="AI5" s="461" t="s">
        <v>99</v>
      </c>
      <c r="AJ5" s="462"/>
      <c r="AK5" s="462"/>
      <c r="AL5" s="462"/>
      <c r="AM5" s="462"/>
      <c r="AN5" s="462"/>
      <c r="AO5" s="462"/>
      <c r="AP5" s="462"/>
      <c r="AQ5" s="462"/>
      <c r="AR5" s="462"/>
      <c r="AS5" s="463"/>
      <c r="AT5" s="461" t="s">
        <v>100</v>
      </c>
      <c r="AU5" s="462"/>
      <c r="AV5" s="462"/>
      <c r="AW5" s="462"/>
      <c r="AX5" s="462"/>
      <c r="AY5" s="462"/>
      <c r="AZ5" s="462"/>
      <c r="BA5" s="462"/>
      <c r="BB5" s="462"/>
      <c r="BC5" s="462"/>
      <c r="BD5" s="463"/>
      <c r="BE5" s="461" t="s">
        <v>101</v>
      </c>
      <c r="BF5" s="462"/>
      <c r="BG5" s="462"/>
      <c r="BH5" s="462"/>
      <c r="BI5" s="462"/>
      <c r="BJ5" s="462"/>
      <c r="BK5" s="462"/>
      <c r="BL5" s="462"/>
      <c r="BM5" s="462"/>
      <c r="BN5" s="462"/>
      <c r="BO5" s="463"/>
      <c r="BP5" s="461" t="s">
        <v>102</v>
      </c>
      <c r="BQ5" s="462"/>
      <c r="BR5" s="462"/>
      <c r="BS5" s="462"/>
      <c r="BT5" s="462"/>
      <c r="BU5" s="462"/>
      <c r="BV5" s="462"/>
      <c r="BW5" s="462"/>
      <c r="BX5" s="462"/>
      <c r="BY5" s="462"/>
      <c r="BZ5" s="463"/>
      <c r="CA5" s="455"/>
      <c r="CB5" s="456"/>
      <c r="CC5" s="456"/>
      <c r="CD5" s="456"/>
      <c r="CE5" s="456"/>
      <c r="CF5" s="456"/>
      <c r="CG5" s="456"/>
      <c r="CH5" s="456"/>
      <c r="CI5" s="456"/>
      <c r="CJ5" s="456"/>
      <c r="CK5" s="457"/>
      <c r="CL5" s="455"/>
      <c r="CM5" s="456"/>
      <c r="CN5" s="456"/>
      <c r="CO5" s="456"/>
      <c r="CP5" s="456"/>
      <c r="CQ5" s="456"/>
      <c r="CR5" s="456"/>
      <c r="CS5" s="456"/>
      <c r="CT5" s="456"/>
      <c r="CU5" s="456"/>
      <c r="CV5" s="457"/>
      <c r="CW5" s="458"/>
      <c r="CX5" s="459"/>
      <c r="CY5" s="459"/>
      <c r="CZ5" s="459"/>
      <c r="DA5" s="459"/>
      <c r="DB5" s="459"/>
      <c r="DC5" s="459"/>
      <c r="DD5" s="459"/>
      <c r="DE5" s="459"/>
      <c r="DF5" s="459"/>
      <c r="DG5" s="460"/>
      <c r="DH5" s="461" t="s">
        <v>97</v>
      </c>
      <c r="DI5" s="462"/>
      <c r="DJ5" s="462"/>
      <c r="DK5" s="462"/>
      <c r="DL5" s="462"/>
      <c r="DM5" s="462"/>
      <c r="DN5" s="462"/>
      <c r="DO5" s="462"/>
      <c r="DP5" s="462"/>
      <c r="DQ5" s="462"/>
      <c r="DR5" s="463"/>
      <c r="DS5" s="461" t="s">
        <v>98</v>
      </c>
      <c r="DT5" s="462"/>
      <c r="DU5" s="462"/>
      <c r="DV5" s="462"/>
      <c r="DW5" s="462"/>
      <c r="DX5" s="462"/>
      <c r="DY5" s="462"/>
      <c r="DZ5" s="462"/>
      <c r="EA5" s="462"/>
      <c r="EB5" s="462"/>
      <c r="EC5" s="463"/>
      <c r="ED5" s="461" t="s">
        <v>99</v>
      </c>
      <c r="EE5" s="462"/>
      <c r="EF5" s="462"/>
      <c r="EG5" s="462"/>
      <c r="EH5" s="462"/>
      <c r="EI5" s="462"/>
      <c r="EJ5" s="462"/>
      <c r="EK5" s="462"/>
      <c r="EL5" s="462"/>
      <c r="EM5" s="462"/>
      <c r="EN5" s="463"/>
      <c r="EO5" s="461" t="s">
        <v>100</v>
      </c>
      <c r="EP5" s="462"/>
      <c r="EQ5" s="462"/>
      <c r="ER5" s="462"/>
      <c r="ES5" s="462"/>
      <c r="ET5" s="462"/>
      <c r="EU5" s="462"/>
      <c r="EV5" s="462"/>
      <c r="EW5" s="462"/>
      <c r="EX5" s="462"/>
      <c r="EY5" s="463"/>
      <c r="EZ5" s="461" t="s">
        <v>101</v>
      </c>
      <c r="FA5" s="462"/>
      <c r="FB5" s="462"/>
      <c r="FC5" s="462"/>
      <c r="FD5" s="462"/>
      <c r="FE5" s="462"/>
      <c r="FF5" s="462"/>
      <c r="FG5" s="462"/>
      <c r="FH5" s="462"/>
      <c r="FI5" s="462"/>
      <c r="FJ5" s="463"/>
      <c r="FK5" s="461" t="s">
        <v>102</v>
      </c>
      <c r="FL5" s="462"/>
      <c r="FM5" s="462"/>
      <c r="FN5" s="462"/>
      <c r="FO5" s="462"/>
      <c r="FP5" s="462"/>
      <c r="FQ5" s="462"/>
      <c r="FR5" s="462"/>
      <c r="FS5" s="462"/>
      <c r="FT5" s="462"/>
      <c r="FU5" s="463"/>
      <c r="FV5" s="455"/>
      <c r="FW5" s="456"/>
      <c r="FX5" s="456"/>
      <c r="FY5" s="456"/>
      <c r="FZ5" s="456"/>
      <c r="GA5" s="456"/>
      <c r="GB5" s="456"/>
      <c r="GC5" s="456"/>
      <c r="GD5" s="456"/>
      <c r="GE5" s="456"/>
      <c r="GF5" s="457"/>
      <c r="GG5" s="455"/>
      <c r="GH5" s="456"/>
      <c r="GI5" s="456"/>
      <c r="GJ5" s="456"/>
      <c r="GK5" s="456"/>
      <c r="GL5" s="456"/>
      <c r="GM5" s="456"/>
      <c r="GN5" s="456"/>
      <c r="GO5" s="456"/>
      <c r="GP5" s="456"/>
      <c r="GQ5" s="457"/>
      <c r="GR5" s="458"/>
      <c r="GS5" s="459"/>
      <c r="GT5" s="459"/>
      <c r="GU5" s="459"/>
      <c r="GV5" s="459"/>
      <c r="GW5" s="459"/>
      <c r="GX5" s="459"/>
      <c r="GY5" s="459"/>
      <c r="GZ5" s="459"/>
      <c r="HA5" s="459"/>
      <c r="HB5" s="460"/>
      <c r="HC5" s="461" t="s">
        <v>97</v>
      </c>
      <c r="HD5" s="462"/>
      <c r="HE5" s="462"/>
      <c r="HF5" s="462"/>
      <c r="HG5" s="462"/>
      <c r="HH5" s="462"/>
      <c r="HI5" s="462"/>
      <c r="HJ5" s="462"/>
      <c r="HK5" s="462"/>
      <c r="HL5" s="462"/>
      <c r="HM5" s="463"/>
      <c r="HN5" s="461" t="s">
        <v>98</v>
      </c>
      <c r="HO5" s="462"/>
      <c r="HP5" s="462"/>
      <c r="HQ5" s="462"/>
      <c r="HR5" s="462"/>
      <c r="HS5" s="462"/>
      <c r="HT5" s="462"/>
      <c r="HU5" s="462"/>
      <c r="HV5" s="462"/>
      <c r="HW5" s="462"/>
      <c r="HX5" s="463"/>
      <c r="HY5" s="461" t="s">
        <v>99</v>
      </c>
      <c r="HZ5" s="462"/>
      <c r="IA5" s="462"/>
      <c r="IB5" s="462"/>
      <c r="IC5" s="462"/>
      <c r="ID5" s="462"/>
      <c r="IE5" s="462"/>
      <c r="IF5" s="462"/>
      <c r="IG5" s="462"/>
      <c r="IH5" s="462"/>
      <c r="II5" s="463"/>
      <c r="IJ5" s="461" t="s">
        <v>100</v>
      </c>
      <c r="IK5" s="462"/>
      <c r="IL5" s="462"/>
      <c r="IM5" s="462"/>
      <c r="IN5" s="462"/>
      <c r="IO5" s="462"/>
      <c r="IP5" s="462"/>
      <c r="IQ5" s="462"/>
      <c r="IR5" s="462"/>
      <c r="IS5" s="462"/>
      <c r="IT5" s="463"/>
      <c r="IU5" s="461" t="s">
        <v>101</v>
      </c>
      <c r="IV5" s="462"/>
      <c r="IW5" s="462"/>
      <c r="IX5" s="462"/>
      <c r="IY5" s="462"/>
      <c r="IZ5" s="462"/>
      <c r="JA5" s="462"/>
      <c r="JB5" s="462"/>
      <c r="JC5" s="462"/>
      <c r="JD5" s="462"/>
      <c r="JE5" s="463"/>
      <c r="JF5" s="461" t="s">
        <v>102</v>
      </c>
      <c r="JG5" s="462"/>
      <c r="JH5" s="462"/>
      <c r="JI5" s="462"/>
      <c r="JJ5" s="462"/>
      <c r="JK5" s="462"/>
      <c r="JL5" s="462"/>
      <c r="JM5" s="462"/>
      <c r="JN5" s="462"/>
      <c r="JO5" s="462"/>
      <c r="JP5" s="463"/>
      <c r="JQ5" s="455"/>
      <c r="JR5" s="456"/>
      <c r="JS5" s="456"/>
      <c r="JT5" s="456"/>
      <c r="JU5" s="456"/>
      <c r="JV5" s="456"/>
      <c r="JW5" s="456"/>
      <c r="JX5" s="456"/>
      <c r="JY5" s="456"/>
      <c r="JZ5" s="456"/>
      <c r="KA5" s="457"/>
      <c r="KB5" s="455"/>
      <c r="KC5" s="456"/>
      <c r="KD5" s="456"/>
      <c r="KE5" s="456"/>
      <c r="KF5" s="456"/>
      <c r="KG5" s="456"/>
      <c r="KH5" s="456"/>
      <c r="KI5" s="456"/>
      <c r="KJ5" s="456"/>
      <c r="KK5" s="456"/>
      <c r="KL5" s="457"/>
    </row>
    <row r="6" spans="1:298" ht="44.25" customHeight="1" thickBot="1" x14ac:dyDescent="0.25">
      <c r="A6" s="349" t="s">
        <v>42</v>
      </c>
      <c r="B6" s="51" t="s">
        <v>43</v>
      </c>
      <c r="C6" s="47" t="s">
        <v>44</v>
      </c>
      <c r="D6" s="48" t="s">
        <v>45</v>
      </c>
      <c r="E6" s="52" t="s">
        <v>46</v>
      </c>
      <c r="F6" s="47" t="s">
        <v>47</v>
      </c>
      <c r="G6" s="47" t="s">
        <v>48</v>
      </c>
      <c r="H6" s="47" t="s">
        <v>49</v>
      </c>
      <c r="I6" s="47" t="s">
        <v>50</v>
      </c>
      <c r="J6" s="47" t="s">
        <v>51</v>
      </c>
      <c r="K6" s="48" t="s">
        <v>45</v>
      </c>
      <c r="L6" s="53" t="s">
        <v>52</v>
      </c>
      <c r="M6" s="397" t="s">
        <v>43</v>
      </c>
      <c r="N6" s="398" t="s">
        <v>44</v>
      </c>
      <c r="O6" s="399" t="s">
        <v>45</v>
      </c>
      <c r="P6" s="400" t="s">
        <v>46</v>
      </c>
      <c r="Q6" s="398" t="s">
        <v>47</v>
      </c>
      <c r="R6" s="398" t="s">
        <v>48</v>
      </c>
      <c r="S6" s="398" t="s">
        <v>49</v>
      </c>
      <c r="T6" s="398" t="s">
        <v>50</v>
      </c>
      <c r="U6" s="398" t="s">
        <v>51</v>
      </c>
      <c r="V6" s="399" t="s">
        <v>45</v>
      </c>
      <c r="W6" s="396" t="s">
        <v>52</v>
      </c>
      <c r="X6" s="397" t="s">
        <v>43</v>
      </c>
      <c r="Y6" s="398" t="s">
        <v>44</v>
      </c>
      <c r="Z6" s="399" t="s">
        <v>45</v>
      </c>
      <c r="AA6" s="400" t="s">
        <v>46</v>
      </c>
      <c r="AB6" s="398" t="s">
        <v>47</v>
      </c>
      <c r="AC6" s="398" t="s">
        <v>48</v>
      </c>
      <c r="AD6" s="398" t="s">
        <v>49</v>
      </c>
      <c r="AE6" s="398" t="s">
        <v>50</v>
      </c>
      <c r="AF6" s="398" t="s">
        <v>51</v>
      </c>
      <c r="AG6" s="399" t="s">
        <v>45</v>
      </c>
      <c r="AH6" s="401" t="s">
        <v>52</v>
      </c>
      <c r="AI6" s="397" t="s">
        <v>43</v>
      </c>
      <c r="AJ6" s="398" t="s">
        <v>44</v>
      </c>
      <c r="AK6" s="399" t="s">
        <v>45</v>
      </c>
      <c r="AL6" s="400" t="s">
        <v>46</v>
      </c>
      <c r="AM6" s="398" t="s">
        <v>47</v>
      </c>
      <c r="AN6" s="398" t="s">
        <v>48</v>
      </c>
      <c r="AO6" s="398" t="s">
        <v>49</v>
      </c>
      <c r="AP6" s="398" t="s">
        <v>50</v>
      </c>
      <c r="AQ6" s="398" t="s">
        <v>51</v>
      </c>
      <c r="AR6" s="399" t="s">
        <v>45</v>
      </c>
      <c r="AS6" s="401" t="s">
        <v>52</v>
      </c>
      <c r="AT6" s="397" t="s">
        <v>43</v>
      </c>
      <c r="AU6" s="398" t="s">
        <v>44</v>
      </c>
      <c r="AV6" s="399" t="s">
        <v>45</v>
      </c>
      <c r="AW6" s="400" t="s">
        <v>46</v>
      </c>
      <c r="AX6" s="398" t="s">
        <v>47</v>
      </c>
      <c r="AY6" s="398" t="s">
        <v>48</v>
      </c>
      <c r="AZ6" s="398" t="s">
        <v>49</v>
      </c>
      <c r="BA6" s="398" t="s">
        <v>50</v>
      </c>
      <c r="BB6" s="398" t="s">
        <v>51</v>
      </c>
      <c r="BC6" s="399" t="s">
        <v>45</v>
      </c>
      <c r="BD6" s="401" t="s">
        <v>52</v>
      </c>
      <c r="BE6" s="397" t="s">
        <v>43</v>
      </c>
      <c r="BF6" s="398" t="s">
        <v>44</v>
      </c>
      <c r="BG6" s="399" t="s">
        <v>45</v>
      </c>
      <c r="BH6" s="400" t="s">
        <v>46</v>
      </c>
      <c r="BI6" s="398" t="s">
        <v>47</v>
      </c>
      <c r="BJ6" s="398" t="s">
        <v>48</v>
      </c>
      <c r="BK6" s="398" t="s">
        <v>49</v>
      </c>
      <c r="BL6" s="398" t="s">
        <v>50</v>
      </c>
      <c r="BM6" s="398" t="s">
        <v>51</v>
      </c>
      <c r="BN6" s="399" t="s">
        <v>45</v>
      </c>
      <c r="BO6" s="401" t="s">
        <v>52</v>
      </c>
      <c r="BP6" s="397" t="s">
        <v>43</v>
      </c>
      <c r="BQ6" s="398" t="s">
        <v>44</v>
      </c>
      <c r="BR6" s="399" t="s">
        <v>45</v>
      </c>
      <c r="BS6" s="400" t="s">
        <v>46</v>
      </c>
      <c r="BT6" s="398" t="s">
        <v>47</v>
      </c>
      <c r="BU6" s="398" t="s">
        <v>48</v>
      </c>
      <c r="BV6" s="398" t="s">
        <v>49</v>
      </c>
      <c r="BW6" s="398" t="s">
        <v>50</v>
      </c>
      <c r="BX6" s="398" t="s">
        <v>51</v>
      </c>
      <c r="BY6" s="399" t="s">
        <v>45</v>
      </c>
      <c r="BZ6" s="401" t="s">
        <v>52</v>
      </c>
      <c r="CA6" s="397" t="s">
        <v>43</v>
      </c>
      <c r="CB6" s="398" t="s">
        <v>44</v>
      </c>
      <c r="CC6" s="399" t="s">
        <v>45</v>
      </c>
      <c r="CD6" s="400" t="s">
        <v>46</v>
      </c>
      <c r="CE6" s="398" t="s">
        <v>47</v>
      </c>
      <c r="CF6" s="398" t="s">
        <v>48</v>
      </c>
      <c r="CG6" s="398" t="s">
        <v>49</v>
      </c>
      <c r="CH6" s="398" t="s">
        <v>50</v>
      </c>
      <c r="CI6" s="398" t="s">
        <v>51</v>
      </c>
      <c r="CJ6" s="399" t="s">
        <v>45</v>
      </c>
      <c r="CK6" s="401" t="s">
        <v>52</v>
      </c>
      <c r="CL6" s="397" t="s">
        <v>43</v>
      </c>
      <c r="CM6" s="398" t="s">
        <v>44</v>
      </c>
      <c r="CN6" s="399" t="s">
        <v>45</v>
      </c>
      <c r="CO6" s="400" t="s">
        <v>46</v>
      </c>
      <c r="CP6" s="398" t="s">
        <v>47</v>
      </c>
      <c r="CQ6" s="398" t="s">
        <v>48</v>
      </c>
      <c r="CR6" s="398" t="s">
        <v>49</v>
      </c>
      <c r="CS6" s="398" t="s">
        <v>50</v>
      </c>
      <c r="CT6" s="398" t="s">
        <v>51</v>
      </c>
      <c r="CU6" s="399" t="s">
        <v>45</v>
      </c>
      <c r="CV6" s="401" t="s">
        <v>52</v>
      </c>
      <c r="CW6" s="51" t="s">
        <v>43</v>
      </c>
      <c r="CX6" s="47" t="s">
        <v>44</v>
      </c>
      <c r="CY6" s="48" t="s">
        <v>45</v>
      </c>
      <c r="CZ6" s="52" t="s">
        <v>46</v>
      </c>
      <c r="DA6" s="47" t="s">
        <v>47</v>
      </c>
      <c r="DB6" s="47" t="s">
        <v>48</v>
      </c>
      <c r="DC6" s="47" t="s">
        <v>49</v>
      </c>
      <c r="DD6" s="47" t="s">
        <v>50</v>
      </c>
      <c r="DE6" s="47" t="s">
        <v>51</v>
      </c>
      <c r="DF6" s="48" t="s">
        <v>45</v>
      </c>
      <c r="DG6" s="53" t="s">
        <v>52</v>
      </c>
      <c r="DH6" s="397" t="s">
        <v>43</v>
      </c>
      <c r="DI6" s="398" t="s">
        <v>44</v>
      </c>
      <c r="DJ6" s="399" t="s">
        <v>45</v>
      </c>
      <c r="DK6" s="400" t="s">
        <v>46</v>
      </c>
      <c r="DL6" s="398" t="s">
        <v>47</v>
      </c>
      <c r="DM6" s="398" t="s">
        <v>48</v>
      </c>
      <c r="DN6" s="398" t="s">
        <v>49</v>
      </c>
      <c r="DO6" s="398" t="s">
        <v>50</v>
      </c>
      <c r="DP6" s="398" t="s">
        <v>51</v>
      </c>
      <c r="DQ6" s="399" t="s">
        <v>45</v>
      </c>
      <c r="DR6" s="401" t="s">
        <v>52</v>
      </c>
      <c r="DS6" s="397" t="s">
        <v>43</v>
      </c>
      <c r="DT6" s="398" t="s">
        <v>44</v>
      </c>
      <c r="DU6" s="399" t="s">
        <v>45</v>
      </c>
      <c r="DV6" s="400" t="s">
        <v>46</v>
      </c>
      <c r="DW6" s="398" t="s">
        <v>47</v>
      </c>
      <c r="DX6" s="398" t="s">
        <v>48</v>
      </c>
      <c r="DY6" s="398" t="s">
        <v>49</v>
      </c>
      <c r="DZ6" s="398" t="s">
        <v>50</v>
      </c>
      <c r="EA6" s="398" t="s">
        <v>51</v>
      </c>
      <c r="EB6" s="399" t="s">
        <v>45</v>
      </c>
      <c r="EC6" s="401" t="s">
        <v>52</v>
      </c>
      <c r="ED6" s="397" t="s">
        <v>43</v>
      </c>
      <c r="EE6" s="398" t="s">
        <v>44</v>
      </c>
      <c r="EF6" s="399" t="s">
        <v>45</v>
      </c>
      <c r="EG6" s="400" t="s">
        <v>46</v>
      </c>
      <c r="EH6" s="398" t="s">
        <v>47</v>
      </c>
      <c r="EI6" s="398" t="s">
        <v>48</v>
      </c>
      <c r="EJ6" s="398" t="s">
        <v>49</v>
      </c>
      <c r="EK6" s="398" t="s">
        <v>50</v>
      </c>
      <c r="EL6" s="398" t="s">
        <v>51</v>
      </c>
      <c r="EM6" s="399" t="s">
        <v>45</v>
      </c>
      <c r="EN6" s="401" t="s">
        <v>52</v>
      </c>
      <c r="EO6" s="397" t="s">
        <v>43</v>
      </c>
      <c r="EP6" s="398" t="s">
        <v>44</v>
      </c>
      <c r="EQ6" s="399" t="s">
        <v>45</v>
      </c>
      <c r="ER6" s="400" t="s">
        <v>46</v>
      </c>
      <c r="ES6" s="398" t="s">
        <v>47</v>
      </c>
      <c r="ET6" s="398" t="s">
        <v>48</v>
      </c>
      <c r="EU6" s="398" t="s">
        <v>49</v>
      </c>
      <c r="EV6" s="398" t="s">
        <v>50</v>
      </c>
      <c r="EW6" s="398" t="s">
        <v>51</v>
      </c>
      <c r="EX6" s="399" t="s">
        <v>45</v>
      </c>
      <c r="EY6" s="401" t="s">
        <v>52</v>
      </c>
      <c r="EZ6" s="397" t="s">
        <v>43</v>
      </c>
      <c r="FA6" s="398" t="s">
        <v>44</v>
      </c>
      <c r="FB6" s="399" t="s">
        <v>45</v>
      </c>
      <c r="FC6" s="400" t="s">
        <v>46</v>
      </c>
      <c r="FD6" s="398" t="s">
        <v>47</v>
      </c>
      <c r="FE6" s="398" t="s">
        <v>48</v>
      </c>
      <c r="FF6" s="398" t="s">
        <v>49</v>
      </c>
      <c r="FG6" s="398" t="s">
        <v>50</v>
      </c>
      <c r="FH6" s="398" t="s">
        <v>51</v>
      </c>
      <c r="FI6" s="399" t="s">
        <v>45</v>
      </c>
      <c r="FJ6" s="401" t="s">
        <v>52</v>
      </c>
      <c r="FK6" s="397" t="s">
        <v>43</v>
      </c>
      <c r="FL6" s="398" t="s">
        <v>44</v>
      </c>
      <c r="FM6" s="399" t="s">
        <v>45</v>
      </c>
      <c r="FN6" s="400" t="s">
        <v>46</v>
      </c>
      <c r="FO6" s="398" t="s">
        <v>47</v>
      </c>
      <c r="FP6" s="398" t="s">
        <v>48</v>
      </c>
      <c r="FQ6" s="398" t="s">
        <v>49</v>
      </c>
      <c r="FR6" s="398" t="s">
        <v>50</v>
      </c>
      <c r="FS6" s="398" t="s">
        <v>51</v>
      </c>
      <c r="FT6" s="399" t="s">
        <v>45</v>
      </c>
      <c r="FU6" s="401" t="s">
        <v>52</v>
      </c>
      <c r="FV6" s="397" t="s">
        <v>43</v>
      </c>
      <c r="FW6" s="398" t="s">
        <v>44</v>
      </c>
      <c r="FX6" s="399" t="s">
        <v>45</v>
      </c>
      <c r="FY6" s="400" t="s">
        <v>46</v>
      </c>
      <c r="FZ6" s="398" t="s">
        <v>47</v>
      </c>
      <c r="GA6" s="398" t="s">
        <v>48</v>
      </c>
      <c r="GB6" s="398" t="s">
        <v>49</v>
      </c>
      <c r="GC6" s="398" t="s">
        <v>50</v>
      </c>
      <c r="GD6" s="398" t="s">
        <v>51</v>
      </c>
      <c r="GE6" s="399" t="s">
        <v>45</v>
      </c>
      <c r="GF6" s="401" t="s">
        <v>52</v>
      </c>
      <c r="GG6" s="397" t="s">
        <v>43</v>
      </c>
      <c r="GH6" s="398" t="s">
        <v>44</v>
      </c>
      <c r="GI6" s="399" t="s">
        <v>45</v>
      </c>
      <c r="GJ6" s="400" t="s">
        <v>46</v>
      </c>
      <c r="GK6" s="398" t="s">
        <v>47</v>
      </c>
      <c r="GL6" s="398" t="s">
        <v>48</v>
      </c>
      <c r="GM6" s="398" t="s">
        <v>49</v>
      </c>
      <c r="GN6" s="398" t="s">
        <v>50</v>
      </c>
      <c r="GO6" s="398" t="s">
        <v>51</v>
      </c>
      <c r="GP6" s="399" t="s">
        <v>45</v>
      </c>
      <c r="GQ6" s="401" t="s">
        <v>52</v>
      </c>
      <c r="GR6" s="51" t="s">
        <v>43</v>
      </c>
      <c r="GS6" s="47" t="s">
        <v>44</v>
      </c>
      <c r="GT6" s="48" t="s">
        <v>45</v>
      </c>
      <c r="GU6" s="52" t="s">
        <v>46</v>
      </c>
      <c r="GV6" s="47" t="s">
        <v>47</v>
      </c>
      <c r="GW6" s="47" t="s">
        <v>48</v>
      </c>
      <c r="GX6" s="47" t="s">
        <v>49</v>
      </c>
      <c r="GY6" s="47" t="s">
        <v>50</v>
      </c>
      <c r="GZ6" s="47" t="s">
        <v>51</v>
      </c>
      <c r="HA6" s="48" t="s">
        <v>45</v>
      </c>
      <c r="HB6" s="53" t="s">
        <v>52</v>
      </c>
      <c r="HC6" s="397" t="s">
        <v>43</v>
      </c>
      <c r="HD6" s="398" t="s">
        <v>44</v>
      </c>
      <c r="HE6" s="399" t="s">
        <v>45</v>
      </c>
      <c r="HF6" s="400" t="s">
        <v>46</v>
      </c>
      <c r="HG6" s="398" t="s">
        <v>47</v>
      </c>
      <c r="HH6" s="398" t="s">
        <v>48</v>
      </c>
      <c r="HI6" s="398" t="s">
        <v>49</v>
      </c>
      <c r="HJ6" s="398" t="s">
        <v>50</v>
      </c>
      <c r="HK6" s="398" t="s">
        <v>51</v>
      </c>
      <c r="HL6" s="399" t="s">
        <v>45</v>
      </c>
      <c r="HM6" s="401" t="s">
        <v>52</v>
      </c>
      <c r="HN6" s="397" t="s">
        <v>43</v>
      </c>
      <c r="HO6" s="398" t="s">
        <v>44</v>
      </c>
      <c r="HP6" s="399" t="s">
        <v>45</v>
      </c>
      <c r="HQ6" s="400" t="s">
        <v>46</v>
      </c>
      <c r="HR6" s="398" t="s">
        <v>47</v>
      </c>
      <c r="HS6" s="398" t="s">
        <v>48</v>
      </c>
      <c r="HT6" s="398" t="s">
        <v>49</v>
      </c>
      <c r="HU6" s="398" t="s">
        <v>50</v>
      </c>
      <c r="HV6" s="398" t="s">
        <v>51</v>
      </c>
      <c r="HW6" s="399" t="s">
        <v>45</v>
      </c>
      <c r="HX6" s="401" t="s">
        <v>52</v>
      </c>
      <c r="HY6" s="397" t="s">
        <v>43</v>
      </c>
      <c r="HZ6" s="398" t="s">
        <v>44</v>
      </c>
      <c r="IA6" s="399" t="s">
        <v>45</v>
      </c>
      <c r="IB6" s="400" t="s">
        <v>46</v>
      </c>
      <c r="IC6" s="398" t="s">
        <v>47</v>
      </c>
      <c r="ID6" s="398" t="s">
        <v>48</v>
      </c>
      <c r="IE6" s="398" t="s">
        <v>49</v>
      </c>
      <c r="IF6" s="398" t="s">
        <v>50</v>
      </c>
      <c r="IG6" s="398" t="s">
        <v>51</v>
      </c>
      <c r="IH6" s="399" t="s">
        <v>45</v>
      </c>
      <c r="II6" s="401" t="s">
        <v>52</v>
      </c>
      <c r="IJ6" s="397" t="s">
        <v>43</v>
      </c>
      <c r="IK6" s="398" t="s">
        <v>44</v>
      </c>
      <c r="IL6" s="399" t="s">
        <v>45</v>
      </c>
      <c r="IM6" s="400" t="s">
        <v>46</v>
      </c>
      <c r="IN6" s="398" t="s">
        <v>47</v>
      </c>
      <c r="IO6" s="398" t="s">
        <v>48</v>
      </c>
      <c r="IP6" s="398" t="s">
        <v>49</v>
      </c>
      <c r="IQ6" s="398" t="s">
        <v>50</v>
      </c>
      <c r="IR6" s="398" t="s">
        <v>51</v>
      </c>
      <c r="IS6" s="399" t="s">
        <v>45</v>
      </c>
      <c r="IT6" s="401" t="s">
        <v>52</v>
      </c>
      <c r="IU6" s="397" t="s">
        <v>43</v>
      </c>
      <c r="IV6" s="398" t="s">
        <v>44</v>
      </c>
      <c r="IW6" s="399" t="s">
        <v>45</v>
      </c>
      <c r="IX6" s="400" t="s">
        <v>46</v>
      </c>
      <c r="IY6" s="398" t="s">
        <v>47</v>
      </c>
      <c r="IZ6" s="398" t="s">
        <v>48</v>
      </c>
      <c r="JA6" s="398" t="s">
        <v>49</v>
      </c>
      <c r="JB6" s="398" t="s">
        <v>50</v>
      </c>
      <c r="JC6" s="398" t="s">
        <v>51</v>
      </c>
      <c r="JD6" s="399" t="s">
        <v>45</v>
      </c>
      <c r="JE6" s="401" t="s">
        <v>52</v>
      </c>
      <c r="JF6" s="397" t="s">
        <v>43</v>
      </c>
      <c r="JG6" s="398" t="s">
        <v>44</v>
      </c>
      <c r="JH6" s="399" t="s">
        <v>45</v>
      </c>
      <c r="JI6" s="400" t="s">
        <v>46</v>
      </c>
      <c r="JJ6" s="398" t="s">
        <v>47</v>
      </c>
      <c r="JK6" s="398" t="s">
        <v>48</v>
      </c>
      <c r="JL6" s="398" t="s">
        <v>49</v>
      </c>
      <c r="JM6" s="398" t="s">
        <v>50</v>
      </c>
      <c r="JN6" s="398" t="s">
        <v>51</v>
      </c>
      <c r="JO6" s="399" t="s">
        <v>45</v>
      </c>
      <c r="JP6" s="401" t="s">
        <v>52</v>
      </c>
      <c r="JQ6" s="397" t="s">
        <v>43</v>
      </c>
      <c r="JR6" s="398" t="s">
        <v>44</v>
      </c>
      <c r="JS6" s="399" t="s">
        <v>45</v>
      </c>
      <c r="JT6" s="400" t="s">
        <v>46</v>
      </c>
      <c r="JU6" s="398" t="s">
        <v>47</v>
      </c>
      <c r="JV6" s="398" t="s">
        <v>48</v>
      </c>
      <c r="JW6" s="398" t="s">
        <v>49</v>
      </c>
      <c r="JX6" s="398" t="s">
        <v>50</v>
      </c>
      <c r="JY6" s="398" t="s">
        <v>51</v>
      </c>
      <c r="JZ6" s="399" t="s">
        <v>45</v>
      </c>
      <c r="KA6" s="401" t="s">
        <v>52</v>
      </c>
      <c r="KB6" s="397" t="s">
        <v>43</v>
      </c>
      <c r="KC6" s="398" t="s">
        <v>44</v>
      </c>
      <c r="KD6" s="399" t="s">
        <v>45</v>
      </c>
      <c r="KE6" s="400" t="s">
        <v>46</v>
      </c>
      <c r="KF6" s="398" t="s">
        <v>47</v>
      </c>
      <c r="KG6" s="398" t="s">
        <v>48</v>
      </c>
      <c r="KH6" s="398" t="s">
        <v>49</v>
      </c>
      <c r="KI6" s="398" t="s">
        <v>50</v>
      </c>
      <c r="KJ6" s="398" t="s">
        <v>51</v>
      </c>
      <c r="KK6" s="399" t="s">
        <v>45</v>
      </c>
      <c r="KL6" s="401" t="s">
        <v>52</v>
      </c>
    </row>
    <row r="7" spans="1:298" ht="19.5" customHeight="1" x14ac:dyDescent="0.2">
      <c r="A7" s="129" t="s">
        <v>4</v>
      </c>
      <c r="B7" s="346">
        <v>19430</v>
      </c>
      <c r="C7" s="79">
        <v>19525</v>
      </c>
      <c r="D7" s="80">
        <v>38955</v>
      </c>
      <c r="E7" s="273"/>
      <c r="F7" s="79">
        <v>29480</v>
      </c>
      <c r="G7" s="79">
        <v>28883</v>
      </c>
      <c r="H7" s="79">
        <v>19965</v>
      </c>
      <c r="I7" s="79">
        <v>16495</v>
      </c>
      <c r="J7" s="79">
        <v>10225</v>
      </c>
      <c r="K7" s="81">
        <v>105048</v>
      </c>
      <c r="L7" s="82">
        <v>144003</v>
      </c>
      <c r="M7" s="67">
        <v>843</v>
      </c>
      <c r="N7" s="68">
        <v>1070</v>
      </c>
      <c r="O7" s="69">
        <v>1913</v>
      </c>
      <c r="P7" s="276"/>
      <c r="Q7" s="68">
        <v>1380</v>
      </c>
      <c r="R7" s="68">
        <v>1664</v>
      </c>
      <c r="S7" s="68">
        <v>1054</v>
      </c>
      <c r="T7" s="68">
        <v>946</v>
      </c>
      <c r="U7" s="68">
        <v>778</v>
      </c>
      <c r="V7" s="69">
        <v>5822</v>
      </c>
      <c r="W7" s="70">
        <v>7735</v>
      </c>
      <c r="X7" s="67">
        <v>2077</v>
      </c>
      <c r="Y7" s="68">
        <v>2391</v>
      </c>
      <c r="Z7" s="69">
        <v>4468</v>
      </c>
      <c r="AA7" s="276"/>
      <c r="AB7" s="68">
        <v>3181</v>
      </c>
      <c r="AC7" s="68">
        <v>3669</v>
      </c>
      <c r="AD7" s="68">
        <v>2587</v>
      </c>
      <c r="AE7" s="68">
        <v>2105</v>
      </c>
      <c r="AF7" s="68">
        <v>1567</v>
      </c>
      <c r="AG7" s="69">
        <v>13109</v>
      </c>
      <c r="AH7" s="70">
        <v>17577</v>
      </c>
      <c r="AI7" s="67">
        <v>3028</v>
      </c>
      <c r="AJ7" s="68">
        <v>3167</v>
      </c>
      <c r="AK7" s="69">
        <v>6195</v>
      </c>
      <c r="AL7" s="276"/>
      <c r="AM7" s="68">
        <v>4709</v>
      </c>
      <c r="AN7" s="68">
        <v>4711</v>
      </c>
      <c r="AO7" s="68">
        <v>3211</v>
      </c>
      <c r="AP7" s="68">
        <v>2702</v>
      </c>
      <c r="AQ7" s="68">
        <v>1825</v>
      </c>
      <c r="AR7" s="69">
        <v>17158</v>
      </c>
      <c r="AS7" s="70">
        <v>23353</v>
      </c>
      <c r="AT7" s="67">
        <v>5027</v>
      </c>
      <c r="AU7" s="68">
        <v>4763</v>
      </c>
      <c r="AV7" s="69">
        <v>9790</v>
      </c>
      <c r="AW7" s="276"/>
      <c r="AX7" s="68">
        <v>7332</v>
      </c>
      <c r="AY7" s="68">
        <v>6684</v>
      </c>
      <c r="AZ7" s="68">
        <v>4599</v>
      </c>
      <c r="BA7" s="68">
        <v>3721</v>
      </c>
      <c r="BB7" s="68">
        <v>2379</v>
      </c>
      <c r="BC7" s="69">
        <v>24715</v>
      </c>
      <c r="BD7" s="70">
        <v>34505</v>
      </c>
      <c r="BE7" s="67">
        <v>5410</v>
      </c>
      <c r="BF7" s="68">
        <v>5000</v>
      </c>
      <c r="BG7" s="69">
        <v>10410</v>
      </c>
      <c r="BH7" s="276"/>
      <c r="BI7" s="68">
        <v>7753</v>
      </c>
      <c r="BJ7" s="68">
        <v>6917</v>
      </c>
      <c r="BK7" s="68">
        <v>4775</v>
      </c>
      <c r="BL7" s="68">
        <v>3846</v>
      </c>
      <c r="BM7" s="68">
        <v>2076</v>
      </c>
      <c r="BN7" s="69">
        <v>25367</v>
      </c>
      <c r="BO7" s="70">
        <v>35777</v>
      </c>
      <c r="BP7" s="67">
        <v>3045</v>
      </c>
      <c r="BQ7" s="68">
        <v>3134</v>
      </c>
      <c r="BR7" s="69">
        <v>6179</v>
      </c>
      <c r="BS7" s="276"/>
      <c r="BT7" s="68">
        <v>5125</v>
      </c>
      <c r="BU7" s="68">
        <v>5238</v>
      </c>
      <c r="BV7" s="68">
        <v>3739</v>
      </c>
      <c r="BW7" s="68">
        <v>3175</v>
      </c>
      <c r="BX7" s="68">
        <v>1600</v>
      </c>
      <c r="BY7" s="69">
        <v>18877</v>
      </c>
      <c r="BZ7" s="70">
        <v>25056</v>
      </c>
      <c r="CA7" s="67">
        <v>444</v>
      </c>
      <c r="CB7" s="68">
        <v>752</v>
      </c>
      <c r="CC7" s="69">
        <v>1196</v>
      </c>
      <c r="CD7" s="276"/>
      <c r="CE7" s="68">
        <v>834</v>
      </c>
      <c r="CF7" s="68">
        <v>1321</v>
      </c>
      <c r="CG7" s="68">
        <v>845</v>
      </c>
      <c r="CH7" s="68">
        <v>731</v>
      </c>
      <c r="CI7" s="68">
        <v>718</v>
      </c>
      <c r="CJ7" s="69">
        <v>4449</v>
      </c>
      <c r="CK7" s="70">
        <v>5645</v>
      </c>
      <c r="CL7" s="67">
        <v>19874</v>
      </c>
      <c r="CM7" s="68">
        <v>20277</v>
      </c>
      <c r="CN7" s="69">
        <v>40151</v>
      </c>
      <c r="CO7" s="276"/>
      <c r="CP7" s="68">
        <v>30314</v>
      </c>
      <c r="CQ7" s="68">
        <v>30204</v>
      </c>
      <c r="CR7" s="68">
        <v>20810</v>
      </c>
      <c r="CS7" s="68">
        <v>17226</v>
      </c>
      <c r="CT7" s="68">
        <v>10943</v>
      </c>
      <c r="CU7" s="69">
        <v>109497</v>
      </c>
      <c r="CV7" s="70">
        <v>149648</v>
      </c>
      <c r="CW7" s="126">
        <v>37068</v>
      </c>
      <c r="CX7" s="79">
        <v>42978</v>
      </c>
      <c r="CY7" s="80">
        <v>80046</v>
      </c>
      <c r="CZ7" s="273"/>
      <c r="DA7" s="79">
        <v>54237</v>
      </c>
      <c r="DB7" s="79">
        <v>51008</v>
      </c>
      <c r="DC7" s="79">
        <v>37524</v>
      </c>
      <c r="DD7" s="79">
        <v>36868</v>
      </c>
      <c r="DE7" s="79">
        <v>24933</v>
      </c>
      <c r="DF7" s="81">
        <v>204570</v>
      </c>
      <c r="DG7" s="82">
        <v>284616</v>
      </c>
      <c r="DH7" s="67">
        <v>875</v>
      </c>
      <c r="DI7" s="68">
        <v>1072</v>
      </c>
      <c r="DJ7" s="69">
        <v>1947</v>
      </c>
      <c r="DK7" s="276"/>
      <c r="DL7" s="68">
        <v>1081</v>
      </c>
      <c r="DM7" s="68">
        <v>1153</v>
      </c>
      <c r="DN7" s="68">
        <v>761</v>
      </c>
      <c r="DO7" s="68">
        <v>700</v>
      </c>
      <c r="DP7" s="68">
        <v>610</v>
      </c>
      <c r="DQ7" s="69">
        <v>4305</v>
      </c>
      <c r="DR7" s="70">
        <v>6252</v>
      </c>
      <c r="DS7" s="67">
        <v>2871</v>
      </c>
      <c r="DT7" s="68">
        <v>3346</v>
      </c>
      <c r="DU7" s="69">
        <v>6217</v>
      </c>
      <c r="DV7" s="276"/>
      <c r="DW7" s="68">
        <v>3298</v>
      </c>
      <c r="DX7" s="68">
        <v>3207</v>
      </c>
      <c r="DY7" s="68">
        <v>1926</v>
      </c>
      <c r="DZ7" s="68">
        <v>1839</v>
      </c>
      <c r="EA7" s="68">
        <v>1582</v>
      </c>
      <c r="EB7" s="69">
        <v>11852</v>
      </c>
      <c r="EC7" s="70">
        <v>18069</v>
      </c>
      <c r="ED7" s="67">
        <v>5993</v>
      </c>
      <c r="EE7" s="68">
        <v>6386</v>
      </c>
      <c r="EF7" s="69">
        <v>12379</v>
      </c>
      <c r="EG7" s="276"/>
      <c r="EH7" s="68">
        <v>6681</v>
      </c>
      <c r="EI7" s="68">
        <v>5467</v>
      </c>
      <c r="EJ7" s="68">
        <v>3590</v>
      </c>
      <c r="EK7" s="68">
        <v>3244</v>
      </c>
      <c r="EL7" s="68">
        <v>2558</v>
      </c>
      <c r="EM7" s="69">
        <v>21540</v>
      </c>
      <c r="EN7" s="70">
        <v>33919</v>
      </c>
      <c r="EO7" s="67">
        <v>10961</v>
      </c>
      <c r="EP7" s="68">
        <v>11315</v>
      </c>
      <c r="EQ7" s="69">
        <v>22276</v>
      </c>
      <c r="ER7" s="276"/>
      <c r="ES7" s="68">
        <v>13059</v>
      </c>
      <c r="ET7" s="68">
        <v>10664</v>
      </c>
      <c r="EU7" s="68">
        <v>6768</v>
      </c>
      <c r="EV7" s="68">
        <v>6329</v>
      </c>
      <c r="EW7" s="68">
        <v>4417</v>
      </c>
      <c r="EX7" s="69">
        <v>41237</v>
      </c>
      <c r="EY7" s="70">
        <v>63513</v>
      </c>
      <c r="EZ7" s="67">
        <v>10867</v>
      </c>
      <c r="FA7" s="68">
        <v>12852</v>
      </c>
      <c r="FB7" s="69">
        <v>23719</v>
      </c>
      <c r="FC7" s="276"/>
      <c r="FD7" s="68">
        <v>16601</v>
      </c>
      <c r="FE7" s="68">
        <v>14556</v>
      </c>
      <c r="FF7" s="68">
        <v>10347</v>
      </c>
      <c r="FG7" s="68">
        <v>9704</v>
      </c>
      <c r="FH7" s="68">
        <v>6412</v>
      </c>
      <c r="FI7" s="69">
        <v>57620</v>
      </c>
      <c r="FJ7" s="70">
        <v>81339</v>
      </c>
      <c r="FK7" s="67">
        <v>5501</v>
      </c>
      <c r="FL7" s="68">
        <v>8007</v>
      </c>
      <c r="FM7" s="69">
        <v>13508</v>
      </c>
      <c r="FN7" s="276"/>
      <c r="FO7" s="68">
        <v>13517</v>
      </c>
      <c r="FP7" s="68">
        <v>15961</v>
      </c>
      <c r="FQ7" s="68">
        <v>14132</v>
      </c>
      <c r="FR7" s="68">
        <v>15052</v>
      </c>
      <c r="FS7" s="68">
        <v>9354</v>
      </c>
      <c r="FT7" s="69">
        <v>68016</v>
      </c>
      <c r="FU7" s="70">
        <v>81524</v>
      </c>
      <c r="FV7" s="67">
        <v>384</v>
      </c>
      <c r="FW7" s="68">
        <v>686</v>
      </c>
      <c r="FX7" s="69">
        <v>1070</v>
      </c>
      <c r="FY7" s="276"/>
      <c r="FZ7" s="68">
        <v>626</v>
      </c>
      <c r="GA7" s="68">
        <v>992</v>
      </c>
      <c r="GB7" s="68">
        <v>614</v>
      </c>
      <c r="GC7" s="68">
        <v>572</v>
      </c>
      <c r="GD7" s="68">
        <v>582</v>
      </c>
      <c r="GE7" s="69">
        <v>3386</v>
      </c>
      <c r="GF7" s="70">
        <v>4456</v>
      </c>
      <c r="GG7" s="67">
        <v>37452</v>
      </c>
      <c r="GH7" s="68">
        <v>43664</v>
      </c>
      <c r="GI7" s="69">
        <v>81116</v>
      </c>
      <c r="GJ7" s="276"/>
      <c r="GK7" s="68">
        <v>54863</v>
      </c>
      <c r="GL7" s="68">
        <v>52000</v>
      </c>
      <c r="GM7" s="68">
        <v>38138</v>
      </c>
      <c r="GN7" s="68">
        <v>37440</v>
      </c>
      <c r="GO7" s="68">
        <v>25515</v>
      </c>
      <c r="GP7" s="69">
        <v>207956</v>
      </c>
      <c r="GQ7" s="70">
        <v>289072</v>
      </c>
      <c r="GR7" s="126">
        <v>56498</v>
      </c>
      <c r="GS7" s="79">
        <v>62503</v>
      </c>
      <c r="GT7" s="80">
        <v>119001</v>
      </c>
      <c r="GU7" s="273"/>
      <c r="GV7" s="79">
        <v>83717</v>
      </c>
      <c r="GW7" s="79">
        <v>79891</v>
      </c>
      <c r="GX7" s="79">
        <v>57489</v>
      </c>
      <c r="GY7" s="79">
        <v>53363</v>
      </c>
      <c r="GZ7" s="79">
        <v>35158</v>
      </c>
      <c r="HA7" s="81">
        <v>309618</v>
      </c>
      <c r="HB7" s="82">
        <v>428619</v>
      </c>
      <c r="HC7" s="67">
        <v>1718</v>
      </c>
      <c r="HD7" s="68">
        <v>2142</v>
      </c>
      <c r="HE7" s="69">
        <v>3860</v>
      </c>
      <c r="HF7" s="276"/>
      <c r="HG7" s="68">
        <v>2461</v>
      </c>
      <c r="HH7" s="68">
        <v>2817</v>
      </c>
      <c r="HI7" s="68">
        <v>1815</v>
      </c>
      <c r="HJ7" s="68">
        <v>1646</v>
      </c>
      <c r="HK7" s="68">
        <v>1388</v>
      </c>
      <c r="HL7" s="69">
        <v>10127</v>
      </c>
      <c r="HM7" s="70">
        <v>13987</v>
      </c>
      <c r="HN7" s="67">
        <v>4948</v>
      </c>
      <c r="HO7" s="68">
        <v>5737</v>
      </c>
      <c r="HP7" s="69">
        <v>10685</v>
      </c>
      <c r="HQ7" s="276"/>
      <c r="HR7" s="68">
        <v>6479</v>
      </c>
      <c r="HS7" s="68">
        <v>6876</v>
      </c>
      <c r="HT7" s="68">
        <v>4513</v>
      </c>
      <c r="HU7" s="68">
        <v>3944</v>
      </c>
      <c r="HV7" s="68">
        <v>3149</v>
      </c>
      <c r="HW7" s="69">
        <v>24961</v>
      </c>
      <c r="HX7" s="70">
        <v>35646</v>
      </c>
      <c r="HY7" s="67">
        <v>9021</v>
      </c>
      <c r="HZ7" s="68">
        <v>9553</v>
      </c>
      <c r="IA7" s="69">
        <v>18574</v>
      </c>
      <c r="IB7" s="276"/>
      <c r="IC7" s="68">
        <v>11390</v>
      </c>
      <c r="ID7" s="68">
        <v>10178</v>
      </c>
      <c r="IE7" s="68">
        <v>6801</v>
      </c>
      <c r="IF7" s="68">
        <v>5946</v>
      </c>
      <c r="IG7" s="68">
        <v>4383</v>
      </c>
      <c r="IH7" s="69">
        <v>38698</v>
      </c>
      <c r="II7" s="70">
        <v>57272</v>
      </c>
      <c r="IJ7" s="67">
        <v>15988</v>
      </c>
      <c r="IK7" s="68">
        <v>16078</v>
      </c>
      <c r="IL7" s="69">
        <v>32066</v>
      </c>
      <c r="IM7" s="276">
        <v>0</v>
      </c>
      <c r="IN7" s="68">
        <v>20391</v>
      </c>
      <c r="IO7" s="68">
        <v>17348</v>
      </c>
      <c r="IP7" s="68">
        <v>11367</v>
      </c>
      <c r="IQ7" s="68">
        <v>10050</v>
      </c>
      <c r="IR7" s="68">
        <v>6796</v>
      </c>
      <c r="IS7" s="69">
        <v>65952</v>
      </c>
      <c r="IT7" s="70">
        <v>98018</v>
      </c>
      <c r="IU7" s="67">
        <v>16277</v>
      </c>
      <c r="IV7" s="68">
        <v>17852</v>
      </c>
      <c r="IW7" s="69">
        <v>34129</v>
      </c>
      <c r="IX7" s="276"/>
      <c r="IY7" s="68">
        <v>24354</v>
      </c>
      <c r="IZ7" s="68">
        <v>21473</v>
      </c>
      <c r="JA7" s="68">
        <v>15122</v>
      </c>
      <c r="JB7" s="68">
        <v>13550</v>
      </c>
      <c r="JC7" s="68">
        <v>8488</v>
      </c>
      <c r="JD7" s="69">
        <v>82987</v>
      </c>
      <c r="JE7" s="70">
        <v>117116</v>
      </c>
      <c r="JF7" s="67">
        <v>8546</v>
      </c>
      <c r="JG7" s="68">
        <v>11141</v>
      </c>
      <c r="JH7" s="69">
        <v>19687</v>
      </c>
      <c r="JI7" s="276"/>
      <c r="JJ7" s="68">
        <v>18642</v>
      </c>
      <c r="JK7" s="68">
        <v>21199</v>
      </c>
      <c r="JL7" s="68">
        <v>17871</v>
      </c>
      <c r="JM7" s="68">
        <v>18227</v>
      </c>
      <c r="JN7" s="68">
        <v>10954</v>
      </c>
      <c r="JO7" s="69">
        <v>86893</v>
      </c>
      <c r="JP7" s="70">
        <v>106580</v>
      </c>
      <c r="JQ7" s="67">
        <v>828</v>
      </c>
      <c r="JR7" s="68">
        <v>1438</v>
      </c>
      <c r="JS7" s="69">
        <v>2266</v>
      </c>
      <c r="JT7" s="276"/>
      <c r="JU7" s="68">
        <v>1460</v>
      </c>
      <c r="JV7" s="68">
        <v>2313</v>
      </c>
      <c r="JW7" s="68">
        <v>1459</v>
      </c>
      <c r="JX7" s="68">
        <v>1303</v>
      </c>
      <c r="JY7" s="68">
        <v>1300</v>
      </c>
      <c r="JZ7" s="69">
        <v>7835</v>
      </c>
      <c r="KA7" s="70">
        <v>10101</v>
      </c>
      <c r="KB7" s="67">
        <v>57326</v>
      </c>
      <c r="KC7" s="68">
        <v>63941</v>
      </c>
      <c r="KD7" s="69">
        <v>121267</v>
      </c>
      <c r="KE7" s="276"/>
      <c r="KF7" s="68">
        <v>85177</v>
      </c>
      <c r="KG7" s="68">
        <v>82204</v>
      </c>
      <c r="KH7" s="68">
        <v>58948</v>
      </c>
      <c r="KI7" s="68">
        <v>54666</v>
      </c>
      <c r="KJ7" s="68">
        <v>36458</v>
      </c>
      <c r="KK7" s="69">
        <v>317453</v>
      </c>
      <c r="KL7" s="70">
        <v>438720</v>
      </c>
    </row>
    <row r="8" spans="1:298" ht="19.5" customHeight="1" x14ac:dyDescent="0.2">
      <c r="A8" s="130" t="s">
        <v>5</v>
      </c>
      <c r="B8" s="347">
        <v>7923</v>
      </c>
      <c r="C8" s="83">
        <v>9164</v>
      </c>
      <c r="D8" s="84">
        <v>17087</v>
      </c>
      <c r="E8" s="274"/>
      <c r="F8" s="83">
        <v>9754</v>
      </c>
      <c r="G8" s="83">
        <v>12943</v>
      </c>
      <c r="H8" s="83">
        <v>8296</v>
      </c>
      <c r="I8" s="83">
        <v>6778</v>
      </c>
      <c r="J8" s="83">
        <v>4309</v>
      </c>
      <c r="K8" s="85">
        <v>42080</v>
      </c>
      <c r="L8" s="86">
        <v>59167</v>
      </c>
      <c r="M8" s="71">
        <v>323</v>
      </c>
      <c r="N8" s="72">
        <v>500</v>
      </c>
      <c r="O8" s="73">
        <v>823</v>
      </c>
      <c r="P8" s="277"/>
      <c r="Q8" s="72">
        <v>416</v>
      </c>
      <c r="R8" s="72">
        <v>763</v>
      </c>
      <c r="S8" s="72">
        <v>397</v>
      </c>
      <c r="T8" s="72">
        <v>396</v>
      </c>
      <c r="U8" s="72">
        <v>318</v>
      </c>
      <c r="V8" s="73">
        <v>2290</v>
      </c>
      <c r="W8" s="74">
        <v>3113</v>
      </c>
      <c r="X8" s="71">
        <v>792</v>
      </c>
      <c r="Y8" s="72">
        <v>1085</v>
      </c>
      <c r="Z8" s="73">
        <v>1877</v>
      </c>
      <c r="AA8" s="277"/>
      <c r="AB8" s="72">
        <v>1000</v>
      </c>
      <c r="AC8" s="72">
        <v>1613</v>
      </c>
      <c r="AD8" s="72">
        <v>1083</v>
      </c>
      <c r="AE8" s="72">
        <v>864</v>
      </c>
      <c r="AF8" s="72">
        <v>698</v>
      </c>
      <c r="AG8" s="73">
        <v>5258</v>
      </c>
      <c r="AH8" s="74">
        <v>7135</v>
      </c>
      <c r="AI8" s="71">
        <v>1191</v>
      </c>
      <c r="AJ8" s="72">
        <v>1464</v>
      </c>
      <c r="AK8" s="73">
        <v>2655</v>
      </c>
      <c r="AL8" s="277"/>
      <c r="AM8" s="72">
        <v>1476</v>
      </c>
      <c r="AN8" s="72">
        <v>2123</v>
      </c>
      <c r="AO8" s="72">
        <v>1321</v>
      </c>
      <c r="AP8" s="72">
        <v>1101</v>
      </c>
      <c r="AQ8" s="72">
        <v>717</v>
      </c>
      <c r="AR8" s="73">
        <v>6738</v>
      </c>
      <c r="AS8" s="74">
        <v>9393</v>
      </c>
      <c r="AT8" s="71">
        <v>2045</v>
      </c>
      <c r="AU8" s="72">
        <v>2222</v>
      </c>
      <c r="AV8" s="73">
        <v>4267</v>
      </c>
      <c r="AW8" s="277"/>
      <c r="AX8" s="72">
        <v>2375</v>
      </c>
      <c r="AY8" s="72">
        <v>2839</v>
      </c>
      <c r="AZ8" s="72">
        <v>1845</v>
      </c>
      <c r="BA8" s="72">
        <v>1514</v>
      </c>
      <c r="BB8" s="72">
        <v>1009</v>
      </c>
      <c r="BC8" s="73">
        <v>9582</v>
      </c>
      <c r="BD8" s="74">
        <v>13849</v>
      </c>
      <c r="BE8" s="71">
        <v>2314</v>
      </c>
      <c r="BF8" s="72">
        <v>2379</v>
      </c>
      <c r="BG8" s="73">
        <v>4693</v>
      </c>
      <c r="BH8" s="277"/>
      <c r="BI8" s="72">
        <v>2697</v>
      </c>
      <c r="BJ8" s="72">
        <v>3139</v>
      </c>
      <c r="BK8" s="72">
        <v>1960</v>
      </c>
      <c r="BL8" s="72">
        <v>1563</v>
      </c>
      <c r="BM8" s="72">
        <v>889</v>
      </c>
      <c r="BN8" s="73">
        <v>10248</v>
      </c>
      <c r="BO8" s="74">
        <v>14941</v>
      </c>
      <c r="BP8" s="71">
        <v>1258</v>
      </c>
      <c r="BQ8" s="72">
        <v>1514</v>
      </c>
      <c r="BR8" s="73">
        <v>2772</v>
      </c>
      <c r="BS8" s="277"/>
      <c r="BT8" s="72">
        <v>1790</v>
      </c>
      <c r="BU8" s="72">
        <v>2466</v>
      </c>
      <c r="BV8" s="72">
        <v>1690</v>
      </c>
      <c r="BW8" s="72">
        <v>1340</v>
      </c>
      <c r="BX8" s="72">
        <v>678</v>
      </c>
      <c r="BY8" s="73">
        <v>7964</v>
      </c>
      <c r="BZ8" s="74">
        <v>10736</v>
      </c>
      <c r="CA8" s="71">
        <v>173</v>
      </c>
      <c r="CB8" s="72">
        <v>324</v>
      </c>
      <c r="CC8" s="73">
        <v>497</v>
      </c>
      <c r="CD8" s="277"/>
      <c r="CE8" s="72">
        <v>242</v>
      </c>
      <c r="CF8" s="72">
        <v>591</v>
      </c>
      <c r="CG8" s="72">
        <v>375</v>
      </c>
      <c r="CH8" s="72">
        <v>327</v>
      </c>
      <c r="CI8" s="72">
        <v>333</v>
      </c>
      <c r="CJ8" s="73">
        <v>1868</v>
      </c>
      <c r="CK8" s="74">
        <v>2365</v>
      </c>
      <c r="CL8" s="71">
        <v>8096</v>
      </c>
      <c r="CM8" s="72">
        <v>9488</v>
      </c>
      <c r="CN8" s="73">
        <v>17584</v>
      </c>
      <c r="CO8" s="277"/>
      <c r="CP8" s="72">
        <v>9996</v>
      </c>
      <c r="CQ8" s="72">
        <v>13534</v>
      </c>
      <c r="CR8" s="72">
        <v>8671</v>
      </c>
      <c r="CS8" s="72">
        <v>7105</v>
      </c>
      <c r="CT8" s="72">
        <v>4642</v>
      </c>
      <c r="CU8" s="73">
        <v>43948</v>
      </c>
      <c r="CV8" s="74">
        <v>61532</v>
      </c>
      <c r="CW8" s="127">
        <v>14561</v>
      </c>
      <c r="CX8" s="83">
        <v>19142</v>
      </c>
      <c r="CY8" s="84">
        <v>33703</v>
      </c>
      <c r="CZ8" s="274"/>
      <c r="DA8" s="83">
        <v>18649</v>
      </c>
      <c r="DB8" s="83">
        <v>23298</v>
      </c>
      <c r="DC8" s="83">
        <v>15756</v>
      </c>
      <c r="DD8" s="83">
        <v>15139</v>
      </c>
      <c r="DE8" s="83">
        <v>10392</v>
      </c>
      <c r="DF8" s="85">
        <v>83234</v>
      </c>
      <c r="DG8" s="86">
        <v>116937</v>
      </c>
      <c r="DH8" s="71">
        <v>330</v>
      </c>
      <c r="DI8" s="72">
        <v>454</v>
      </c>
      <c r="DJ8" s="73">
        <v>784</v>
      </c>
      <c r="DK8" s="277"/>
      <c r="DL8" s="72">
        <v>309</v>
      </c>
      <c r="DM8" s="72">
        <v>529</v>
      </c>
      <c r="DN8" s="72">
        <v>299</v>
      </c>
      <c r="DO8" s="72">
        <v>271</v>
      </c>
      <c r="DP8" s="72">
        <v>241</v>
      </c>
      <c r="DQ8" s="73">
        <v>1649</v>
      </c>
      <c r="DR8" s="74">
        <v>2433</v>
      </c>
      <c r="DS8" s="71">
        <v>1064</v>
      </c>
      <c r="DT8" s="72">
        <v>1428</v>
      </c>
      <c r="DU8" s="73">
        <v>2492</v>
      </c>
      <c r="DV8" s="277"/>
      <c r="DW8" s="72">
        <v>1059</v>
      </c>
      <c r="DX8" s="72">
        <v>1410</v>
      </c>
      <c r="DY8" s="72">
        <v>768</v>
      </c>
      <c r="DZ8" s="72">
        <v>744</v>
      </c>
      <c r="EA8" s="72">
        <v>647</v>
      </c>
      <c r="EB8" s="73">
        <v>4628</v>
      </c>
      <c r="EC8" s="74">
        <v>7120</v>
      </c>
      <c r="ED8" s="71">
        <v>2382</v>
      </c>
      <c r="EE8" s="72">
        <v>2816</v>
      </c>
      <c r="EF8" s="73">
        <v>5198</v>
      </c>
      <c r="EG8" s="277"/>
      <c r="EH8" s="72">
        <v>2145</v>
      </c>
      <c r="EI8" s="72">
        <v>2375</v>
      </c>
      <c r="EJ8" s="72">
        <v>1433</v>
      </c>
      <c r="EK8" s="72">
        <v>1258</v>
      </c>
      <c r="EL8" s="72">
        <v>1031</v>
      </c>
      <c r="EM8" s="73">
        <v>8242</v>
      </c>
      <c r="EN8" s="74">
        <v>13440</v>
      </c>
      <c r="EO8" s="71">
        <v>4255</v>
      </c>
      <c r="EP8" s="72">
        <v>4960</v>
      </c>
      <c r="EQ8" s="73">
        <v>9215</v>
      </c>
      <c r="ER8" s="277"/>
      <c r="ES8" s="72">
        <v>4519</v>
      </c>
      <c r="ET8" s="72">
        <v>4867</v>
      </c>
      <c r="EU8" s="72">
        <v>2821</v>
      </c>
      <c r="EV8" s="72">
        <v>2579</v>
      </c>
      <c r="EW8" s="72">
        <v>1789</v>
      </c>
      <c r="EX8" s="73">
        <v>16575</v>
      </c>
      <c r="EY8" s="74">
        <v>25790</v>
      </c>
      <c r="EZ8" s="71">
        <v>4413</v>
      </c>
      <c r="FA8" s="72">
        <v>5859</v>
      </c>
      <c r="FB8" s="73">
        <v>10272</v>
      </c>
      <c r="FC8" s="277"/>
      <c r="FD8" s="72">
        <v>5968</v>
      </c>
      <c r="FE8" s="72">
        <v>6853</v>
      </c>
      <c r="FF8" s="72">
        <v>4453</v>
      </c>
      <c r="FG8" s="72">
        <v>4088</v>
      </c>
      <c r="FH8" s="72">
        <v>2694</v>
      </c>
      <c r="FI8" s="73">
        <v>24056</v>
      </c>
      <c r="FJ8" s="74">
        <v>34328</v>
      </c>
      <c r="FK8" s="71">
        <v>2117</v>
      </c>
      <c r="FL8" s="72">
        <v>3625</v>
      </c>
      <c r="FM8" s="73">
        <v>5742</v>
      </c>
      <c r="FN8" s="277"/>
      <c r="FO8" s="72">
        <v>4649</v>
      </c>
      <c r="FP8" s="72">
        <v>7264</v>
      </c>
      <c r="FQ8" s="72">
        <v>5982</v>
      </c>
      <c r="FR8" s="72">
        <v>6199</v>
      </c>
      <c r="FS8" s="72">
        <v>3990</v>
      </c>
      <c r="FT8" s="73">
        <v>28084</v>
      </c>
      <c r="FU8" s="74">
        <v>33826</v>
      </c>
      <c r="FV8" s="71">
        <v>169</v>
      </c>
      <c r="FW8" s="72">
        <v>288</v>
      </c>
      <c r="FX8" s="73">
        <v>457</v>
      </c>
      <c r="FY8" s="277"/>
      <c r="FZ8" s="72">
        <v>182</v>
      </c>
      <c r="GA8" s="72">
        <v>449</v>
      </c>
      <c r="GB8" s="72">
        <v>270</v>
      </c>
      <c r="GC8" s="72">
        <v>248</v>
      </c>
      <c r="GD8" s="72">
        <v>234</v>
      </c>
      <c r="GE8" s="73">
        <v>1383</v>
      </c>
      <c r="GF8" s="74">
        <v>1840</v>
      </c>
      <c r="GG8" s="71">
        <v>14730</v>
      </c>
      <c r="GH8" s="72">
        <v>19430</v>
      </c>
      <c r="GI8" s="73">
        <v>34160</v>
      </c>
      <c r="GJ8" s="277"/>
      <c r="GK8" s="72">
        <v>18831</v>
      </c>
      <c r="GL8" s="72">
        <v>23747</v>
      </c>
      <c r="GM8" s="72">
        <v>16026</v>
      </c>
      <c r="GN8" s="72">
        <v>15387</v>
      </c>
      <c r="GO8" s="72">
        <v>10626</v>
      </c>
      <c r="GP8" s="73">
        <v>84617</v>
      </c>
      <c r="GQ8" s="74">
        <v>118777</v>
      </c>
      <c r="GR8" s="127">
        <v>22484</v>
      </c>
      <c r="GS8" s="83">
        <v>28306</v>
      </c>
      <c r="GT8" s="84">
        <v>50790</v>
      </c>
      <c r="GU8" s="274"/>
      <c r="GV8" s="83">
        <v>28403</v>
      </c>
      <c r="GW8" s="83">
        <v>36241</v>
      </c>
      <c r="GX8" s="83">
        <v>24052</v>
      </c>
      <c r="GY8" s="83">
        <v>21917</v>
      </c>
      <c r="GZ8" s="83">
        <v>14701</v>
      </c>
      <c r="HA8" s="85">
        <v>125314</v>
      </c>
      <c r="HB8" s="86">
        <v>176104</v>
      </c>
      <c r="HC8" s="71">
        <v>653</v>
      </c>
      <c r="HD8" s="72">
        <v>954</v>
      </c>
      <c r="HE8" s="73">
        <v>1607</v>
      </c>
      <c r="HF8" s="277"/>
      <c r="HG8" s="72">
        <v>725</v>
      </c>
      <c r="HH8" s="72">
        <v>1292</v>
      </c>
      <c r="HI8" s="72">
        <v>696</v>
      </c>
      <c r="HJ8" s="72">
        <v>667</v>
      </c>
      <c r="HK8" s="72">
        <v>559</v>
      </c>
      <c r="HL8" s="73">
        <v>3939</v>
      </c>
      <c r="HM8" s="74">
        <v>5546</v>
      </c>
      <c r="HN8" s="71">
        <v>1856</v>
      </c>
      <c r="HO8" s="72">
        <v>2513</v>
      </c>
      <c r="HP8" s="73">
        <v>4369</v>
      </c>
      <c r="HQ8" s="277"/>
      <c r="HR8" s="72">
        <v>2059</v>
      </c>
      <c r="HS8" s="72">
        <v>3023</v>
      </c>
      <c r="HT8" s="72">
        <v>1851</v>
      </c>
      <c r="HU8" s="72">
        <v>1608</v>
      </c>
      <c r="HV8" s="72">
        <v>1345</v>
      </c>
      <c r="HW8" s="73">
        <v>9886</v>
      </c>
      <c r="HX8" s="74">
        <v>14255</v>
      </c>
      <c r="HY8" s="71">
        <v>3573</v>
      </c>
      <c r="HZ8" s="72">
        <v>4280</v>
      </c>
      <c r="IA8" s="73">
        <v>7853</v>
      </c>
      <c r="IB8" s="277"/>
      <c r="IC8" s="72">
        <v>3621</v>
      </c>
      <c r="ID8" s="72">
        <v>4498</v>
      </c>
      <c r="IE8" s="72">
        <v>2754</v>
      </c>
      <c r="IF8" s="72">
        <v>2359</v>
      </c>
      <c r="IG8" s="72">
        <v>1748</v>
      </c>
      <c r="IH8" s="73">
        <v>14980</v>
      </c>
      <c r="II8" s="74">
        <v>22833</v>
      </c>
      <c r="IJ8" s="71">
        <v>6300</v>
      </c>
      <c r="IK8" s="72">
        <v>7182</v>
      </c>
      <c r="IL8" s="73">
        <v>13482</v>
      </c>
      <c r="IM8" s="277">
        <v>0</v>
      </c>
      <c r="IN8" s="72">
        <v>6894</v>
      </c>
      <c r="IO8" s="72">
        <v>7706</v>
      </c>
      <c r="IP8" s="72">
        <v>4666</v>
      </c>
      <c r="IQ8" s="72">
        <v>4093</v>
      </c>
      <c r="IR8" s="72">
        <v>2798</v>
      </c>
      <c r="IS8" s="73">
        <v>26157</v>
      </c>
      <c r="IT8" s="74">
        <v>39639</v>
      </c>
      <c r="IU8" s="71">
        <v>6727</v>
      </c>
      <c r="IV8" s="72">
        <v>8238</v>
      </c>
      <c r="IW8" s="73">
        <v>14965</v>
      </c>
      <c r="IX8" s="277"/>
      <c r="IY8" s="72">
        <v>8665</v>
      </c>
      <c r="IZ8" s="72">
        <v>9992</v>
      </c>
      <c r="JA8" s="72">
        <v>6413</v>
      </c>
      <c r="JB8" s="72">
        <v>5651</v>
      </c>
      <c r="JC8" s="72">
        <v>3583</v>
      </c>
      <c r="JD8" s="73">
        <v>34304</v>
      </c>
      <c r="JE8" s="74">
        <v>49269</v>
      </c>
      <c r="JF8" s="71">
        <v>3375</v>
      </c>
      <c r="JG8" s="72">
        <v>5139</v>
      </c>
      <c r="JH8" s="73">
        <v>8514</v>
      </c>
      <c r="JI8" s="277"/>
      <c r="JJ8" s="72">
        <v>6439</v>
      </c>
      <c r="JK8" s="72">
        <v>9730</v>
      </c>
      <c r="JL8" s="72">
        <v>7672</v>
      </c>
      <c r="JM8" s="72">
        <v>7539</v>
      </c>
      <c r="JN8" s="72">
        <v>4668</v>
      </c>
      <c r="JO8" s="73">
        <v>36048</v>
      </c>
      <c r="JP8" s="74">
        <v>44562</v>
      </c>
      <c r="JQ8" s="71">
        <v>342</v>
      </c>
      <c r="JR8" s="72">
        <v>612</v>
      </c>
      <c r="JS8" s="73">
        <v>954</v>
      </c>
      <c r="JT8" s="277"/>
      <c r="JU8" s="72">
        <v>424</v>
      </c>
      <c r="JV8" s="72">
        <v>1040</v>
      </c>
      <c r="JW8" s="72">
        <v>645</v>
      </c>
      <c r="JX8" s="72">
        <v>575</v>
      </c>
      <c r="JY8" s="72">
        <v>567</v>
      </c>
      <c r="JZ8" s="73">
        <v>3251</v>
      </c>
      <c r="KA8" s="74">
        <v>4205</v>
      </c>
      <c r="KB8" s="71">
        <v>22826</v>
      </c>
      <c r="KC8" s="72">
        <v>28918</v>
      </c>
      <c r="KD8" s="73">
        <v>51744</v>
      </c>
      <c r="KE8" s="277"/>
      <c r="KF8" s="72">
        <v>28827</v>
      </c>
      <c r="KG8" s="72">
        <v>37281</v>
      </c>
      <c r="KH8" s="72">
        <v>24697</v>
      </c>
      <c r="KI8" s="72">
        <v>22492</v>
      </c>
      <c r="KJ8" s="72">
        <v>15268</v>
      </c>
      <c r="KK8" s="73">
        <v>128565</v>
      </c>
      <c r="KL8" s="74">
        <v>180309</v>
      </c>
    </row>
    <row r="9" spans="1:298" ht="19.5" customHeight="1" x14ac:dyDescent="0.2">
      <c r="A9" s="130" t="s">
        <v>6</v>
      </c>
      <c r="B9" s="347">
        <v>2677</v>
      </c>
      <c r="C9" s="83">
        <v>2276</v>
      </c>
      <c r="D9" s="84">
        <v>4953</v>
      </c>
      <c r="E9" s="274"/>
      <c r="F9" s="83">
        <v>4885</v>
      </c>
      <c r="G9" s="83">
        <v>3649</v>
      </c>
      <c r="H9" s="83">
        <v>2779</v>
      </c>
      <c r="I9" s="83">
        <v>2440</v>
      </c>
      <c r="J9" s="83">
        <v>1648</v>
      </c>
      <c r="K9" s="85">
        <v>15401</v>
      </c>
      <c r="L9" s="86">
        <v>20354</v>
      </c>
      <c r="M9" s="71">
        <v>128</v>
      </c>
      <c r="N9" s="72">
        <v>142</v>
      </c>
      <c r="O9" s="73">
        <v>270</v>
      </c>
      <c r="P9" s="277"/>
      <c r="Q9" s="72">
        <v>285</v>
      </c>
      <c r="R9" s="72">
        <v>245</v>
      </c>
      <c r="S9" s="72">
        <v>161</v>
      </c>
      <c r="T9" s="72">
        <v>157</v>
      </c>
      <c r="U9" s="72">
        <v>139</v>
      </c>
      <c r="V9" s="73">
        <v>987</v>
      </c>
      <c r="W9" s="74">
        <v>1257</v>
      </c>
      <c r="X9" s="71">
        <v>326</v>
      </c>
      <c r="Y9" s="72">
        <v>316</v>
      </c>
      <c r="Z9" s="73">
        <v>642</v>
      </c>
      <c r="AA9" s="277"/>
      <c r="AB9" s="72">
        <v>589</v>
      </c>
      <c r="AC9" s="72">
        <v>518</v>
      </c>
      <c r="AD9" s="72">
        <v>384</v>
      </c>
      <c r="AE9" s="72">
        <v>353</v>
      </c>
      <c r="AF9" s="72">
        <v>252</v>
      </c>
      <c r="AG9" s="73">
        <v>2096</v>
      </c>
      <c r="AH9" s="74">
        <v>2738</v>
      </c>
      <c r="AI9" s="71">
        <v>400</v>
      </c>
      <c r="AJ9" s="72">
        <v>390</v>
      </c>
      <c r="AK9" s="73">
        <v>790</v>
      </c>
      <c r="AL9" s="277"/>
      <c r="AM9" s="72">
        <v>807</v>
      </c>
      <c r="AN9" s="72">
        <v>617</v>
      </c>
      <c r="AO9" s="72">
        <v>451</v>
      </c>
      <c r="AP9" s="72">
        <v>407</v>
      </c>
      <c r="AQ9" s="72">
        <v>290</v>
      </c>
      <c r="AR9" s="73">
        <v>2572</v>
      </c>
      <c r="AS9" s="74">
        <v>3362</v>
      </c>
      <c r="AT9" s="71">
        <v>678</v>
      </c>
      <c r="AU9" s="72">
        <v>488</v>
      </c>
      <c r="AV9" s="73">
        <v>1166</v>
      </c>
      <c r="AW9" s="277"/>
      <c r="AX9" s="72">
        <v>1199</v>
      </c>
      <c r="AY9" s="72">
        <v>831</v>
      </c>
      <c r="AZ9" s="72">
        <v>681</v>
      </c>
      <c r="BA9" s="72">
        <v>525</v>
      </c>
      <c r="BB9" s="72">
        <v>352</v>
      </c>
      <c r="BC9" s="73">
        <v>3588</v>
      </c>
      <c r="BD9" s="74">
        <v>4754</v>
      </c>
      <c r="BE9" s="71">
        <v>720</v>
      </c>
      <c r="BF9" s="72">
        <v>602</v>
      </c>
      <c r="BG9" s="73">
        <v>1322</v>
      </c>
      <c r="BH9" s="277"/>
      <c r="BI9" s="72">
        <v>1188</v>
      </c>
      <c r="BJ9" s="72">
        <v>816</v>
      </c>
      <c r="BK9" s="72">
        <v>649</v>
      </c>
      <c r="BL9" s="72">
        <v>555</v>
      </c>
      <c r="BM9" s="72">
        <v>360</v>
      </c>
      <c r="BN9" s="73">
        <v>3568</v>
      </c>
      <c r="BO9" s="74">
        <v>4890</v>
      </c>
      <c r="BP9" s="71">
        <v>425</v>
      </c>
      <c r="BQ9" s="72">
        <v>338</v>
      </c>
      <c r="BR9" s="73">
        <v>763</v>
      </c>
      <c r="BS9" s="277"/>
      <c r="BT9" s="72">
        <v>817</v>
      </c>
      <c r="BU9" s="72">
        <v>622</v>
      </c>
      <c r="BV9" s="72">
        <v>453</v>
      </c>
      <c r="BW9" s="72">
        <v>443</v>
      </c>
      <c r="BX9" s="72">
        <v>255</v>
      </c>
      <c r="BY9" s="73">
        <v>2590</v>
      </c>
      <c r="BZ9" s="74">
        <v>3353</v>
      </c>
      <c r="CA9" s="71">
        <v>77</v>
      </c>
      <c r="CB9" s="72">
        <v>98</v>
      </c>
      <c r="CC9" s="73">
        <v>175</v>
      </c>
      <c r="CD9" s="277"/>
      <c r="CE9" s="72">
        <v>166</v>
      </c>
      <c r="CF9" s="72">
        <v>187</v>
      </c>
      <c r="CG9" s="72">
        <v>130</v>
      </c>
      <c r="CH9" s="72">
        <v>123</v>
      </c>
      <c r="CI9" s="72">
        <v>115</v>
      </c>
      <c r="CJ9" s="73">
        <v>721</v>
      </c>
      <c r="CK9" s="74">
        <v>896</v>
      </c>
      <c r="CL9" s="71">
        <v>2754</v>
      </c>
      <c r="CM9" s="72">
        <v>2374</v>
      </c>
      <c r="CN9" s="73">
        <v>5128</v>
      </c>
      <c r="CO9" s="277"/>
      <c r="CP9" s="72">
        <v>5051</v>
      </c>
      <c r="CQ9" s="72">
        <v>3836</v>
      </c>
      <c r="CR9" s="72">
        <v>2909</v>
      </c>
      <c r="CS9" s="72">
        <v>2563</v>
      </c>
      <c r="CT9" s="72">
        <v>1763</v>
      </c>
      <c r="CU9" s="73">
        <v>16122</v>
      </c>
      <c r="CV9" s="74">
        <v>21250</v>
      </c>
      <c r="CW9" s="127">
        <v>5150</v>
      </c>
      <c r="CX9" s="83">
        <v>5253</v>
      </c>
      <c r="CY9" s="84">
        <v>10403</v>
      </c>
      <c r="CZ9" s="274"/>
      <c r="DA9" s="83">
        <v>8687</v>
      </c>
      <c r="DB9" s="83">
        <v>6454</v>
      </c>
      <c r="DC9" s="83">
        <v>5115</v>
      </c>
      <c r="DD9" s="83">
        <v>5338</v>
      </c>
      <c r="DE9" s="83">
        <v>3585</v>
      </c>
      <c r="DF9" s="85">
        <v>29179</v>
      </c>
      <c r="DG9" s="86">
        <v>39582</v>
      </c>
      <c r="DH9" s="71">
        <v>135</v>
      </c>
      <c r="DI9" s="72">
        <v>121</v>
      </c>
      <c r="DJ9" s="73">
        <v>256</v>
      </c>
      <c r="DK9" s="277"/>
      <c r="DL9" s="72">
        <v>209</v>
      </c>
      <c r="DM9" s="72">
        <v>156</v>
      </c>
      <c r="DN9" s="72">
        <v>120</v>
      </c>
      <c r="DO9" s="72">
        <v>114</v>
      </c>
      <c r="DP9" s="72">
        <v>91</v>
      </c>
      <c r="DQ9" s="73">
        <v>690</v>
      </c>
      <c r="DR9" s="74">
        <v>946</v>
      </c>
      <c r="DS9" s="71">
        <v>398</v>
      </c>
      <c r="DT9" s="72">
        <v>394</v>
      </c>
      <c r="DU9" s="73">
        <v>792</v>
      </c>
      <c r="DV9" s="277"/>
      <c r="DW9" s="72">
        <v>527</v>
      </c>
      <c r="DX9" s="72">
        <v>405</v>
      </c>
      <c r="DY9" s="72">
        <v>250</v>
      </c>
      <c r="DZ9" s="72">
        <v>279</v>
      </c>
      <c r="EA9" s="72">
        <v>222</v>
      </c>
      <c r="EB9" s="73">
        <v>1683</v>
      </c>
      <c r="EC9" s="74">
        <v>2475</v>
      </c>
      <c r="ED9" s="71">
        <v>820</v>
      </c>
      <c r="EE9" s="72">
        <v>808</v>
      </c>
      <c r="EF9" s="73">
        <v>1628</v>
      </c>
      <c r="EG9" s="277"/>
      <c r="EH9" s="72">
        <v>1110</v>
      </c>
      <c r="EI9" s="72">
        <v>700</v>
      </c>
      <c r="EJ9" s="72">
        <v>493</v>
      </c>
      <c r="EK9" s="72">
        <v>488</v>
      </c>
      <c r="EL9" s="72">
        <v>319</v>
      </c>
      <c r="EM9" s="73">
        <v>3110</v>
      </c>
      <c r="EN9" s="74">
        <v>4738</v>
      </c>
      <c r="EO9" s="71">
        <v>1547</v>
      </c>
      <c r="EP9" s="72">
        <v>1391</v>
      </c>
      <c r="EQ9" s="73">
        <v>2938</v>
      </c>
      <c r="ER9" s="277"/>
      <c r="ES9" s="72">
        <v>2148</v>
      </c>
      <c r="ET9" s="72">
        <v>1355</v>
      </c>
      <c r="EU9" s="72">
        <v>929</v>
      </c>
      <c r="EV9" s="72">
        <v>907</v>
      </c>
      <c r="EW9" s="72">
        <v>647</v>
      </c>
      <c r="EX9" s="73">
        <v>5986</v>
      </c>
      <c r="EY9" s="74">
        <v>8924</v>
      </c>
      <c r="EZ9" s="71">
        <v>1499</v>
      </c>
      <c r="FA9" s="72">
        <v>1588</v>
      </c>
      <c r="FB9" s="73">
        <v>3087</v>
      </c>
      <c r="FC9" s="277"/>
      <c r="FD9" s="72">
        <v>2628</v>
      </c>
      <c r="FE9" s="72">
        <v>1825</v>
      </c>
      <c r="FF9" s="72">
        <v>1413</v>
      </c>
      <c r="FG9" s="72">
        <v>1416</v>
      </c>
      <c r="FH9" s="72">
        <v>960</v>
      </c>
      <c r="FI9" s="73">
        <v>8242</v>
      </c>
      <c r="FJ9" s="74">
        <v>11329</v>
      </c>
      <c r="FK9" s="71">
        <v>751</v>
      </c>
      <c r="FL9" s="72">
        <v>951</v>
      </c>
      <c r="FM9" s="73">
        <v>1702</v>
      </c>
      <c r="FN9" s="277"/>
      <c r="FO9" s="72">
        <v>2065</v>
      </c>
      <c r="FP9" s="72">
        <v>2013</v>
      </c>
      <c r="FQ9" s="72">
        <v>1910</v>
      </c>
      <c r="FR9" s="72">
        <v>2134</v>
      </c>
      <c r="FS9" s="72">
        <v>1346</v>
      </c>
      <c r="FT9" s="73">
        <v>9468</v>
      </c>
      <c r="FU9" s="74">
        <v>11170</v>
      </c>
      <c r="FV9" s="71">
        <v>53</v>
      </c>
      <c r="FW9" s="72">
        <v>86</v>
      </c>
      <c r="FX9" s="73">
        <v>139</v>
      </c>
      <c r="FY9" s="277"/>
      <c r="FZ9" s="72">
        <v>129</v>
      </c>
      <c r="GA9" s="72">
        <v>128</v>
      </c>
      <c r="GB9" s="72">
        <v>99</v>
      </c>
      <c r="GC9" s="72">
        <v>87</v>
      </c>
      <c r="GD9" s="72">
        <v>79</v>
      </c>
      <c r="GE9" s="73">
        <v>522</v>
      </c>
      <c r="GF9" s="74">
        <v>661</v>
      </c>
      <c r="GG9" s="71">
        <v>5203</v>
      </c>
      <c r="GH9" s="72">
        <v>5339</v>
      </c>
      <c r="GI9" s="73">
        <v>10542</v>
      </c>
      <c r="GJ9" s="277"/>
      <c r="GK9" s="72">
        <v>8816</v>
      </c>
      <c r="GL9" s="72">
        <v>6582</v>
      </c>
      <c r="GM9" s="72">
        <v>5214</v>
      </c>
      <c r="GN9" s="72">
        <v>5425</v>
      </c>
      <c r="GO9" s="72">
        <v>3664</v>
      </c>
      <c r="GP9" s="73">
        <v>29701</v>
      </c>
      <c r="GQ9" s="74">
        <v>40243</v>
      </c>
      <c r="GR9" s="127">
        <v>7827</v>
      </c>
      <c r="GS9" s="83">
        <v>7529</v>
      </c>
      <c r="GT9" s="84">
        <v>15356</v>
      </c>
      <c r="GU9" s="274"/>
      <c r="GV9" s="83">
        <v>13572</v>
      </c>
      <c r="GW9" s="83">
        <v>10103</v>
      </c>
      <c r="GX9" s="83">
        <v>7894</v>
      </c>
      <c r="GY9" s="83">
        <v>7778</v>
      </c>
      <c r="GZ9" s="83">
        <v>5233</v>
      </c>
      <c r="HA9" s="85">
        <v>44580</v>
      </c>
      <c r="HB9" s="86">
        <v>59936</v>
      </c>
      <c r="HC9" s="71">
        <v>263</v>
      </c>
      <c r="HD9" s="72">
        <v>263</v>
      </c>
      <c r="HE9" s="73">
        <v>526</v>
      </c>
      <c r="HF9" s="277"/>
      <c r="HG9" s="72">
        <v>494</v>
      </c>
      <c r="HH9" s="72">
        <v>401</v>
      </c>
      <c r="HI9" s="72">
        <v>281</v>
      </c>
      <c r="HJ9" s="72">
        <v>271</v>
      </c>
      <c r="HK9" s="72">
        <v>230</v>
      </c>
      <c r="HL9" s="73">
        <v>1677</v>
      </c>
      <c r="HM9" s="74">
        <v>2203</v>
      </c>
      <c r="HN9" s="71">
        <v>724</v>
      </c>
      <c r="HO9" s="72">
        <v>710</v>
      </c>
      <c r="HP9" s="73">
        <v>1434</v>
      </c>
      <c r="HQ9" s="277"/>
      <c r="HR9" s="72">
        <v>1116</v>
      </c>
      <c r="HS9" s="72">
        <v>923</v>
      </c>
      <c r="HT9" s="72">
        <v>634</v>
      </c>
      <c r="HU9" s="72">
        <v>632</v>
      </c>
      <c r="HV9" s="72">
        <v>474</v>
      </c>
      <c r="HW9" s="73">
        <v>3779</v>
      </c>
      <c r="HX9" s="74">
        <v>5213</v>
      </c>
      <c r="HY9" s="71">
        <v>1220</v>
      </c>
      <c r="HZ9" s="72">
        <v>1198</v>
      </c>
      <c r="IA9" s="73">
        <v>2418</v>
      </c>
      <c r="IB9" s="277"/>
      <c r="IC9" s="72">
        <v>1917</v>
      </c>
      <c r="ID9" s="72">
        <v>1317</v>
      </c>
      <c r="IE9" s="72">
        <v>944</v>
      </c>
      <c r="IF9" s="72">
        <v>895</v>
      </c>
      <c r="IG9" s="72">
        <v>609</v>
      </c>
      <c r="IH9" s="73">
        <v>5682</v>
      </c>
      <c r="II9" s="74">
        <v>8100</v>
      </c>
      <c r="IJ9" s="71">
        <v>2225</v>
      </c>
      <c r="IK9" s="72">
        <v>1879</v>
      </c>
      <c r="IL9" s="73">
        <v>4104</v>
      </c>
      <c r="IM9" s="277">
        <v>0</v>
      </c>
      <c r="IN9" s="72">
        <v>3347</v>
      </c>
      <c r="IO9" s="72">
        <v>2186</v>
      </c>
      <c r="IP9" s="72">
        <v>1610</v>
      </c>
      <c r="IQ9" s="72">
        <v>1432</v>
      </c>
      <c r="IR9" s="72">
        <v>999</v>
      </c>
      <c r="IS9" s="73">
        <v>9574</v>
      </c>
      <c r="IT9" s="74">
        <v>13678</v>
      </c>
      <c r="IU9" s="71">
        <v>2219</v>
      </c>
      <c r="IV9" s="72">
        <v>2190</v>
      </c>
      <c r="IW9" s="73">
        <v>4409</v>
      </c>
      <c r="IX9" s="277"/>
      <c r="IY9" s="72">
        <v>3816</v>
      </c>
      <c r="IZ9" s="72">
        <v>2641</v>
      </c>
      <c r="JA9" s="72">
        <v>2062</v>
      </c>
      <c r="JB9" s="72">
        <v>1971</v>
      </c>
      <c r="JC9" s="72">
        <v>1320</v>
      </c>
      <c r="JD9" s="73">
        <v>11810</v>
      </c>
      <c r="JE9" s="74">
        <v>16219</v>
      </c>
      <c r="JF9" s="71">
        <v>1176</v>
      </c>
      <c r="JG9" s="72">
        <v>1289</v>
      </c>
      <c r="JH9" s="73">
        <v>2465</v>
      </c>
      <c r="JI9" s="277"/>
      <c r="JJ9" s="72">
        <v>2882</v>
      </c>
      <c r="JK9" s="72">
        <v>2635</v>
      </c>
      <c r="JL9" s="72">
        <v>2363</v>
      </c>
      <c r="JM9" s="72">
        <v>2577</v>
      </c>
      <c r="JN9" s="72">
        <v>1601</v>
      </c>
      <c r="JO9" s="73">
        <v>12058</v>
      </c>
      <c r="JP9" s="74">
        <v>14523</v>
      </c>
      <c r="JQ9" s="71">
        <v>130</v>
      </c>
      <c r="JR9" s="72">
        <v>184</v>
      </c>
      <c r="JS9" s="73">
        <v>314</v>
      </c>
      <c r="JT9" s="277"/>
      <c r="JU9" s="72">
        <v>295</v>
      </c>
      <c r="JV9" s="72">
        <v>315</v>
      </c>
      <c r="JW9" s="72">
        <v>229</v>
      </c>
      <c r="JX9" s="72">
        <v>210</v>
      </c>
      <c r="JY9" s="72">
        <v>194</v>
      </c>
      <c r="JZ9" s="73">
        <v>1243</v>
      </c>
      <c r="KA9" s="74">
        <v>1557</v>
      </c>
      <c r="KB9" s="71">
        <v>7957</v>
      </c>
      <c r="KC9" s="72">
        <v>7713</v>
      </c>
      <c r="KD9" s="73">
        <v>15670</v>
      </c>
      <c r="KE9" s="277"/>
      <c r="KF9" s="72">
        <v>13867</v>
      </c>
      <c r="KG9" s="72">
        <v>10418</v>
      </c>
      <c r="KH9" s="72">
        <v>8123</v>
      </c>
      <c r="KI9" s="72">
        <v>7988</v>
      </c>
      <c r="KJ9" s="72">
        <v>5427</v>
      </c>
      <c r="KK9" s="73">
        <v>45823</v>
      </c>
      <c r="KL9" s="74">
        <v>61493</v>
      </c>
    </row>
    <row r="10" spans="1:298" ht="19.5" customHeight="1" x14ac:dyDescent="0.2">
      <c r="A10" s="130" t="s">
        <v>14</v>
      </c>
      <c r="B10" s="347">
        <v>1474</v>
      </c>
      <c r="C10" s="83">
        <v>1831</v>
      </c>
      <c r="D10" s="84">
        <v>3305</v>
      </c>
      <c r="E10" s="274"/>
      <c r="F10" s="83">
        <v>2197</v>
      </c>
      <c r="G10" s="83">
        <v>2312</v>
      </c>
      <c r="H10" s="83">
        <v>1787</v>
      </c>
      <c r="I10" s="83">
        <v>1442</v>
      </c>
      <c r="J10" s="83">
        <v>891</v>
      </c>
      <c r="K10" s="85">
        <v>8629</v>
      </c>
      <c r="L10" s="86">
        <v>11934</v>
      </c>
      <c r="M10" s="71">
        <v>77</v>
      </c>
      <c r="N10" s="72">
        <v>103</v>
      </c>
      <c r="O10" s="73">
        <v>180</v>
      </c>
      <c r="P10" s="277"/>
      <c r="Q10" s="72">
        <v>102</v>
      </c>
      <c r="R10" s="72">
        <v>124</v>
      </c>
      <c r="S10" s="72">
        <v>105</v>
      </c>
      <c r="T10" s="72">
        <v>87</v>
      </c>
      <c r="U10" s="72">
        <v>75</v>
      </c>
      <c r="V10" s="73">
        <v>493</v>
      </c>
      <c r="W10" s="74">
        <v>673</v>
      </c>
      <c r="X10" s="71">
        <v>162</v>
      </c>
      <c r="Y10" s="72">
        <v>241</v>
      </c>
      <c r="Z10" s="73">
        <v>403</v>
      </c>
      <c r="AA10" s="277"/>
      <c r="AB10" s="72">
        <v>221</v>
      </c>
      <c r="AC10" s="72">
        <v>280</v>
      </c>
      <c r="AD10" s="72">
        <v>237</v>
      </c>
      <c r="AE10" s="72">
        <v>186</v>
      </c>
      <c r="AF10" s="72">
        <v>129</v>
      </c>
      <c r="AG10" s="73">
        <v>1053</v>
      </c>
      <c r="AH10" s="74">
        <v>1456</v>
      </c>
      <c r="AI10" s="71">
        <v>246</v>
      </c>
      <c r="AJ10" s="72">
        <v>345</v>
      </c>
      <c r="AK10" s="73">
        <v>591</v>
      </c>
      <c r="AL10" s="277"/>
      <c r="AM10" s="72">
        <v>364</v>
      </c>
      <c r="AN10" s="72">
        <v>380</v>
      </c>
      <c r="AO10" s="72">
        <v>306</v>
      </c>
      <c r="AP10" s="72">
        <v>245</v>
      </c>
      <c r="AQ10" s="72">
        <v>181</v>
      </c>
      <c r="AR10" s="73">
        <v>1476</v>
      </c>
      <c r="AS10" s="74">
        <v>2067</v>
      </c>
      <c r="AT10" s="71">
        <v>391</v>
      </c>
      <c r="AU10" s="72">
        <v>488</v>
      </c>
      <c r="AV10" s="73">
        <v>879</v>
      </c>
      <c r="AW10" s="277"/>
      <c r="AX10" s="72">
        <v>631</v>
      </c>
      <c r="AY10" s="72">
        <v>578</v>
      </c>
      <c r="AZ10" s="72">
        <v>472</v>
      </c>
      <c r="BA10" s="72">
        <v>374</v>
      </c>
      <c r="BB10" s="72">
        <v>222</v>
      </c>
      <c r="BC10" s="73">
        <v>2277</v>
      </c>
      <c r="BD10" s="74">
        <v>3156</v>
      </c>
      <c r="BE10" s="71">
        <v>391</v>
      </c>
      <c r="BF10" s="72">
        <v>408</v>
      </c>
      <c r="BG10" s="73">
        <v>799</v>
      </c>
      <c r="BH10" s="277"/>
      <c r="BI10" s="72">
        <v>529</v>
      </c>
      <c r="BJ10" s="72">
        <v>603</v>
      </c>
      <c r="BK10" s="72">
        <v>411</v>
      </c>
      <c r="BL10" s="72">
        <v>317</v>
      </c>
      <c r="BM10" s="72">
        <v>162</v>
      </c>
      <c r="BN10" s="73">
        <v>2022</v>
      </c>
      <c r="BO10" s="74">
        <v>2821</v>
      </c>
      <c r="BP10" s="71">
        <v>207</v>
      </c>
      <c r="BQ10" s="72">
        <v>246</v>
      </c>
      <c r="BR10" s="73">
        <v>453</v>
      </c>
      <c r="BS10" s="277"/>
      <c r="BT10" s="72">
        <v>350</v>
      </c>
      <c r="BU10" s="72">
        <v>347</v>
      </c>
      <c r="BV10" s="72">
        <v>256</v>
      </c>
      <c r="BW10" s="72">
        <v>233</v>
      </c>
      <c r="BX10" s="72">
        <v>122</v>
      </c>
      <c r="BY10" s="73">
        <v>1308</v>
      </c>
      <c r="BZ10" s="74">
        <v>1761</v>
      </c>
      <c r="CA10" s="71">
        <v>34</v>
      </c>
      <c r="CB10" s="72">
        <v>72</v>
      </c>
      <c r="CC10" s="73">
        <v>106</v>
      </c>
      <c r="CD10" s="277"/>
      <c r="CE10" s="72">
        <v>42</v>
      </c>
      <c r="CF10" s="72">
        <v>107</v>
      </c>
      <c r="CG10" s="72">
        <v>62</v>
      </c>
      <c r="CH10" s="72">
        <v>56</v>
      </c>
      <c r="CI10" s="72">
        <v>51</v>
      </c>
      <c r="CJ10" s="73">
        <v>318</v>
      </c>
      <c r="CK10" s="74">
        <v>424</v>
      </c>
      <c r="CL10" s="71">
        <v>1508</v>
      </c>
      <c r="CM10" s="72">
        <v>1903</v>
      </c>
      <c r="CN10" s="73">
        <v>3411</v>
      </c>
      <c r="CO10" s="277"/>
      <c r="CP10" s="72">
        <v>2239</v>
      </c>
      <c r="CQ10" s="72">
        <v>2419</v>
      </c>
      <c r="CR10" s="72">
        <v>1849</v>
      </c>
      <c r="CS10" s="72">
        <v>1498</v>
      </c>
      <c r="CT10" s="72">
        <v>942</v>
      </c>
      <c r="CU10" s="73">
        <v>8947</v>
      </c>
      <c r="CV10" s="74">
        <v>12358</v>
      </c>
      <c r="CW10" s="127">
        <v>2823</v>
      </c>
      <c r="CX10" s="83">
        <v>3947</v>
      </c>
      <c r="CY10" s="84">
        <v>6770</v>
      </c>
      <c r="CZ10" s="274"/>
      <c r="DA10" s="83">
        <v>3682</v>
      </c>
      <c r="DB10" s="83">
        <v>3746</v>
      </c>
      <c r="DC10" s="83">
        <v>2904</v>
      </c>
      <c r="DD10" s="83">
        <v>2983</v>
      </c>
      <c r="DE10" s="83">
        <v>1805</v>
      </c>
      <c r="DF10" s="85">
        <v>15120</v>
      </c>
      <c r="DG10" s="86">
        <v>21890</v>
      </c>
      <c r="DH10" s="71">
        <v>76</v>
      </c>
      <c r="DI10" s="72">
        <v>102</v>
      </c>
      <c r="DJ10" s="73">
        <v>178</v>
      </c>
      <c r="DK10" s="277"/>
      <c r="DL10" s="72">
        <v>76</v>
      </c>
      <c r="DM10" s="72">
        <v>83</v>
      </c>
      <c r="DN10" s="72">
        <v>68</v>
      </c>
      <c r="DO10" s="72">
        <v>69</v>
      </c>
      <c r="DP10" s="72">
        <v>46</v>
      </c>
      <c r="DQ10" s="73">
        <v>342</v>
      </c>
      <c r="DR10" s="74">
        <v>520</v>
      </c>
      <c r="DS10" s="71">
        <v>284</v>
      </c>
      <c r="DT10" s="72">
        <v>366</v>
      </c>
      <c r="DU10" s="73">
        <v>650</v>
      </c>
      <c r="DV10" s="277"/>
      <c r="DW10" s="72">
        <v>221</v>
      </c>
      <c r="DX10" s="72">
        <v>307</v>
      </c>
      <c r="DY10" s="72">
        <v>169</v>
      </c>
      <c r="DZ10" s="72">
        <v>162</v>
      </c>
      <c r="EA10" s="72">
        <v>139</v>
      </c>
      <c r="EB10" s="73">
        <v>998</v>
      </c>
      <c r="EC10" s="74">
        <v>1648</v>
      </c>
      <c r="ED10" s="71">
        <v>518</v>
      </c>
      <c r="EE10" s="72">
        <v>653</v>
      </c>
      <c r="EF10" s="73">
        <v>1171</v>
      </c>
      <c r="EG10" s="277"/>
      <c r="EH10" s="72">
        <v>559</v>
      </c>
      <c r="EI10" s="72">
        <v>499</v>
      </c>
      <c r="EJ10" s="72">
        <v>327</v>
      </c>
      <c r="EK10" s="72">
        <v>317</v>
      </c>
      <c r="EL10" s="72">
        <v>241</v>
      </c>
      <c r="EM10" s="73">
        <v>1943</v>
      </c>
      <c r="EN10" s="74">
        <v>3114</v>
      </c>
      <c r="EO10" s="71">
        <v>863</v>
      </c>
      <c r="EP10" s="72">
        <v>1135</v>
      </c>
      <c r="EQ10" s="73">
        <v>1998</v>
      </c>
      <c r="ER10" s="277"/>
      <c r="ES10" s="72">
        <v>929</v>
      </c>
      <c r="ET10" s="72">
        <v>861</v>
      </c>
      <c r="EU10" s="72">
        <v>577</v>
      </c>
      <c r="EV10" s="72">
        <v>536</v>
      </c>
      <c r="EW10" s="72">
        <v>345</v>
      </c>
      <c r="EX10" s="73">
        <v>3248</v>
      </c>
      <c r="EY10" s="74">
        <v>5246</v>
      </c>
      <c r="EZ10" s="71">
        <v>729</v>
      </c>
      <c r="FA10" s="72">
        <v>1083</v>
      </c>
      <c r="FB10" s="73">
        <v>1812</v>
      </c>
      <c r="FC10" s="277"/>
      <c r="FD10" s="72">
        <v>1073</v>
      </c>
      <c r="FE10" s="72">
        <v>983</v>
      </c>
      <c r="FF10" s="72">
        <v>758</v>
      </c>
      <c r="FG10" s="72">
        <v>771</v>
      </c>
      <c r="FH10" s="72">
        <v>450</v>
      </c>
      <c r="FI10" s="73">
        <v>4035</v>
      </c>
      <c r="FJ10" s="74">
        <v>5847</v>
      </c>
      <c r="FK10" s="71">
        <v>353</v>
      </c>
      <c r="FL10" s="72">
        <v>608</v>
      </c>
      <c r="FM10" s="73">
        <v>961</v>
      </c>
      <c r="FN10" s="277"/>
      <c r="FO10" s="72">
        <v>824</v>
      </c>
      <c r="FP10" s="72">
        <v>1013</v>
      </c>
      <c r="FQ10" s="72">
        <v>1005</v>
      </c>
      <c r="FR10" s="72">
        <v>1128</v>
      </c>
      <c r="FS10" s="72">
        <v>584</v>
      </c>
      <c r="FT10" s="73">
        <v>4554</v>
      </c>
      <c r="FU10" s="74">
        <v>5515</v>
      </c>
      <c r="FV10" s="71">
        <v>22</v>
      </c>
      <c r="FW10" s="72">
        <v>73</v>
      </c>
      <c r="FX10" s="73">
        <v>95</v>
      </c>
      <c r="FY10" s="277"/>
      <c r="FZ10" s="72">
        <v>34</v>
      </c>
      <c r="GA10" s="72">
        <v>70</v>
      </c>
      <c r="GB10" s="72">
        <v>44</v>
      </c>
      <c r="GC10" s="72">
        <v>50</v>
      </c>
      <c r="GD10" s="72">
        <v>50</v>
      </c>
      <c r="GE10" s="73">
        <v>248</v>
      </c>
      <c r="GF10" s="74">
        <v>343</v>
      </c>
      <c r="GG10" s="71">
        <v>2845</v>
      </c>
      <c r="GH10" s="72">
        <v>4020</v>
      </c>
      <c r="GI10" s="73">
        <v>6865</v>
      </c>
      <c r="GJ10" s="277"/>
      <c r="GK10" s="72">
        <v>3716</v>
      </c>
      <c r="GL10" s="72">
        <v>3816</v>
      </c>
      <c r="GM10" s="72">
        <v>2948</v>
      </c>
      <c r="GN10" s="72">
        <v>3033</v>
      </c>
      <c r="GO10" s="72">
        <v>1855</v>
      </c>
      <c r="GP10" s="73">
        <v>15368</v>
      </c>
      <c r="GQ10" s="74">
        <v>22233</v>
      </c>
      <c r="GR10" s="127">
        <v>4297</v>
      </c>
      <c r="GS10" s="83">
        <v>5778</v>
      </c>
      <c r="GT10" s="84">
        <v>10075</v>
      </c>
      <c r="GU10" s="274"/>
      <c r="GV10" s="83">
        <v>5879</v>
      </c>
      <c r="GW10" s="83">
        <v>6058</v>
      </c>
      <c r="GX10" s="83">
        <v>4691</v>
      </c>
      <c r="GY10" s="83">
        <v>4425</v>
      </c>
      <c r="GZ10" s="83">
        <v>2696</v>
      </c>
      <c r="HA10" s="85">
        <v>23749</v>
      </c>
      <c r="HB10" s="86">
        <v>33824</v>
      </c>
      <c r="HC10" s="71">
        <v>153</v>
      </c>
      <c r="HD10" s="72">
        <v>205</v>
      </c>
      <c r="HE10" s="73">
        <v>358</v>
      </c>
      <c r="HF10" s="277"/>
      <c r="HG10" s="72">
        <v>178</v>
      </c>
      <c r="HH10" s="72">
        <v>207</v>
      </c>
      <c r="HI10" s="72">
        <v>173</v>
      </c>
      <c r="HJ10" s="72">
        <v>156</v>
      </c>
      <c r="HK10" s="72">
        <v>121</v>
      </c>
      <c r="HL10" s="73">
        <v>835</v>
      </c>
      <c r="HM10" s="74">
        <v>1193</v>
      </c>
      <c r="HN10" s="71">
        <v>446</v>
      </c>
      <c r="HO10" s="72">
        <v>607</v>
      </c>
      <c r="HP10" s="73">
        <v>1053</v>
      </c>
      <c r="HQ10" s="277"/>
      <c r="HR10" s="72">
        <v>442</v>
      </c>
      <c r="HS10" s="72">
        <v>587</v>
      </c>
      <c r="HT10" s="72">
        <v>406</v>
      </c>
      <c r="HU10" s="72">
        <v>348</v>
      </c>
      <c r="HV10" s="72">
        <v>268</v>
      </c>
      <c r="HW10" s="73">
        <v>2051</v>
      </c>
      <c r="HX10" s="74">
        <v>3104</v>
      </c>
      <c r="HY10" s="71">
        <v>764</v>
      </c>
      <c r="HZ10" s="72">
        <v>998</v>
      </c>
      <c r="IA10" s="73">
        <v>1762</v>
      </c>
      <c r="IB10" s="277"/>
      <c r="IC10" s="72">
        <v>923</v>
      </c>
      <c r="ID10" s="72">
        <v>879</v>
      </c>
      <c r="IE10" s="72">
        <v>633</v>
      </c>
      <c r="IF10" s="72">
        <v>562</v>
      </c>
      <c r="IG10" s="72">
        <v>422</v>
      </c>
      <c r="IH10" s="73">
        <v>3419</v>
      </c>
      <c r="II10" s="74">
        <v>5181</v>
      </c>
      <c r="IJ10" s="71">
        <v>1254</v>
      </c>
      <c r="IK10" s="72">
        <v>1623</v>
      </c>
      <c r="IL10" s="73">
        <v>2877</v>
      </c>
      <c r="IM10" s="277">
        <v>0</v>
      </c>
      <c r="IN10" s="72">
        <v>1560</v>
      </c>
      <c r="IO10" s="72">
        <v>1439</v>
      </c>
      <c r="IP10" s="72">
        <v>1049</v>
      </c>
      <c r="IQ10" s="72">
        <v>910</v>
      </c>
      <c r="IR10" s="72">
        <v>567</v>
      </c>
      <c r="IS10" s="73">
        <v>5525</v>
      </c>
      <c r="IT10" s="74">
        <v>8402</v>
      </c>
      <c r="IU10" s="71">
        <v>1120</v>
      </c>
      <c r="IV10" s="72">
        <v>1491</v>
      </c>
      <c r="IW10" s="73">
        <v>2611</v>
      </c>
      <c r="IX10" s="277"/>
      <c r="IY10" s="72">
        <v>1602</v>
      </c>
      <c r="IZ10" s="72">
        <v>1586</v>
      </c>
      <c r="JA10" s="72">
        <v>1169</v>
      </c>
      <c r="JB10" s="72">
        <v>1088</v>
      </c>
      <c r="JC10" s="72">
        <v>612</v>
      </c>
      <c r="JD10" s="73">
        <v>6057</v>
      </c>
      <c r="JE10" s="74">
        <v>8668</v>
      </c>
      <c r="JF10" s="71">
        <v>560</v>
      </c>
      <c r="JG10" s="72">
        <v>854</v>
      </c>
      <c r="JH10" s="73">
        <v>1414</v>
      </c>
      <c r="JI10" s="277"/>
      <c r="JJ10" s="72">
        <v>1174</v>
      </c>
      <c r="JK10" s="72">
        <v>1360</v>
      </c>
      <c r="JL10" s="72">
        <v>1261</v>
      </c>
      <c r="JM10" s="72">
        <v>1361</v>
      </c>
      <c r="JN10" s="72">
        <v>706</v>
      </c>
      <c r="JO10" s="73">
        <v>5862</v>
      </c>
      <c r="JP10" s="74">
        <v>7276</v>
      </c>
      <c r="JQ10" s="71">
        <v>56</v>
      </c>
      <c r="JR10" s="72">
        <v>145</v>
      </c>
      <c r="JS10" s="73">
        <v>201</v>
      </c>
      <c r="JT10" s="277"/>
      <c r="JU10" s="72">
        <v>76</v>
      </c>
      <c r="JV10" s="72">
        <v>177</v>
      </c>
      <c r="JW10" s="72">
        <v>106</v>
      </c>
      <c r="JX10" s="72">
        <v>106</v>
      </c>
      <c r="JY10" s="72">
        <v>101</v>
      </c>
      <c r="JZ10" s="73">
        <v>566</v>
      </c>
      <c r="KA10" s="74">
        <v>767</v>
      </c>
      <c r="KB10" s="71">
        <v>4353</v>
      </c>
      <c r="KC10" s="72">
        <v>5923</v>
      </c>
      <c r="KD10" s="73">
        <v>10276</v>
      </c>
      <c r="KE10" s="277"/>
      <c r="KF10" s="72">
        <v>5955</v>
      </c>
      <c r="KG10" s="72">
        <v>6235</v>
      </c>
      <c r="KH10" s="72">
        <v>4797</v>
      </c>
      <c r="KI10" s="72">
        <v>4531</v>
      </c>
      <c r="KJ10" s="72">
        <v>2797</v>
      </c>
      <c r="KK10" s="73">
        <v>24315</v>
      </c>
      <c r="KL10" s="74">
        <v>34591</v>
      </c>
    </row>
    <row r="11" spans="1:298" ht="19.5" customHeight="1" x14ac:dyDescent="0.2">
      <c r="A11" s="130" t="s">
        <v>7</v>
      </c>
      <c r="B11" s="347">
        <v>962</v>
      </c>
      <c r="C11" s="83">
        <v>695</v>
      </c>
      <c r="D11" s="84">
        <v>1657</v>
      </c>
      <c r="E11" s="274"/>
      <c r="F11" s="83">
        <v>2245</v>
      </c>
      <c r="G11" s="83">
        <v>1550</v>
      </c>
      <c r="H11" s="83">
        <v>967</v>
      </c>
      <c r="I11" s="83">
        <v>812</v>
      </c>
      <c r="J11" s="83">
        <v>450</v>
      </c>
      <c r="K11" s="85">
        <v>6024</v>
      </c>
      <c r="L11" s="86">
        <v>7681</v>
      </c>
      <c r="M11" s="71">
        <v>41</v>
      </c>
      <c r="N11" s="72">
        <v>28</v>
      </c>
      <c r="O11" s="73">
        <v>69</v>
      </c>
      <c r="P11" s="277"/>
      <c r="Q11" s="72">
        <v>86</v>
      </c>
      <c r="R11" s="72">
        <v>78</v>
      </c>
      <c r="S11" s="72">
        <v>51</v>
      </c>
      <c r="T11" s="72">
        <v>51</v>
      </c>
      <c r="U11" s="72">
        <v>35</v>
      </c>
      <c r="V11" s="73">
        <v>301</v>
      </c>
      <c r="W11" s="74">
        <v>370</v>
      </c>
      <c r="X11" s="71">
        <v>107</v>
      </c>
      <c r="Y11" s="72">
        <v>83</v>
      </c>
      <c r="Z11" s="73">
        <v>190</v>
      </c>
      <c r="AA11" s="277"/>
      <c r="AB11" s="72">
        <v>259</v>
      </c>
      <c r="AC11" s="72">
        <v>201</v>
      </c>
      <c r="AD11" s="72">
        <v>120</v>
      </c>
      <c r="AE11" s="72">
        <v>81</v>
      </c>
      <c r="AF11" s="72">
        <v>64</v>
      </c>
      <c r="AG11" s="73">
        <v>725</v>
      </c>
      <c r="AH11" s="74">
        <v>915</v>
      </c>
      <c r="AI11" s="71">
        <v>156</v>
      </c>
      <c r="AJ11" s="72">
        <v>108</v>
      </c>
      <c r="AK11" s="73">
        <v>264</v>
      </c>
      <c r="AL11" s="277"/>
      <c r="AM11" s="72">
        <v>378</v>
      </c>
      <c r="AN11" s="72">
        <v>240</v>
      </c>
      <c r="AO11" s="72">
        <v>154</v>
      </c>
      <c r="AP11" s="72">
        <v>138</v>
      </c>
      <c r="AQ11" s="72">
        <v>87</v>
      </c>
      <c r="AR11" s="73">
        <v>997</v>
      </c>
      <c r="AS11" s="74">
        <v>1261</v>
      </c>
      <c r="AT11" s="71">
        <v>256</v>
      </c>
      <c r="AU11" s="72">
        <v>176</v>
      </c>
      <c r="AV11" s="73">
        <v>432</v>
      </c>
      <c r="AW11" s="277"/>
      <c r="AX11" s="72">
        <v>554</v>
      </c>
      <c r="AY11" s="72">
        <v>371</v>
      </c>
      <c r="AZ11" s="72">
        <v>225</v>
      </c>
      <c r="BA11" s="72">
        <v>168</v>
      </c>
      <c r="BB11" s="72">
        <v>107</v>
      </c>
      <c r="BC11" s="73">
        <v>1425</v>
      </c>
      <c r="BD11" s="74">
        <v>1857</v>
      </c>
      <c r="BE11" s="71">
        <v>261</v>
      </c>
      <c r="BF11" s="72">
        <v>186</v>
      </c>
      <c r="BG11" s="73">
        <v>447</v>
      </c>
      <c r="BH11" s="277"/>
      <c r="BI11" s="72">
        <v>568</v>
      </c>
      <c r="BJ11" s="72">
        <v>363</v>
      </c>
      <c r="BK11" s="72">
        <v>246</v>
      </c>
      <c r="BL11" s="72">
        <v>199</v>
      </c>
      <c r="BM11" s="72">
        <v>103</v>
      </c>
      <c r="BN11" s="73">
        <v>1479</v>
      </c>
      <c r="BO11" s="74">
        <v>1926</v>
      </c>
      <c r="BP11" s="71">
        <v>141</v>
      </c>
      <c r="BQ11" s="72">
        <v>114</v>
      </c>
      <c r="BR11" s="73">
        <v>255</v>
      </c>
      <c r="BS11" s="277"/>
      <c r="BT11" s="72">
        <v>400</v>
      </c>
      <c r="BU11" s="72">
        <v>297</v>
      </c>
      <c r="BV11" s="72">
        <v>171</v>
      </c>
      <c r="BW11" s="72">
        <v>175</v>
      </c>
      <c r="BX11" s="72">
        <v>54</v>
      </c>
      <c r="BY11" s="73">
        <v>1097</v>
      </c>
      <c r="BZ11" s="74">
        <v>1352</v>
      </c>
      <c r="CA11" s="71">
        <v>13</v>
      </c>
      <c r="CB11" s="72">
        <v>13</v>
      </c>
      <c r="CC11" s="73">
        <v>26</v>
      </c>
      <c r="CD11" s="277"/>
      <c r="CE11" s="72">
        <v>59</v>
      </c>
      <c r="CF11" s="72">
        <v>61</v>
      </c>
      <c r="CG11" s="72">
        <v>34</v>
      </c>
      <c r="CH11" s="72">
        <v>30</v>
      </c>
      <c r="CI11" s="72">
        <v>24</v>
      </c>
      <c r="CJ11" s="73">
        <v>208</v>
      </c>
      <c r="CK11" s="74">
        <v>234</v>
      </c>
      <c r="CL11" s="71">
        <v>975</v>
      </c>
      <c r="CM11" s="72">
        <v>708</v>
      </c>
      <c r="CN11" s="73">
        <v>1683</v>
      </c>
      <c r="CO11" s="277"/>
      <c r="CP11" s="72">
        <v>2304</v>
      </c>
      <c r="CQ11" s="72">
        <v>1611</v>
      </c>
      <c r="CR11" s="72">
        <v>1001</v>
      </c>
      <c r="CS11" s="72">
        <v>842</v>
      </c>
      <c r="CT11" s="72">
        <v>474</v>
      </c>
      <c r="CU11" s="73">
        <v>6232</v>
      </c>
      <c r="CV11" s="74">
        <v>7915</v>
      </c>
      <c r="CW11" s="127">
        <v>1646</v>
      </c>
      <c r="CX11" s="83">
        <v>1883</v>
      </c>
      <c r="CY11" s="84">
        <v>3529</v>
      </c>
      <c r="CZ11" s="274"/>
      <c r="DA11" s="83">
        <v>4249</v>
      </c>
      <c r="DB11" s="83">
        <v>2616</v>
      </c>
      <c r="DC11" s="83">
        <v>1939</v>
      </c>
      <c r="DD11" s="83">
        <v>2034</v>
      </c>
      <c r="DE11" s="83">
        <v>1161</v>
      </c>
      <c r="DF11" s="85">
        <v>11999</v>
      </c>
      <c r="DG11" s="86">
        <v>15528</v>
      </c>
      <c r="DH11" s="71">
        <v>35</v>
      </c>
      <c r="DI11" s="72">
        <v>38</v>
      </c>
      <c r="DJ11" s="73">
        <v>73</v>
      </c>
      <c r="DK11" s="277"/>
      <c r="DL11" s="72">
        <v>95</v>
      </c>
      <c r="DM11" s="72">
        <v>51</v>
      </c>
      <c r="DN11" s="72">
        <v>34</v>
      </c>
      <c r="DO11" s="72">
        <v>42</v>
      </c>
      <c r="DP11" s="72">
        <v>35</v>
      </c>
      <c r="DQ11" s="73">
        <v>257</v>
      </c>
      <c r="DR11" s="74">
        <v>330</v>
      </c>
      <c r="DS11" s="71">
        <v>131</v>
      </c>
      <c r="DT11" s="72">
        <v>122</v>
      </c>
      <c r="DU11" s="73">
        <v>253</v>
      </c>
      <c r="DV11" s="277"/>
      <c r="DW11" s="72">
        <v>274</v>
      </c>
      <c r="DX11" s="72">
        <v>192</v>
      </c>
      <c r="DY11" s="72">
        <v>104</v>
      </c>
      <c r="DZ11" s="72">
        <v>113</v>
      </c>
      <c r="EA11" s="72">
        <v>66</v>
      </c>
      <c r="EB11" s="73">
        <v>749</v>
      </c>
      <c r="EC11" s="74">
        <v>1002</v>
      </c>
      <c r="ED11" s="71">
        <v>252</v>
      </c>
      <c r="EE11" s="72">
        <v>250</v>
      </c>
      <c r="EF11" s="73">
        <v>502</v>
      </c>
      <c r="EG11" s="277"/>
      <c r="EH11" s="72">
        <v>527</v>
      </c>
      <c r="EI11" s="72">
        <v>269</v>
      </c>
      <c r="EJ11" s="72">
        <v>164</v>
      </c>
      <c r="EK11" s="72">
        <v>188</v>
      </c>
      <c r="EL11" s="72">
        <v>140</v>
      </c>
      <c r="EM11" s="73">
        <v>1288</v>
      </c>
      <c r="EN11" s="74">
        <v>1790</v>
      </c>
      <c r="EO11" s="71">
        <v>498</v>
      </c>
      <c r="EP11" s="72">
        <v>506</v>
      </c>
      <c r="EQ11" s="73">
        <v>1004</v>
      </c>
      <c r="ER11" s="277"/>
      <c r="ES11" s="72">
        <v>999</v>
      </c>
      <c r="ET11" s="72">
        <v>518</v>
      </c>
      <c r="EU11" s="72">
        <v>339</v>
      </c>
      <c r="EV11" s="72">
        <v>343</v>
      </c>
      <c r="EW11" s="72">
        <v>198</v>
      </c>
      <c r="EX11" s="73">
        <v>2397</v>
      </c>
      <c r="EY11" s="74">
        <v>3401</v>
      </c>
      <c r="EZ11" s="71">
        <v>470</v>
      </c>
      <c r="FA11" s="72">
        <v>600</v>
      </c>
      <c r="FB11" s="73">
        <v>1070</v>
      </c>
      <c r="FC11" s="277"/>
      <c r="FD11" s="72">
        <v>1272</v>
      </c>
      <c r="FE11" s="72">
        <v>706</v>
      </c>
      <c r="FF11" s="72">
        <v>551</v>
      </c>
      <c r="FG11" s="72">
        <v>551</v>
      </c>
      <c r="FH11" s="72">
        <v>295</v>
      </c>
      <c r="FI11" s="73">
        <v>3375</v>
      </c>
      <c r="FJ11" s="74">
        <v>4445</v>
      </c>
      <c r="FK11" s="71">
        <v>260</v>
      </c>
      <c r="FL11" s="72">
        <v>367</v>
      </c>
      <c r="FM11" s="73">
        <v>627</v>
      </c>
      <c r="FN11" s="277"/>
      <c r="FO11" s="72">
        <v>1082</v>
      </c>
      <c r="FP11" s="72">
        <v>880</v>
      </c>
      <c r="FQ11" s="72">
        <v>747</v>
      </c>
      <c r="FR11" s="72">
        <v>797</v>
      </c>
      <c r="FS11" s="72">
        <v>427</v>
      </c>
      <c r="FT11" s="73">
        <v>3933</v>
      </c>
      <c r="FU11" s="74">
        <v>4560</v>
      </c>
      <c r="FV11" s="71">
        <v>13</v>
      </c>
      <c r="FW11" s="72">
        <v>18</v>
      </c>
      <c r="FX11" s="73">
        <v>31</v>
      </c>
      <c r="FY11" s="277"/>
      <c r="FZ11" s="72">
        <v>59</v>
      </c>
      <c r="GA11" s="72">
        <v>59</v>
      </c>
      <c r="GB11" s="72">
        <v>36</v>
      </c>
      <c r="GC11" s="72">
        <v>20</v>
      </c>
      <c r="GD11" s="72">
        <v>33</v>
      </c>
      <c r="GE11" s="73">
        <v>207</v>
      </c>
      <c r="GF11" s="74">
        <v>238</v>
      </c>
      <c r="GG11" s="71">
        <v>1659</v>
      </c>
      <c r="GH11" s="72">
        <v>1901</v>
      </c>
      <c r="GI11" s="73">
        <v>3560</v>
      </c>
      <c r="GJ11" s="277"/>
      <c r="GK11" s="72">
        <v>4308</v>
      </c>
      <c r="GL11" s="72">
        <v>2675</v>
      </c>
      <c r="GM11" s="72">
        <v>1975</v>
      </c>
      <c r="GN11" s="72">
        <v>2054</v>
      </c>
      <c r="GO11" s="72">
        <v>1194</v>
      </c>
      <c r="GP11" s="73">
        <v>12206</v>
      </c>
      <c r="GQ11" s="74">
        <v>15766</v>
      </c>
      <c r="GR11" s="127">
        <v>2608</v>
      </c>
      <c r="GS11" s="83">
        <v>2578</v>
      </c>
      <c r="GT11" s="84">
        <v>5186</v>
      </c>
      <c r="GU11" s="274"/>
      <c r="GV11" s="83">
        <v>6494</v>
      </c>
      <c r="GW11" s="83">
        <v>4166</v>
      </c>
      <c r="GX11" s="83">
        <v>2906</v>
      </c>
      <c r="GY11" s="83">
        <v>2846</v>
      </c>
      <c r="GZ11" s="83">
        <v>1611</v>
      </c>
      <c r="HA11" s="85">
        <v>18023</v>
      </c>
      <c r="HB11" s="86">
        <v>23209</v>
      </c>
      <c r="HC11" s="71">
        <v>76</v>
      </c>
      <c r="HD11" s="72">
        <v>66</v>
      </c>
      <c r="HE11" s="73">
        <v>142</v>
      </c>
      <c r="HF11" s="277"/>
      <c r="HG11" s="72">
        <v>181</v>
      </c>
      <c r="HH11" s="72">
        <v>129</v>
      </c>
      <c r="HI11" s="72">
        <v>85</v>
      </c>
      <c r="HJ11" s="72">
        <v>93</v>
      </c>
      <c r="HK11" s="72">
        <v>70</v>
      </c>
      <c r="HL11" s="73">
        <v>558</v>
      </c>
      <c r="HM11" s="74">
        <v>700</v>
      </c>
      <c r="HN11" s="71">
        <v>238</v>
      </c>
      <c r="HO11" s="72">
        <v>205</v>
      </c>
      <c r="HP11" s="73">
        <v>443</v>
      </c>
      <c r="HQ11" s="277"/>
      <c r="HR11" s="72">
        <v>533</v>
      </c>
      <c r="HS11" s="72">
        <v>393</v>
      </c>
      <c r="HT11" s="72">
        <v>224</v>
      </c>
      <c r="HU11" s="72">
        <v>194</v>
      </c>
      <c r="HV11" s="72">
        <v>130</v>
      </c>
      <c r="HW11" s="73">
        <v>1474</v>
      </c>
      <c r="HX11" s="74">
        <v>1917</v>
      </c>
      <c r="HY11" s="71">
        <v>408</v>
      </c>
      <c r="HZ11" s="72">
        <v>358</v>
      </c>
      <c r="IA11" s="73">
        <v>766</v>
      </c>
      <c r="IB11" s="277"/>
      <c r="IC11" s="72">
        <v>905</v>
      </c>
      <c r="ID11" s="72">
        <v>509</v>
      </c>
      <c r="IE11" s="72">
        <v>318</v>
      </c>
      <c r="IF11" s="72">
        <v>326</v>
      </c>
      <c r="IG11" s="72">
        <v>227</v>
      </c>
      <c r="IH11" s="73">
        <v>2285</v>
      </c>
      <c r="II11" s="74">
        <v>3051</v>
      </c>
      <c r="IJ11" s="71">
        <v>754</v>
      </c>
      <c r="IK11" s="72">
        <v>682</v>
      </c>
      <c r="IL11" s="73">
        <v>1436</v>
      </c>
      <c r="IM11" s="277">
        <v>0</v>
      </c>
      <c r="IN11" s="72">
        <v>1553</v>
      </c>
      <c r="IO11" s="72">
        <v>889</v>
      </c>
      <c r="IP11" s="72">
        <v>564</v>
      </c>
      <c r="IQ11" s="72">
        <v>511</v>
      </c>
      <c r="IR11" s="72">
        <v>305</v>
      </c>
      <c r="IS11" s="73">
        <v>3822</v>
      </c>
      <c r="IT11" s="74">
        <v>5258</v>
      </c>
      <c r="IU11" s="71">
        <v>731</v>
      </c>
      <c r="IV11" s="72">
        <v>786</v>
      </c>
      <c r="IW11" s="73">
        <v>1517</v>
      </c>
      <c r="IX11" s="277"/>
      <c r="IY11" s="72">
        <v>1840</v>
      </c>
      <c r="IZ11" s="72">
        <v>1069</v>
      </c>
      <c r="JA11" s="72">
        <v>797</v>
      </c>
      <c r="JB11" s="72">
        <v>750</v>
      </c>
      <c r="JC11" s="72">
        <v>398</v>
      </c>
      <c r="JD11" s="73">
        <v>4854</v>
      </c>
      <c r="JE11" s="74">
        <v>6371</v>
      </c>
      <c r="JF11" s="71">
        <v>401</v>
      </c>
      <c r="JG11" s="72">
        <v>481</v>
      </c>
      <c r="JH11" s="73">
        <v>882</v>
      </c>
      <c r="JI11" s="277"/>
      <c r="JJ11" s="72">
        <v>1482</v>
      </c>
      <c r="JK11" s="72">
        <v>1177</v>
      </c>
      <c r="JL11" s="72">
        <v>918</v>
      </c>
      <c r="JM11" s="72">
        <v>972</v>
      </c>
      <c r="JN11" s="72">
        <v>481</v>
      </c>
      <c r="JO11" s="73">
        <v>5030</v>
      </c>
      <c r="JP11" s="74">
        <v>5912</v>
      </c>
      <c r="JQ11" s="71">
        <v>26</v>
      </c>
      <c r="JR11" s="72">
        <v>31</v>
      </c>
      <c r="JS11" s="73">
        <v>57</v>
      </c>
      <c r="JT11" s="277"/>
      <c r="JU11" s="72">
        <v>118</v>
      </c>
      <c r="JV11" s="72">
        <v>120</v>
      </c>
      <c r="JW11" s="72">
        <v>70</v>
      </c>
      <c r="JX11" s="72">
        <v>50</v>
      </c>
      <c r="JY11" s="72">
        <v>57</v>
      </c>
      <c r="JZ11" s="73">
        <v>415</v>
      </c>
      <c r="KA11" s="74">
        <v>472</v>
      </c>
      <c r="KB11" s="71">
        <v>2634</v>
      </c>
      <c r="KC11" s="72">
        <v>2609</v>
      </c>
      <c r="KD11" s="73">
        <v>5243</v>
      </c>
      <c r="KE11" s="277"/>
      <c r="KF11" s="72">
        <v>6612</v>
      </c>
      <c r="KG11" s="72">
        <v>4286</v>
      </c>
      <c r="KH11" s="72">
        <v>2976</v>
      </c>
      <c r="KI11" s="72">
        <v>2896</v>
      </c>
      <c r="KJ11" s="72">
        <v>1668</v>
      </c>
      <c r="KK11" s="73">
        <v>18438</v>
      </c>
      <c r="KL11" s="74">
        <v>23681</v>
      </c>
    </row>
    <row r="12" spans="1:298" ht="19.5" customHeight="1" x14ac:dyDescent="0.2">
      <c r="A12" s="130" t="s">
        <v>8</v>
      </c>
      <c r="B12" s="347">
        <v>525</v>
      </c>
      <c r="C12" s="83">
        <v>346</v>
      </c>
      <c r="D12" s="84">
        <v>871</v>
      </c>
      <c r="E12" s="274"/>
      <c r="F12" s="83">
        <v>937</v>
      </c>
      <c r="G12" s="83">
        <v>865</v>
      </c>
      <c r="H12" s="83">
        <v>623</v>
      </c>
      <c r="I12" s="83">
        <v>458</v>
      </c>
      <c r="J12" s="83">
        <v>253</v>
      </c>
      <c r="K12" s="85">
        <v>3136</v>
      </c>
      <c r="L12" s="86">
        <v>4007</v>
      </c>
      <c r="M12" s="71">
        <v>26</v>
      </c>
      <c r="N12" s="72">
        <v>27</v>
      </c>
      <c r="O12" s="73">
        <v>53</v>
      </c>
      <c r="P12" s="277"/>
      <c r="Q12" s="72">
        <v>45</v>
      </c>
      <c r="R12" s="72">
        <v>45</v>
      </c>
      <c r="S12" s="72">
        <v>41</v>
      </c>
      <c r="T12" s="72">
        <v>21</v>
      </c>
      <c r="U12" s="72">
        <v>17</v>
      </c>
      <c r="V12" s="73">
        <v>169</v>
      </c>
      <c r="W12" s="74">
        <v>222</v>
      </c>
      <c r="X12" s="71">
        <v>60</v>
      </c>
      <c r="Y12" s="72">
        <v>43</v>
      </c>
      <c r="Z12" s="73">
        <v>103</v>
      </c>
      <c r="AA12" s="277"/>
      <c r="AB12" s="72">
        <v>112</v>
      </c>
      <c r="AC12" s="72">
        <v>130</v>
      </c>
      <c r="AD12" s="72">
        <v>88</v>
      </c>
      <c r="AE12" s="72">
        <v>63</v>
      </c>
      <c r="AF12" s="72">
        <v>32</v>
      </c>
      <c r="AG12" s="73">
        <v>425</v>
      </c>
      <c r="AH12" s="74">
        <v>528</v>
      </c>
      <c r="AI12" s="71">
        <v>90</v>
      </c>
      <c r="AJ12" s="72">
        <v>40</v>
      </c>
      <c r="AK12" s="73">
        <v>130</v>
      </c>
      <c r="AL12" s="277"/>
      <c r="AM12" s="72">
        <v>167</v>
      </c>
      <c r="AN12" s="72">
        <v>135</v>
      </c>
      <c r="AO12" s="72">
        <v>105</v>
      </c>
      <c r="AP12" s="72">
        <v>62</v>
      </c>
      <c r="AQ12" s="72">
        <v>55</v>
      </c>
      <c r="AR12" s="73">
        <v>524</v>
      </c>
      <c r="AS12" s="74">
        <v>654</v>
      </c>
      <c r="AT12" s="71">
        <v>137</v>
      </c>
      <c r="AU12" s="72">
        <v>82</v>
      </c>
      <c r="AV12" s="73">
        <v>219</v>
      </c>
      <c r="AW12" s="277"/>
      <c r="AX12" s="72">
        <v>213</v>
      </c>
      <c r="AY12" s="72">
        <v>214</v>
      </c>
      <c r="AZ12" s="72">
        <v>127</v>
      </c>
      <c r="BA12" s="72">
        <v>122</v>
      </c>
      <c r="BB12" s="72">
        <v>56</v>
      </c>
      <c r="BC12" s="73">
        <v>732</v>
      </c>
      <c r="BD12" s="74">
        <v>951</v>
      </c>
      <c r="BE12" s="71">
        <v>135</v>
      </c>
      <c r="BF12" s="72">
        <v>92</v>
      </c>
      <c r="BG12" s="73">
        <v>227</v>
      </c>
      <c r="BH12" s="277"/>
      <c r="BI12" s="72">
        <v>250</v>
      </c>
      <c r="BJ12" s="72">
        <v>193</v>
      </c>
      <c r="BK12" s="72">
        <v>141</v>
      </c>
      <c r="BL12" s="72">
        <v>104</v>
      </c>
      <c r="BM12" s="72">
        <v>46</v>
      </c>
      <c r="BN12" s="73">
        <v>734</v>
      </c>
      <c r="BO12" s="74">
        <v>961</v>
      </c>
      <c r="BP12" s="71">
        <v>77</v>
      </c>
      <c r="BQ12" s="72">
        <v>62</v>
      </c>
      <c r="BR12" s="73">
        <v>139</v>
      </c>
      <c r="BS12" s="277"/>
      <c r="BT12" s="72">
        <v>150</v>
      </c>
      <c r="BU12" s="72">
        <v>148</v>
      </c>
      <c r="BV12" s="72">
        <v>121</v>
      </c>
      <c r="BW12" s="72">
        <v>86</v>
      </c>
      <c r="BX12" s="72">
        <v>47</v>
      </c>
      <c r="BY12" s="73">
        <v>552</v>
      </c>
      <c r="BZ12" s="74">
        <v>691</v>
      </c>
      <c r="CA12" s="71">
        <v>12</v>
      </c>
      <c r="CB12" s="72">
        <v>19</v>
      </c>
      <c r="CC12" s="73">
        <v>31</v>
      </c>
      <c r="CD12" s="277"/>
      <c r="CE12" s="72">
        <v>25</v>
      </c>
      <c r="CF12" s="72">
        <v>37</v>
      </c>
      <c r="CG12" s="72">
        <v>26</v>
      </c>
      <c r="CH12" s="72">
        <v>21</v>
      </c>
      <c r="CI12" s="72">
        <v>18</v>
      </c>
      <c r="CJ12" s="73">
        <v>127</v>
      </c>
      <c r="CK12" s="74">
        <v>158</v>
      </c>
      <c r="CL12" s="71">
        <v>537</v>
      </c>
      <c r="CM12" s="72">
        <v>365</v>
      </c>
      <c r="CN12" s="73">
        <v>902</v>
      </c>
      <c r="CO12" s="277"/>
      <c r="CP12" s="72">
        <v>962</v>
      </c>
      <c r="CQ12" s="72">
        <v>902</v>
      </c>
      <c r="CR12" s="72">
        <v>649</v>
      </c>
      <c r="CS12" s="72">
        <v>479</v>
      </c>
      <c r="CT12" s="72">
        <v>271</v>
      </c>
      <c r="CU12" s="73">
        <v>3263</v>
      </c>
      <c r="CV12" s="74">
        <v>4165</v>
      </c>
      <c r="CW12" s="127">
        <v>980</v>
      </c>
      <c r="CX12" s="83">
        <v>899</v>
      </c>
      <c r="CY12" s="84">
        <v>1879</v>
      </c>
      <c r="CZ12" s="274"/>
      <c r="DA12" s="83">
        <v>1691</v>
      </c>
      <c r="DB12" s="83">
        <v>1567</v>
      </c>
      <c r="DC12" s="83">
        <v>1223</v>
      </c>
      <c r="DD12" s="83">
        <v>992</v>
      </c>
      <c r="DE12" s="83">
        <v>641</v>
      </c>
      <c r="DF12" s="85">
        <v>6114</v>
      </c>
      <c r="DG12" s="86">
        <v>7993</v>
      </c>
      <c r="DH12" s="71">
        <v>26</v>
      </c>
      <c r="DI12" s="72">
        <v>23</v>
      </c>
      <c r="DJ12" s="73">
        <v>49</v>
      </c>
      <c r="DK12" s="277"/>
      <c r="DL12" s="72">
        <v>43</v>
      </c>
      <c r="DM12" s="72">
        <v>34</v>
      </c>
      <c r="DN12" s="72">
        <v>16</v>
      </c>
      <c r="DO12" s="72">
        <v>23</v>
      </c>
      <c r="DP12" s="72">
        <v>17</v>
      </c>
      <c r="DQ12" s="73">
        <v>133</v>
      </c>
      <c r="DR12" s="74">
        <v>182</v>
      </c>
      <c r="DS12" s="71">
        <v>70</v>
      </c>
      <c r="DT12" s="72">
        <v>69</v>
      </c>
      <c r="DU12" s="73">
        <v>139</v>
      </c>
      <c r="DV12" s="277"/>
      <c r="DW12" s="72">
        <v>107</v>
      </c>
      <c r="DX12" s="72">
        <v>105</v>
      </c>
      <c r="DY12" s="72">
        <v>63</v>
      </c>
      <c r="DZ12" s="72">
        <v>57</v>
      </c>
      <c r="EA12" s="72">
        <v>43</v>
      </c>
      <c r="EB12" s="73">
        <v>375</v>
      </c>
      <c r="EC12" s="74">
        <v>514</v>
      </c>
      <c r="ED12" s="71">
        <v>158</v>
      </c>
      <c r="EE12" s="72">
        <v>138</v>
      </c>
      <c r="EF12" s="73">
        <v>296</v>
      </c>
      <c r="EG12" s="277"/>
      <c r="EH12" s="72">
        <v>213</v>
      </c>
      <c r="EI12" s="72">
        <v>181</v>
      </c>
      <c r="EJ12" s="72">
        <v>121</v>
      </c>
      <c r="EK12" s="72">
        <v>89</v>
      </c>
      <c r="EL12" s="72">
        <v>68</v>
      </c>
      <c r="EM12" s="73">
        <v>672</v>
      </c>
      <c r="EN12" s="74">
        <v>968</v>
      </c>
      <c r="EO12" s="71">
        <v>321</v>
      </c>
      <c r="EP12" s="72">
        <v>238</v>
      </c>
      <c r="EQ12" s="73">
        <v>559</v>
      </c>
      <c r="ER12" s="277"/>
      <c r="ES12" s="72">
        <v>405</v>
      </c>
      <c r="ET12" s="72">
        <v>339</v>
      </c>
      <c r="EU12" s="72">
        <v>212</v>
      </c>
      <c r="EV12" s="72">
        <v>175</v>
      </c>
      <c r="EW12" s="72">
        <v>102</v>
      </c>
      <c r="EX12" s="73">
        <v>1233</v>
      </c>
      <c r="EY12" s="74">
        <v>1792</v>
      </c>
      <c r="EZ12" s="71">
        <v>279</v>
      </c>
      <c r="FA12" s="72">
        <v>272</v>
      </c>
      <c r="FB12" s="73">
        <v>551</v>
      </c>
      <c r="FC12" s="277"/>
      <c r="FD12" s="72">
        <v>483</v>
      </c>
      <c r="FE12" s="72">
        <v>438</v>
      </c>
      <c r="FF12" s="72">
        <v>335</v>
      </c>
      <c r="FG12" s="72">
        <v>237</v>
      </c>
      <c r="FH12" s="72">
        <v>166</v>
      </c>
      <c r="FI12" s="73">
        <v>1659</v>
      </c>
      <c r="FJ12" s="74">
        <v>2210</v>
      </c>
      <c r="FK12" s="71">
        <v>126</v>
      </c>
      <c r="FL12" s="72">
        <v>159</v>
      </c>
      <c r="FM12" s="73">
        <v>285</v>
      </c>
      <c r="FN12" s="277"/>
      <c r="FO12" s="72">
        <v>440</v>
      </c>
      <c r="FP12" s="72">
        <v>470</v>
      </c>
      <c r="FQ12" s="72">
        <v>476</v>
      </c>
      <c r="FR12" s="72">
        <v>411</v>
      </c>
      <c r="FS12" s="72">
        <v>245</v>
      </c>
      <c r="FT12" s="73">
        <v>2042</v>
      </c>
      <c r="FU12" s="74">
        <v>2327</v>
      </c>
      <c r="FV12" s="71">
        <v>6</v>
      </c>
      <c r="FW12" s="72">
        <v>23</v>
      </c>
      <c r="FX12" s="73">
        <v>29</v>
      </c>
      <c r="FY12" s="277"/>
      <c r="FZ12" s="72">
        <v>15</v>
      </c>
      <c r="GA12" s="72">
        <v>36</v>
      </c>
      <c r="GB12" s="72">
        <v>19</v>
      </c>
      <c r="GC12" s="72">
        <v>13</v>
      </c>
      <c r="GD12" s="72">
        <v>17</v>
      </c>
      <c r="GE12" s="73">
        <v>100</v>
      </c>
      <c r="GF12" s="74">
        <v>129</v>
      </c>
      <c r="GG12" s="71">
        <v>986</v>
      </c>
      <c r="GH12" s="72">
        <v>922</v>
      </c>
      <c r="GI12" s="73">
        <v>1908</v>
      </c>
      <c r="GJ12" s="277"/>
      <c r="GK12" s="72">
        <v>1706</v>
      </c>
      <c r="GL12" s="72">
        <v>1603</v>
      </c>
      <c r="GM12" s="72">
        <v>1242</v>
      </c>
      <c r="GN12" s="72">
        <v>1005</v>
      </c>
      <c r="GO12" s="72">
        <v>658</v>
      </c>
      <c r="GP12" s="73">
        <v>6214</v>
      </c>
      <c r="GQ12" s="74">
        <v>8122</v>
      </c>
      <c r="GR12" s="127">
        <v>1505</v>
      </c>
      <c r="GS12" s="83">
        <v>1245</v>
      </c>
      <c r="GT12" s="84">
        <v>2750</v>
      </c>
      <c r="GU12" s="274"/>
      <c r="GV12" s="83">
        <v>2628</v>
      </c>
      <c r="GW12" s="83">
        <v>2432</v>
      </c>
      <c r="GX12" s="83">
        <v>1846</v>
      </c>
      <c r="GY12" s="83">
        <v>1450</v>
      </c>
      <c r="GZ12" s="83">
        <v>894</v>
      </c>
      <c r="HA12" s="85">
        <v>9250</v>
      </c>
      <c r="HB12" s="86">
        <v>12000</v>
      </c>
      <c r="HC12" s="71">
        <v>52</v>
      </c>
      <c r="HD12" s="72">
        <v>50</v>
      </c>
      <c r="HE12" s="73">
        <v>102</v>
      </c>
      <c r="HF12" s="277"/>
      <c r="HG12" s="72">
        <v>88</v>
      </c>
      <c r="HH12" s="72">
        <v>79</v>
      </c>
      <c r="HI12" s="72">
        <v>57</v>
      </c>
      <c r="HJ12" s="72">
        <v>44</v>
      </c>
      <c r="HK12" s="72">
        <v>34</v>
      </c>
      <c r="HL12" s="73">
        <v>302</v>
      </c>
      <c r="HM12" s="74">
        <v>404</v>
      </c>
      <c r="HN12" s="71">
        <v>130</v>
      </c>
      <c r="HO12" s="72">
        <v>112</v>
      </c>
      <c r="HP12" s="73">
        <v>242</v>
      </c>
      <c r="HQ12" s="277"/>
      <c r="HR12" s="72">
        <v>219</v>
      </c>
      <c r="HS12" s="72">
        <v>235</v>
      </c>
      <c r="HT12" s="72">
        <v>151</v>
      </c>
      <c r="HU12" s="72">
        <v>120</v>
      </c>
      <c r="HV12" s="72">
        <v>75</v>
      </c>
      <c r="HW12" s="73">
        <v>800</v>
      </c>
      <c r="HX12" s="74">
        <v>1042</v>
      </c>
      <c r="HY12" s="71">
        <v>248</v>
      </c>
      <c r="HZ12" s="72">
        <v>178</v>
      </c>
      <c r="IA12" s="73">
        <v>426</v>
      </c>
      <c r="IB12" s="277"/>
      <c r="IC12" s="72">
        <v>380</v>
      </c>
      <c r="ID12" s="72">
        <v>316</v>
      </c>
      <c r="IE12" s="72">
        <v>226</v>
      </c>
      <c r="IF12" s="72">
        <v>151</v>
      </c>
      <c r="IG12" s="72">
        <v>123</v>
      </c>
      <c r="IH12" s="73">
        <v>1196</v>
      </c>
      <c r="II12" s="74">
        <v>1622</v>
      </c>
      <c r="IJ12" s="71">
        <v>458</v>
      </c>
      <c r="IK12" s="72">
        <v>320</v>
      </c>
      <c r="IL12" s="73">
        <v>778</v>
      </c>
      <c r="IM12" s="277">
        <v>0</v>
      </c>
      <c r="IN12" s="72">
        <v>618</v>
      </c>
      <c r="IO12" s="72">
        <v>553</v>
      </c>
      <c r="IP12" s="72">
        <v>339</v>
      </c>
      <c r="IQ12" s="72">
        <v>297</v>
      </c>
      <c r="IR12" s="72">
        <v>158</v>
      </c>
      <c r="IS12" s="73">
        <v>1965</v>
      </c>
      <c r="IT12" s="74">
        <v>2743</v>
      </c>
      <c r="IU12" s="71">
        <v>414</v>
      </c>
      <c r="IV12" s="72">
        <v>364</v>
      </c>
      <c r="IW12" s="73">
        <v>778</v>
      </c>
      <c r="IX12" s="277"/>
      <c r="IY12" s="72">
        <v>733</v>
      </c>
      <c r="IZ12" s="72">
        <v>631</v>
      </c>
      <c r="JA12" s="72">
        <v>476</v>
      </c>
      <c r="JB12" s="72">
        <v>341</v>
      </c>
      <c r="JC12" s="72">
        <v>212</v>
      </c>
      <c r="JD12" s="73">
        <v>2393</v>
      </c>
      <c r="JE12" s="74">
        <v>3171</v>
      </c>
      <c r="JF12" s="71">
        <v>203</v>
      </c>
      <c r="JG12" s="72">
        <v>221</v>
      </c>
      <c r="JH12" s="73">
        <v>424</v>
      </c>
      <c r="JI12" s="277"/>
      <c r="JJ12" s="72">
        <v>590</v>
      </c>
      <c r="JK12" s="72">
        <v>618</v>
      </c>
      <c r="JL12" s="72">
        <v>597</v>
      </c>
      <c r="JM12" s="72">
        <v>497</v>
      </c>
      <c r="JN12" s="72">
        <v>292</v>
      </c>
      <c r="JO12" s="73">
        <v>2594</v>
      </c>
      <c r="JP12" s="74">
        <v>3018</v>
      </c>
      <c r="JQ12" s="71">
        <v>18</v>
      </c>
      <c r="JR12" s="72">
        <v>42</v>
      </c>
      <c r="JS12" s="73">
        <v>60</v>
      </c>
      <c r="JT12" s="277"/>
      <c r="JU12" s="72">
        <v>40</v>
      </c>
      <c r="JV12" s="72">
        <v>73</v>
      </c>
      <c r="JW12" s="72">
        <v>45</v>
      </c>
      <c r="JX12" s="72">
        <v>34</v>
      </c>
      <c r="JY12" s="72">
        <v>35</v>
      </c>
      <c r="JZ12" s="73">
        <v>227</v>
      </c>
      <c r="KA12" s="74">
        <v>287</v>
      </c>
      <c r="KB12" s="71">
        <v>1523</v>
      </c>
      <c r="KC12" s="72">
        <v>1287</v>
      </c>
      <c r="KD12" s="73">
        <v>2810</v>
      </c>
      <c r="KE12" s="277"/>
      <c r="KF12" s="72">
        <v>2668</v>
      </c>
      <c r="KG12" s="72">
        <v>2505</v>
      </c>
      <c r="KH12" s="72">
        <v>1891</v>
      </c>
      <c r="KI12" s="72">
        <v>1484</v>
      </c>
      <c r="KJ12" s="72">
        <v>929</v>
      </c>
      <c r="KK12" s="73">
        <v>9477</v>
      </c>
      <c r="KL12" s="74">
        <v>12287</v>
      </c>
    </row>
    <row r="13" spans="1:298" ht="19.5" customHeight="1" x14ac:dyDescent="0.2">
      <c r="A13" s="130" t="s">
        <v>9</v>
      </c>
      <c r="B13" s="347">
        <v>620</v>
      </c>
      <c r="C13" s="83">
        <v>415</v>
      </c>
      <c r="D13" s="84">
        <v>1035</v>
      </c>
      <c r="E13" s="274"/>
      <c r="F13" s="83">
        <v>806</v>
      </c>
      <c r="G13" s="83">
        <v>566</v>
      </c>
      <c r="H13" s="83">
        <v>440</v>
      </c>
      <c r="I13" s="83">
        <v>392</v>
      </c>
      <c r="J13" s="83">
        <v>233</v>
      </c>
      <c r="K13" s="85">
        <v>2437</v>
      </c>
      <c r="L13" s="86">
        <v>3472</v>
      </c>
      <c r="M13" s="71">
        <v>18</v>
      </c>
      <c r="N13" s="72">
        <v>9</v>
      </c>
      <c r="O13" s="73">
        <v>27</v>
      </c>
      <c r="P13" s="277"/>
      <c r="Q13" s="72">
        <v>22</v>
      </c>
      <c r="R13" s="72">
        <v>28</v>
      </c>
      <c r="S13" s="72">
        <v>14</v>
      </c>
      <c r="T13" s="72">
        <v>11</v>
      </c>
      <c r="U13" s="72">
        <v>10</v>
      </c>
      <c r="V13" s="73">
        <v>85</v>
      </c>
      <c r="W13" s="74">
        <v>112</v>
      </c>
      <c r="X13" s="71">
        <v>47</v>
      </c>
      <c r="Y13" s="72">
        <v>32</v>
      </c>
      <c r="Z13" s="73">
        <v>79</v>
      </c>
      <c r="AA13" s="277"/>
      <c r="AB13" s="72">
        <v>59</v>
      </c>
      <c r="AC13" s="72">
        <v>46</v>
      </c>
      <c r="AD13" s="72">
        <v>47</v>
      </c>
      <c r="AE13" s="72">
        <v>38</v>
      </c>
      <c r="AF13" s="72">
        <v>20</v>
      </c>
      <c r="AG13" s="73">
        <v>210</v>
      </c>
      <c r="AH13" s="74">
        <v>289</v>
      </c>
      <c r="AI13" s="71">
        <v>66</v>
      </c>
      <c r="AJ13" s="72">
        <v>42</v>
      </c>
      <c r="AK13" s="73">
        <v>108</v>
      </c>
      <c r="AL13" s="277"/>
      <c r="AM13" s="72">
        <v>105</v>
      </c>
      <c r="AN13" s="72">
        <v>59</v>
      </c>
      <c r="AO13" s="72">
        <v>69</v>
      </c>
      <c r="AP13" s="72">
        <v>53</v>
      </c>
      <c r="AQ13" s="72">
        <v>43</v>
      </c>
      <c r="AR13" s="73">
        <v>329</v>
      </c>
      <c r="AS13" s="74">
        <v>437</v>
      </c>
      <c r="AT13" s="71">
        <v>160</v>
      </c>
      <c r="AU13" s="72">
        <v>100</v>
      </c>
      <c r="AV13" s="73">
        <v>260</v>
      </c>
      <c r="AW13" s="277"/>
      <c r="AX13" s="72">
        <v>177</v>
      </c>
      <c r="AY13" s="72">
        <v>117</v>
      </c>
      <c r="AZ13" s="72">
        <v>67</v>
      </c>
      <c r="BA13" s="72">
        <v>67</v>
      </c>
      <c r="BB13" s="72">
        <v>46</v>
      </c>
      <c r="BC13" s="73">
        <v>474</v>
      </c>
      <c r="BD13" s="74">
        <v>734</v>
      </c>
      <c r="BE13" s="71">
        <v>196</v>
      </c>
      <c r="BF13" s="72">
        <v>122</v>
      </c>
      <c r="BG13" s="73">
        <v>318</v>
      </c>
      <c r="BH13" s="277"/>
      <c r="BI13" s="72">
        <v>260</v>
      </c>
      <c r="BJ13" s="72">
        <v>157</v>
      </c>
      <c r="BK13" s="72">
        <v>114</v>
      </c>
      <c r="BL13" s="72">
        <v>130</v>
      </c>
      <c r="BM13" s="72">
        <v>46</v>
      </c>
      <c r="BN13" s="73">
        <v>707</v>
      </c>
      <c r="BO13" s="74">
        <v>1025</v>
      </c>
      <c r="BP13" s="71">
        <v>133</v>
      </c>
      <c r="BQ13" s="72">
        <v>110</v>
      </c>
      <c r="BR13" s="73">
        <v>243</v>
      </c>
      <c r="BS13" s="277"/>
      <c r="BT13" s="72">
        <v>183</v>
      </c>
      <c r="BU13" s="72">
        <v>159</v>
      </c>
      <c r="BV13" s="72">
        <v>129</v>
      </c>
      <c r="BW13" s="72">
        <v>93</v>
      </c>
      <c r="BX13" s="72">
        <v>68</v>
      </c>
      <c r="BY13" s="73">
        <v>632</v>
      </c>
      <c r="BZ13" s="74">
        <v>875</v>
      </c>
      <c r="CA13" s="71">
        <v>6</v>
      </c>
      <c r="CB13" s="72">
        <v>16</v>
      </c>
      <c r="CC13" s="73">
        <v>22</v>
      </c>
      <c r="CD13" s="277"/>
      <c r="CE13" s="72">
        <v>24</v>
      </c>
      <c r="CF13" s="72">
        <v>21</v>
      </c>
      <c r="CG13" s="72">
        <v>10</v>
      </c>
      <c r="CH13" s="72">
        <v>12</v>
      </c>
      <c r="CI13" s="72">
        <v>9</v>
      </c>
      <c r="CJ13" s="73">
        <v>76</v>
      </c>
      <c r="CK13" s="74">
        <v>98</v>
      </c>
      <c r="CL13" s="71">
        <v>626</v>
      </c>
      <c r="CM13" s="72">
        <v>431</v>
      </c>
      <c r="CN13" s="73">
        <v>1057</v>
      </c>
      <c r="CO13" s="277"/>
      <c r="CP13" s="72">
        <v>830</v>
      </c>
      <c r="CQ13" s="72">
        <v>587</v>
      </c>
      <c r="CR13" s="72">
        <v>450</v>
      </c>
      <c r="CS13" s="72">
        <v>404</v>
      </c>
      <c r="CT13" s="72">
        <v>242</v>
      </c>
      <c r="CU13" s="73">
        <v>2513</v>
      </c>
      <c r="CV13" s="74">
        <v>3570</v>
      </c>
      <c r="CW13" s="127">
        <v>1296</v>
      </c>
      <c r="CX13" s="83">
        <v>1032</v>
      </c>
      <c r="CY13" s="84">
        <v>2328</v>
      </c>
      <c r="CZ13" s="274"/>
      <c r="DA13" s="83">
        <v>1592</v>
      </c>
      <c r="DB13" s="83">
        <v>1150</v>
      </c>
      <c r="DC13" s="83">
        <v>952</v>
      </c>
      <c r="DD13" s="83">
        <v>1024</v>
      </c>
      <c r="DE13" s="83">
        <v>724</v>
      </c>
      <c r="DF13" s="85">
        <v>5442</v>
      </c>
      <c r="DG13" s="86">
        <v>7770</v>
      </c>
      <c r="DH13" s="71">
        <v>23</v>
      </c>
      <c r="DI13" s="72">
        <v>13</v>
      </c>
      <c r="DJ13" s="73">
        <v>36</v>
      </c>
      <c r="DK13" s="277"/>
      <c r="DL13" s="72">
        <v>14</v>
      </c>
      <c r="DM13" s="72">
        <v>12</v>
      </c>
      <c r="DN13" s="72">
        <v>12</v>
      </c>
      <c r="DO13" s="72">
        <v>11</v>
      </c>
      <c r="DP13" s="72">
        <v>15</v>
      </c>
      <c r="DQ13" s="73">
        <v>64</v>
      </c>
      <c r="DR13" s="74">
        <v>100</v>
      </c>
      <c r="DS13" s="71">
        <v>84</v>
      </c>
      <c r="DT13" s="72">
        <v>60</v>
      </c>
      <c r="DU13" s="73">
        <v>144</v>
      </c>
      <c r="DV13" s="277"/>
      <c r="DW13" s="72">
        <v>68</v>
      </c>
      <c r="DX13" s="72">
        <v>37</v>
      </c>
      <c r="DY13" s="72">
        <v>30</v>
      </c>
      <c r="DZ13" s="72">
        <v>32</v>
      </c>
      <c r="EA13" s="72">
        <v>30</v>
      </c>
      <c r="EB13" s="73">
        <v>197</v>
      </c>
      <c r="EC13" s="74">
        <v>341</v>
      </c>
      <c r="ED13" s="71">
        <v>184</v>
      </c>
      <c r="EE13" s="72">
        <v>138</v>
      </c>
      <c r="EF13" s="73">
        <v>322</v>
      </c>
      <c r="EG13" s="277"/>
      <c r="EH13" s="72">
        <v>162</v>
      </c>
      <c r="EI13" s="72">
        <v>93</v>
      </c>
      <c r="EJ13" s="72">
        <v>58</v>
      </c>
      <c r="EK13" s="72">
        <v>57</v>
      </c>
      <c r="EL13" s="72">
        <v>67</v>
      </c>
      <c r="EM13" s="73">
        <v>437</v>
      </c>
      <c r="EN13" s="74">
        <v>759</v>
      </c>
      <c r="EO13" s="71">
        <v>356</v>
      </c>
      <c r="EP13" s="72">
        <v>250</v>
      </c>
      <c r="EQ13" s="73">
        <v>606</v>
      </c>
      <c r="ER13" s="277"/>
      <c r="ES13" s="72">
        <v>348</v>
      </c>
      <c r="ET13" s="72">
        <v>200</v>
      </c>
      <c r="EU13" s="72">
        <v>142</v>
      </c>
      <c r="EV13" s="72">
        <v>152</v>
      </c>
      <c r="EW13" s="72">
        <v>112</v>
      </c>
      <c r="EX13" s="73">
        <v>954</v>
      </c>
      <c r="EY13" s="74">
        <v>1560</v>
      </c>
      <c r="EZ13" s="71">
        <v>392</v>
      </c>
      <c r="FA13" s="72">
        <v>344</v>
      </c>
      <c r="FB13" s="73">
        <v>736</v>
      </c>
      <c r="FC13" s="277"/>
      <c r="FD13" s="72">
        <v>502</v>
      </c>
      <c r="FE13" s="72">
        <v>339</v>
      </c>
      <c r="FF13" s="72">
        <v>264</v>
      </c>
      <c r="FG13" s="72">
        <v>256</v>
      </c>
      <c r="FH13" s="72">
        <v>179</v>
      </c>
      <c r="FI13" s="73">
        <v>1540</v>
      </c>
      <c r="FJ13" s="74">
        <v>2276</v>
      </c>
      <c r="FK13" s="71">
        <v>257</v>
      </c>
      <c r="FL13" s="72">
        <v>227</v>
      </c>
      <c r="FM13" s="73">
        <v>484</v>
      </c>
      <c r="FN13" s="277"/>
      <c r="FO13" s="72">
        <v>498</v>
      </c>
      <c r="FP13" s="72">
        <v>469</v>
      </c>
      <c r="FQ13" s="72">
        <v>446</v>
      </c>
      <c r="FR13" s="72">
        <v>516</v>
      </c>
      <c r="FS13" s="72">
        <v>321</v>
      </c>
      <c r="FT13" s="73">
        <v>2250</v>
      </c>
      <c r="FU13" s="74">
        <v>2734</v>
      </c>
      <c r="FV13" s="71">
        <v>6</v>
      </c>
      <c r="FW13" s="72">
        <v>12</v>
      </c>
      <c r="FX13" s="73">
        <v>18</v>
      </c>
      <c r="FY13" s="277"/>
      <c r="FZ13" s="72">
        <v>10</v>
      </c>
      <c r="GA13" s="72">
        <v>16</v>
      </c>
      <c r="GB13" s="72">
        <v>11</v>
      </c>
      <c r="GC13" s="72">
        <v>14</v>
      </c>
      <c r="GD13" s="72">
        <v>11</v>
      </c>
      <c r="GE13" s="73">
        <v>62</v>
      </c>
      <c r="GF13" s="74">
        <v>80</v>
      </c>
      <c r="GG13" s="71">
        <v>1302</v>
      </c>
      <c r="GH13" s="72">
        <v>1044</v>
      </c>
      <c r="GI13" s="73">
        <v>2346</v>
      </c>
      <c r="GJ13" s="277"/>
      <c r="GK13" s="72">
        <v>1602</v>
      </c>
      <c r="GL13" s="72">
        <v>1166</v>
      </c>
      <c r="GM13" s="72">
        <v>963</v>
      </c>
      <c r="GN13" s="72">
        <v>1038</v>
      </c>
      <c r="GO13" s="72">
        <v>735</v>
      </c>
      <c r="GP13" s="73">
        <v>5504</v>
      </c>
      <c r="GQ13" s="74">
        <v>7850</v>
      </c>
      <c r="GR13" s="127">
        <v>1916</v>
      </c>
      <c r="GS13" s="83">
        <v>1447</v>
      </c>
      <c r="GT13" s="84">
        <v>3363</v>
      </c>
      <c r="GU13" s="274"/>
      <c r="GV13" s="83">
        <v>2398</v>
      </c>
      <c r="GW13" s="83">
        <v>1716</v>
      </c>
      <c r="GX13" s="83">
        <v>1392</v>
      </c>
      <c r="GY13" s="83">
        <v>1416</v>
      </c>
      <c r="GZ13" s="83">
        <v>957</v>
      </c>
      <c r="HA13" s="85">
        <v>7879</v>
      </c>
      <c r="HB13" s="86">
        <v>11242</v>
      </c>
      <c r="HC13" s="71">
        <v>41</v>
      </c>
      <c r="HD13" s="72">
        <v>22</v>
      </c>
      <c r="HE13" s="73">
        <v>63</v>
      </c>
      <c r="HF13" s="277"/>
      <c r="HG13" s="72">
        <v>36</v>
      </c>
      <c r="HH13" s="72">
        <v>40</v>
      </c>
      <c r="HI13" s="72">
        <v>26</v>
      </c>
      <c r="HJ13" s="72">
        <v>22</v>
      </c>
      <c r="HK13" s="72">
        <v>25</v>
      </c>
      <c r="HL13" s="73">
        <v>149</v>
      </c>
      <c r="HM13" s="74">
        <v>212</v>
      </c>
      <c r="HN13" s="71">
        <v>131</v>
      </c>
      <c r="HO13" s="72">
        <v>92</v>
      </c>
      <c r="HP13" s="73">
        <v>223</v>
      </c>
      <c r="HQ13" s="277"/>
      <c r="HR13" s="72">
        <v>127</v>
      </c>
      <c r="HS13" s="72">
        <v>83</v>
      </c>
      <c r="HT13" s="72">
        <v>77</v>
      </c>
      <c r="HU13" s="72">
        <v>70</v>
      </c>
      <c r="HV13" s="72">
        <v>50</v>
      </c>
      <c r="HW13" s="73">
        <v>407</v>
      </c>
      <c r="HX13" s="74">
        <v>630</v>
      </c>
      <c r="HY13" s="71">
        <v>250</v>
      </c>
      <c r="HZ13" s="72">
        <v>180</v>
      </c>
      <c r="IA13" s="73">
        <v>430</v>
      </c>
      <c r="IB13" s="277"/>
      <c r="IC13" s="72">
        <v>267</v>
      </c>
      <c r="ID13" s="72">
        <v>152</v>
      </c>
      <c r="IE13" s="72">
        <v>127</v>
      </c>
      <c r="IF13" s="72">
        <v>110</v>
      </c>
      <c r="IG13" s="72">
        <v>110</v>
      </c>
      <c r="IH13" s="73">
        <v>766</v>
      </c>
      <c r="II13" s="74">
        <v>1196</v>
      </c>
      <c r="IJ13" s="71">
        <v>516</v>
      </c>
      <c r="IK13" s="72">
        <v>350</v>
      </c>
      <c r="IL13" s="73">
        <v>866</v>
      </c>
      <c r="IM13" s="277">
        <v>0</v>
      </c>
      <c r="IN13" s="72">
        <v>525</v>
      </c>
      <c r="IO13" s="72">
        <v>317</v>
      </c>
      <c r="IP13" s="72">
        <v>209</v>
      </c>
      <c r="IQ13" s="72">
        <v>219</v>
      </c>
      <c r="IR13" s="72">
        <v>158</v>
      </c>
      <c r="IS13" s="73">
        <v>1428</v>
      </c>
      <c r="IT13" s="74">
        <v>2294</v>
      </c>
      <c r="IU13" s="71">
        <v>588</v>
      </c>
      <c r="IV13" s="72">
        <v>466</v>
      </c>
      <c r="IW13" s="73">
        <v>1054</v>
      </c>
      <c r="IX13" s="277"/>
      <c r="IY13" s="72">
        <v>762</v>
      </c>
      <c r="IZ13" s="72">
        <v>496</v>
      </c>
      <c r="JA13" s="72">
        <v>378</v>
      </c>
      <c r="JB13" s="72">
        <v>386</v>
      </c>
      <c r="JC13" s="72">
        <v>225</v>
      </c>
      <c r="JD13" s="73">
        <v>2247</v>
      </c>
      <c r="JE13" s="74">
        <v>3301</v>
      </c>
      <c r="JF13" s="71">
        <v>390</v>
      </c>
      <c r="JG13" s="72">
        <v>337</v>
      </c>
      <c r="JH13" s="73">
        <v>727</v>
      </c>
      <c r="JI13" s="277"/>
      <c r="JJ13" s="72">
        <v>681</v>
      </c>
      <c r="JK13" s="72">
        <v>628</v>
      </c>
      <c r="JL13" s="72">
        <v>575</v>
      </c>
      <c r="JM13" s="72">
        <v>609</v>
      </c>
      <c r="JN13" s="72">
        <v>389</v>
      </c>
      <c r="JO13" s="73">
        <v>2882</v>
      </c>
      <c r="JP13" s="74">
        <v>3609</v>
      </c>
      <c r="JQ13" s="71">
        <v>12</v>
      </c>
      <c r="JR13" s="72">
        <v>28</v>
      </c>
      <c r="JS13" s="73">
        <v>40</v>
      </c>
      <c r="JT13" s="277"/>
      <c r="JU13" s="72">
        <v>34</v>
      </c>
      <c r="JV13" s="72">
        <v>37</v>
      </c>
      <c r="JW13" s="72">
        <v>21</v>
      </c>
      <c r="JX13" s="72">
        <v>26</v>
      </c>
      <c r="JY13" s="72">
        <v>20</v>
      </c>
      <c r="JZ13" s="73">
        <v>138</v>
      </c>
      <c r="KA13" s="74">
        <v>178</v>
      </c>
      <c r="KB13" s="71">
        <v>1928</v>
      </c>
      <c r="KC13" s="72">
        <v>1475</v>
      </c>
      <c r="KD13" s="73">
        <v>3403</v>
      </c>
      <c r="KE13" s="277"/>
      <c r="KF13" s="72">
        <v>2432</v>
      </c>
      <c r="KG13" s="72">
        <v>1753</v>
      </c>
      <c r="KH13" s="72">
        <v>1413</v>
      </c>
      <c r="KI13" s="72">
        <v>1442</v>
      </c>
      <c r="KJ13" s="72">
        <v>977</v>
      </c>
      <c r="KK13" s="73">
        <v>8017</v>
      </c>
      <c r="KL13" s="74">
        <v>11420</v>
      </c>
    </row>
    <row r="14" spans="1:298" ht="19.5" customHeight="1" x14ac:dyDescent="0.2">
      <c r="A14" s="130" t="s">
        <v>10</v>
      </c>
      <c r="B14" s="347">
        <v>1410</v>
      </c>
      <c r="C14" s="83">
        <v>1039</v>
      </c>
      <c r="D14" s="84">
        <v>2449</v>
      </c>
      <c r="E14" s="274"/>
      <c r="F14" s="83">
        <v>1643</v>
      </c>
      <c r="G14" s="83">
        <v>974</v>
      </c>
      <c r="H14" s="83">
        <v>691</v>
      </c>
      <c r="I14" s="83">
        <v>559</v>
      </c>
      <c r="J14" s="83">
        <v>415</v>
      </c>
      <c r="K14" s="85">
        <v>4282</v>
      </c>
      <c r="L14" s="86">
        <v>6731</v>
      </c>
      <c r="M14" s="71">
        <v>60</v>
      </c>
      <c r="N14" s="72">
        <v>62</v>
      </c>
      <c r="O14" s="73">
        <v>122</v>
      </c>
      <c r="P14" s="277"/>
      <c r="Q14" s="72">
        <v>85</v>
      </c>
      <c r="R14" s="72">
        <v>60</v>
      </c>
      <c r="S14" s="72">
        <v>32</v>
      </c>
      <c r="T14" s="72">
        <v>23</v>
      </c>
      <c r="U14" s="72">
        <v>27</v>
      </c>
      <c r="V14" s="73">
        <v>227</v>
      </c>
      <c r="W14" s="74">
        <v>349</v>
      </c>
      <c r="X14" s="71">
        <v>137</v>
      </c>
      <c r="Y14" s="72">
        <v>131</v>
      </c>
      <c r="Z14" s="73">
        <v>268</v>
      </c>
      <c r="AA14" s="277"/>
      <c r="AB14" s="72">
        <v>176</v>
      </c>
      <c r="AC14" s="72">
        <v>117</v>
      </c>
      <c r="AD14" s="72">
        <v>78</v>
      </c>
      <c r="AE14" s="72">
        <v>69</v>
      </c>
      <c r="AF14" s="72">
        <v>65</v>
      </c>
      <c r="AG14" s="73">
        <v>505</v>
      </c>
      <c r="AH14" s="74">
        <v>773</v>
      </c>
      <c r="AI14" s="71">
        <v>195</v>
      </c>
      <c r="AJ14" s="72">
        <v>169</v>
      </c>
      <c r="AK14" s="73">
        <v>364</v>
      </c>
      <c r="AL14" s="277"/>
      <c r="AM14" s="72">
        <v>270</v>
      </c>
      <c r="AN14" s="72">
        <v>179</v>
      </c>
      <c r="AO14" s="72">
        <v>113</v>
      </c>
      <c r="AP14" s="72">
        <v>81</v>
      </c>
      <c r="AQ14" s="72">
        <v>63</v>
      </c>
      <c r="AR14" s="73">
        <v>706</v>
      </c>
      <c r="AS14" s="74">
        <v>1070</v>
      </c>
      <c r="AT14" s="71">
        <v>378</v>
      </c>
      <c r="AU14" s="72">
        <v>236</v>
      </c>
      <c r="AV14" s="73">
        <v>614</v>
      </c>
      <c r="AW14" s="277"/>
      <c r="AX14" s="72">
        <v>381</v>
      </c>
      <c r="AY14" s="72">
        <v>213</v>
      </c>
      <c r="AZ14" s="72">
        <v>147</v>
      </c>
      <c r="BA14" s="72">
        <v>127</v>
      </c>
      <c r="BB14" s="72">
        <v>96</v>
      </c>
      <c r="BC14" s="73">
        <v>964</v>
      </c>
      <c r="BD14" s="74">
        <v>1578</v>
      </c>
      <c r="BE14" s="71">
        <v>401</v>
      </c>
      <c r="BF14" s="72">
        <v>264</v>
      </c>
      <c r="BG14" s="73">
        <v>665</v>
      </c>
      <c r="BH14" s="277"/>
      <c r="BI14" s="72">
        <v>414</v>
      </c>
      <c r="BJ14" s="72">
        <v>211</v>
      </c>
      <c r="BK14" s="72">
        <v>185</v>
      </c>
      <c r="BL14" s="72">
        <v>139</v>
      </c>
      <c r="BM14" s="72">
        <v>96</v>
      </c>
      <c r="BN14" s="73">
        <v>1045</v>
      </c>
      <c r="BO14" s="74">
        <v>1710</v>
      </c>
      <c r="BP14" s="71">
        <v>239</v>
      </c>
      <c r="BQ14" s="72">
        <v>177</v>
      </c>
      <c r="BR14" s="73">
        <v>416</v>
      </c>
      <c r="BS14" s="277"/>
      <c r="BT14" s="72">
        <v>317</v>
      </c>
      <c r="BU14" s="72">
        <v>194</v>
      </c>
      <c r="BV14" s="72">
        <v>136</v>
      </c>
      <c r="BW14" s="72">
        <v>120</v>
      </c>
      <c r="BX14" s="72">
        <v>68</v>
      </c>
      <c r="BY14" s="73">
        <v>835</v>
      </c>
      <c r="BZ14" s="74">
        <v>1251</v>
      </c>
      <c r="CA14" s="71">
        <v>34</v>
      </c>
      <c r="CB14" s="72">
        <v>37</v>
      </c>
      <c r="CC14" s="73">
        <v>71</v>
      </c>
      <c r="CD14" s="277"/>
      <c r="CE14" s="72">
        <v>61</v>
      </c>
      <c r="CF14" s="72">
        <v>48</v>
      </c>
      <c r="CG14" s="72">
        <v>31</v>
      </c>
      <c r="CH14" s="72">
        <v>21</v>
      </c>
      <c r="CI14" s="72">
        <v>31</v>
      </c>
      <c r="CJ14" s="73">
        <v>192</v>
      </c>
      <c r="CK14" s="74">
        <v>263</v>
      </c>
      <c r="CL14" s="71">
        <v>1444</v>
      </c>
      <c r="CM14" s="72">
        <v>1076</v>
      </c>
      <c r="CN14" s="73">
        <v>2520</v>
      </c>
      <c r="CO14" s="277"/>
      <c r="CP14" s="72">
        <v>1704</v>
      </c>
      <c r="CQ14" s="72">
        <v>1022</v>
      </c>
      <c r="CR14" s="72">
        <v>722</v>
      </c>
      <c r="CS14" s="72">
        <v>580</v>
      </c>
      <c r="CT14" s="72">
        <v>446</v>
      </c>
      <c r="CU14" s="73">
        <v>4474</v>
      </c>
      <c r="CV14" s="74">
        <v>6994</v>
      </c>
      <c r="CW14" s="127">
        <v>2920</v>
      </c>
      <c r="CX14" s="83">
        <v>2147</v>
      </c>
      <c r="CY14" s="84">
        <v>5067</v>
      </c>
      <c r="CZ14" s="274"/>
      <c r="DA14" s="83">
        <v>3062</v>
      </c>
      <c r="DB14" s="83">
        <v>1724</v>
      </c>
      <c r="DC14" s="83">
        <v>1409</v>
      </c>
      <c r="DD14" s="83">
        <v>1361</v>
      </c>
      <c r="DE14" s="83">
        <v>1188</v>
      </c>
      <c r="DF14" s="85">
        <v>8744</v>
      </c>
      <c r="DG14" s="86">
        <v>13811</v>
      </c>
      <c r="DH14" s="71">
        <v>63</v>
      </c>
      <c r="DI14" s="72">
        <v>55</v>
      </c>
      <c r="DJ14" s="73">
        <v>118</v>
      </c>
      <c r="DK14" s="277"/>
      <c r="DL14" s="72">
        <v>67</v>
      </c>
      <c r="DM14" s="72">
        <v>32</v>
      </c>
      <c r="DN14" s="72">
        <v>16</v>
      </c>
      <c r="DO14" s="72">
        <v>18</v>
      </c>
      <c r="DP14" s="72">
        <v>25</v>
      </c>
      <c r="DQ14" s="73">
        <v>158</v>
      </c>
      <c r="DR14" s="74">
        <v>276</v>
      </c>
      <c r="DS14" s="71">
        <v>222</v>
      </c>
      <c r="DT14" s="72">
        <v>166</v>
      </c>
      <c r="DU14" s="73">
        <v>388</v>
      </c>
      <c r="DV14" s="277"/>
      <c r="DW14" s="72">
        <v>202</v>
      </c>
      <c r="DX14" s="72">
        <v>106</v>
      </c>
      <c r="DY14" s="72">
        <v>62</v>
      </c>
      <c r="DZ14" s="72">
        <v>59</v>
      </c>
      <c r="EA14" s="72">
        <v>67</v>
      </c>
      <c r="EB14" s="73">
        <v>496</v>
      </c>
      <c r="EC14" s="74">
        <v>884</v>
      </c>
      <c r="ED14" s="71">
        <v>442</v>
      </c>
      <c r="EE14" s="72">
        <v>291</v>
      </c>
      <c r="EF14" s="73">
        <v>733</v>
      </c>
      <c r="EG14" s="277"/>
      <c r="EH14" s="72">
        <v>355</v>
      </c>
      <c r="EI14" s="72">
        <v>150</v>
      </c>
      <c r="EJ14" s="72">
        <v>123</v>
      </c>
      <c r="EK14" s="72">
        <v>116</v>
      </c>
      <c r="EL14" s="72">
        <v>102</v>
      </c>
      <c r="EM14" s="73">
        <v>846</v>
      </c>
      <c r="EN14" s="74">
        <v>1579</v>
      </c>
      <c r="EO14" s="71">
        <v>811</v>
      </c>
      <c r="EP14" s="72">
        <v>534</v>
      </c>
      <c r="EQ14" s="73">
        <v>1345</v>
      </c>
      <c r="ER14" s="277"/>
      <c r="ES14" s="72">
        <v>638</v>
      </c>
      <c r="ET14" s="72">
        <v>342</v>
      </c>
      <c r="EU14" s="72">
        <v>236</v>
      </c>
      <c r="EV14" s="72">
        <v>224</v>
      </c>
      <c r="EW14" s="72">
        <v>208</v>
      </c>
      <c r="EX14" s="73">
        <v>1648</v>
      </c>
      <c r="EY14" s="74">
        <v>2993</v>
      </c>
      <c r="EZ14" s="71">
        <v>903</v>
      </c>
      <c r="FA14" s="72">
        <v>621</v>
      </c>
      <c r="FB14" s="73">
        <v>1524</v>
      </c>
      <c r="FC14" s="277"/>
      <c r="FD14" s="72">
        <v>927</v>
      </c>
      <c r="FE14" s="72">
        <v>480</v>
      </c>
      <c r="FF14" s="72">
        <v>386</v>
      </c>
      <c r="FG14" s="72">
        <v>324</v>
      </c>
      <c r="FH14" s="72">
        <v>318</v>
      </c>
      <c r="FI14" s="73">
        <v>2435</v>
      </c>
      <c r="FJ14" s="74">
        <v>3959</v>
      </c>
      <c r="FK14" s="71">
        <v>479</v>
      </c>
      <c r="FL14" s="72">
        <v>480</v>
      </c>
      <c r="FM14" s="73">
        <v>959</v>
      </c>
      <c r="FN14" s="277"/>
      <c r="FO14" s="72">
        <v>873</v>
      </c>
      <c r="FP14" s="72">
        <v>614</v>
      </c>
      <c r="FQ14" s="72">
        <v>586</v>
      </c>
      <c r="FR14" s="72">
        <v>620</v>
      </c>
      <c r="FS14" s="72">
        <v>468</v>
      </c>
      <c r="FT14" s="73">
        <v>3161</v>
      </c>
      <c r="FU14" s="74">
        <v>4120</v>
      </c>
      <c r="FV14" s="71">
        <v>28</v>
      </c>
      <c r="FW14" s="72">
        <v>40</v>
      </c>
      <c r="FX14" s="73">
        <v>68</v>
      </c>
      <c r="FY14" s="277"/>
      <c r="FZ14" s="72">
        <v>47</v>
      </c>
      <c r="GA14" s="72">
        <v>32</v>
      </c>
      <c r="GB14" s="72">
        <v>23</v>
      </c>
      <c r="GC14" s="72">
        <v>17</v>
      </c>
      <c r="GD14" s="72">
        <v>37</v>
      </c>
      <c r="GE14" s="73">
        <v>156</v>
      </c>
      <c r="GF14" s="74">
        <v>224</v>
      </c>
      <c r="GG14" s="71">
        <v>2948</v>
      </c>
      <c r="GH14" s="72">
        <v>2187</v>
      </c>
      <c r="GI14" s="73">
        <v>5135</v>
      </c>
      <c r="GJ14" s="277"/>
      <c r="GK14" s="72">
        <v>3109</v>
      </c>
      <c r="GL14" s="72">
        <v>1756</v>
      </c>
      <c r="GM14" s="72">
        <v>1432</v>
      </c>
      <c r="GN14" s="72">
        <v>1378</v>
      </c>
      <c r="GO14" s="72">
        <v>1225</v>
      </c>
      <c r="GP14" s="73">
        <v>8900</v>
      </c>
      <c r="GQ14" s="74">
        <v>14035</v>
      </c>
      <c r="GR14" s="127">
        <v>4330</v>
      </c>
      <c r="GS14" s="83">
        <v>3186</v>
      </c>
      <c r="GT14" s="84">
        <v>7516</v>
      </c>
      <c r="GU14" s="274"/>
      <c r="GV14" s="83">
        <v>4705</v>
      </c>
      <c r="GW14" s="83">
        <v>2698</v>
      </c>
      <c r="GX14" s="83">
        <v>2100</v>
      </c>
      <c r="GY14" s="83">
        <v>1920</v>
      </c>
      <c r="GZ14" s="83">
        <v>1603</v>
      </c>
      <c r="HA14" s="85">
        <v>13026</v>
      </c>
      <c r="HB14" s="86">
        <v>20542</v>
      </c>
      <c r="HC14" s="71">
        <v>123</v>
      </c>
      <c r="HD14" s="72">
        <v>117</v>
      </c>
      <c r="HE14" s="73">
        <v>240</v>
      </c>
      <c r="HF14" s="277"/>
      <c r="HG14" s="72">
        <v>152</v>
      </c>
      <c r="HH14" s="72">
        <v>92</v>
      </c>
      <c r="HI14" s="72">
        <v>48</v>
      </c>
      <c r="HJ14" s="72">
        <v>41</v>
      </c>
      <c r="HK14" s="72">
        <v>52</v>
      </c>
      <c r="HL14" s="73">
        <v>385</v>
      </c>
      <c r="HM14" s="74">
        <v>625</v>
      </c>
      <c r="HN14" s="71">
        <v>359</v>
      </c>
      <c r="HO14" s="72">
        <v>297</v>
      </c>
      <c r="HP14" s="73">
        <v>656</v>
      </c>
      <c r="HQ14" s="277"/>
      <c r="HR14" s="72">
        <v>378</v>
      </c>
      <c r="HS14" s="72">
        <v>223</v>
      </c>
      <c r="HT14" s="72">
        <v>140</v>
      </c>
      <c r="HU14" s="72">
        <v>128</v>
      </c>
      <c r="HV14" s="72">
        <v>132</v>
      </c>
      <c r="HW14" s="73">
        <v>1001</v>
      </c>
      <c r="HX14" s="74">
        <v>1657</v>
      </c>
      <c r="HY14" s="71">
        <v>637</v>
      </c>
      <c r="HZ14" s="72">
        <v>460</v>
      </c>
      <c r="IA14" s="73">
        <v>1097</v>
      </c>
      <c r="IB14" s="277"/>
      <c r="IC14" s="72">
        <v>625</v>
      </c>
      <c r="ID14" s="72">
        <v>329</v>
      </c>
      <c r="IE14" s="72">
        <v>236</v>
      </c>
      <c r="IF14" s="72">
        <v>197</v>
      </c>
      <c r="IG14" s="72">
        <v>165</v>
      </c>
      <c r="IH14" s="73">
        <v>1552</v>
      </c>
      <c r="II14" s="74">
        <v>2649</v>
      </c>
      <c r="IJ14" s="71">
        <v>1189</v>
      </c>
      <c r="IK14" s="72">
        <v>770</v>
      </c>
      <c r="IL14" s="73">
        <v>1959</v>
      </c>
      <c r="IM14" s="277">
        <v>0</v>
      </c>
      <c r="IN14" s="72">
        <v>1019</v>
      </c>
      <c r="IO14" s="72">
        <v>555</v>
      </c>
      <c r="IP14" s="72">
        <v>383</v>
      </c>
      <c r="IQ14" s="72">
        <v>351</v>
      </c>
      <c r="IR14" s="72">
        <v>304</v>
      </c>
      <c r="IS14" s="73">
        <v>2612</v>
      </c>
      <c r="IT14" s="74">
        <v>4571</v>
      </c>
      <c r="IU14" s="71">
        <v>1304</v>
      </c>
      <c r="IV14" s="72">
        <v>885</v>
      </c>
      <c r="IW14" s="73">
        <v>2189</v>
      </c>
      <c r="IX14" s="277"/>
      <c r="IY14" s="72">
        <v>1341</v>
      </c>
      <c r="IZ14" s="72">
        <v>691</v>
      </c>
      <c r="JA14" s="72">
        <v>571</v>
      </c>
      <c r="JB14" s="72">
        <v>463</v>
      </c>
      <c r="JC14" s="72">
        <v>414</v>
      </c>
      <c r="JD14" s="73">
        <v>3480</v>
      </c>
      <c r="JE14" s="74">
        <v>5669</v>
      </c>
      <c r="JF14" s="71">
        <v>718</v>
      </c>
      <c r="JG14" s="72">
        <v>657</v>
      </c>
      <c r="JH14" s="73">
        <v>1375</v>
      </c>
      <c r="JI14" s="277"/>
      <c r="JJ14" s="72">
        <v>1190</v>
      </c>
      <c r="JK14" s="72">
        <v>808</v>
      </c>
      <c r="JL14" s="72">
        <v>722</v>
      </c>
      <c r="JM14" s="72">
        <v>740</v>
      </c>
      <c r="JN14" s="72">
        <v>536</v>
      </c>
      <c r="JO14" s="73">
        <v>3996</v>
      </c>
      <c r="JP14" s="74">
        <v>5371</v>
      </c>
      <c r="JQ14" s="71">
        <v>62</v>
      </c>
      <c r="JR14" s="72">
        <v>77</v>
      </c>
      <c r="JS14" s="73">
        <v>139</v>
      </c>
      <c r="JT14" s="277"/>
      <c r="JU14" s="72">
        <v>108</v>
      </c>
      <c r="JV14" s="72">
        <v>80</v>
      </c>
      <c r="JW14" s="72">
        <v>54</v>
      </c>
      <c r="JX14" s="72">
        <v>38</v>
      </c>
      <c r="JY14" s="72">
        <v>68</v>
      </c>
      <c r="JZ14" s="73">
        <v>348</v>
      </c>
      <c r="KA14" s="74">
        <v>487</v>
      </c>
      <c r="KB14" s="71">
        <v>4392</v>
      </c>
      <c r="KC14" s="72">
        <v>3263</v>
      </c>
      <c r="KD14" s="73">
        <v>7655</v>
      </c>
      <c r="KE14" s="277"/>
      <c r="KF14" s="72">
        <v>4813</v>
      </c>
      <c r="KG14" s="72">
        <v>2778</v>
      </c>
      <c r="KH14" s="72">
        <v>2154</v>
      </c>
      <c r="KI14" s="72">
        <v>1958</v>
      </c>
      <c r="KJ14" s="72">
        <v>1671</v>
      </c>
      <c r="KK14" s="73">
        <v>13374</v>
      </c>
      <c r="KL14" s="74">
        <v>21029</v>
      </c>
    </row>
    <row r="15" spans="1:298" ht="19.5" customHeight="1" x14ac:dyDescent="0.2">
      <c r="A15" s="130" t="s">
        <v>11</v>
      </c>
      <c r="B15" s="347">
        <v>443</v>
      </c>
      <c r="C15" s="83">
        <v>331</v>
      </c>
      <c r="D15" s="84">
        <v>774</v>
      </c>
      <c r="E15" s="274"/>
      <c r="F15" s="83">
        <v>874</v>
      </c>
      <c r="G15" s="83">
        <v>523</v>
      </c>
      <c r="H15" s="83">
        <v>449</v>
      </c>
      <c r="I15" s="83">
        <v>391</v>
      </c>
      <c r="J15" s="83">
        <v>210</v>
      </c>
      <c r="K15" s="85">
        <v>2447</v>
      </c>
      <c r="L15" s="86">
        <v>3221</v>
      </c>
      <c r="M15" s="71">
        <v>22</v>
      </c>
      <c r="N15" s="72">
        <v>7</v>
      </c>
      <c r="O15" s="73">
        <v>29</v>
      </c>
      <c r="P15" s="277"/>
      <c r="Q15" s="72">
        <v>53</v>
      </c>
      <c r="R15" s="72">
        <v>23</v>
      </c>
      <c r="S15" s="72">
        <v>20</v>
      </c>
      <c r="T15" s="72">
        <v>18</v>
      </c>
      <c r="U15" s="72">
        <v>14</v>
      </c>
      <c r="V15" s="73">
        <v>128</v>
      </c>
      <c r="W15" s="74">
        <v>157</v>
      </c>
      <c r="X15" s="71">
        <v>51</v>
      </c>
      <c r="Y15" s="72">
        <v>49</v>
      </c>
      <c r="Z15" s="73">
        <v>100</v>
      </c>
      <c r="AA15" s="277"/>
      <c r="AB15" s="72">
        <v>108</v>
      </c>
      <c r="AC15" s="72">
        <v>62</v>
      </c>
      <c r="AD15" s="72">
        <v>56</v>
      </c>
      <c r="AE15" s="72">
        <v>37</v>
      </c>
      <c r="AF15" s="72">
        <v>32</v>
      </c>
      <c r="AG15" s="73">
        <v>295</v>
      </c>
      <c r="AH15" s="74">
        <v>395</v>
      </c>
      <c r="AI15" s="71">
        <v>69</v>
      </c>
      <c r="AJ15" s="72">
        <v>62</v>
      </c>
      <c r="AK15" s="73">
        <v>131</v>
      </c>
      <c r="AL15" s="277"/>
      <c r="AM15" s="72">
        <v>143</v>
      </c>
      <c r="AN15" s="72">
        <v>97</v>
      </c>
      <c r="AO15" s="72">
        <v>80</v>
      </c>
      <c r="AP15" s="72">
        <v>72</v>
      </c>
      <c r="AQ15" s="72">
        <v>43</v>
      </c>
      <c r="AR15" s="73">
        <v>435</v>
      </c>
      <c r="AS15" s="74">
        <v>566</v>
      </c>
      <c r="AT15" s="71">
        <v>103</v>
      </c>
      <c r="AU15" s="72">
        <v>67</v>
      </c>
      <c r="AV15" s="73">
        <v>170</v>
      </c>
      <c r="AW15" s="277"/>
      <c r="AX15" s="72">
        <v>198</v>
      </c>
      <c r="AY15" s="72">
        <v>121</v>
      </c>
      <c r="AZ15" s="72">
        <v>91</v>
      </c>
      <c r="BA15" s="72">
        <v>88</v>
      </c>
      <c r="BB15" s="72">
        <v>47</v>
      </c>
      <c r="BC15" s="73">
        <v>545</v>
      </c>
      <c r="BD15" s="74">
        <v>715</v>
      </c>
      <c r="BE15" s="71">
        <v>126</v>
      </c>
      <c r="BF15" s="72">
        <v>93</v>
      </c>
      <c r="BG15" s="73">
        <v>219</v>
      </c>
      <c r="BH15" s="277"/>
      <c r="BI15" s="72">
        <v>205</v>
      </c>
      <c r="BJ15" s="72">
        <v>122</v>
      </c>
      <c r="BK15" s="72">
        <v>104</v>
      </c>
      <c r="BL15" s="72">
        <v>94</v>
      </c>
      <c r="BM15" s="72">
        <v>35</v>
      </c>
      <c r="BN15" s="73">
        <v>560</v>
      </c>
      <c r="BO15" s="74">
        <v>779</v>
      </c>
      <c r="BP15" s="71">
        <v>72</v>
      </c>
      <c r="BQ15" s="72">
        <v>53</v>
      </c>
      <c r="BR15" s="73">
        <v>125</v>
      </c>
      <c r="BS15" s="277"/>
      <c r="BT15" s="72">
        <v>167</v>
      </c>
      <c r="BU15" s="72">
        <v>98</v>
      </c>
      <c r="BV15" s="72">
        <v>98</v>
      </c>
      <c r="BW15" s="72">
        <v>82</v>
      </c>
      <c r="BX15" s="72">
        <v>39</v>
      </c>
      <c r="BY15" s="73">
        <v>484</v>
      </c>
      <c r="BZ15" s="74">
        <v>609</v>
      </c>
      <c r="CA15" s="71">
        <v>7</v>
      </c>
      <c r="CB15" s="72">
        <v>8</v>
      </c>
      <c r="CC15" s="73">
        <v>15</v>
      </c>
      <c r="CD15" s="277"/>
      <c r="CE15" s="72">
        <v>25</v>
      </c>
      <c r="CF15" s="72">
        <v>18</v>
      </c>
      <c r="CG15" s="72">
        <v>14</v>
      </c>
      <c r="CH15" s="72">
        <v>7</v>
      </c>
      <c r="CI15" s="72">
        <v>12</v>
      </c>
      <c r="CJ15" s="73">
        <v>76</v>
      </c>
      <c r="CK15" s="74">
        <v>91</v>
      </c>
      <c r="CL15" s="71">
        <v>450</v>
      </c>
      <c r="CM15" s="72">
        <v>339</v>
      </c>
      <c r="CN15" s="73">
        <v>789</v>
      </c>
      <c r="CO15" s="277"/>
      <c r="CP15" s="72">
        <v>899</v>
      </c>
      <c r="CQ15" s="72">
        <v>541</v>
      </c>
      <c r="CR15" s="72">
        <v>463</v>
      </c>
      <c r="CS15" s="72">
        <v>398</v>
      </c>
      <c r="CT15" s="72">
        <v>222</v>
      </c>
      <c r="CU15" s="73">
        <v>2523</v>
      </c>
      <c r="CV15" s="74">
        <v>3312</v>
      </c>
      <c r="CW15" s="127">
        <v>974</v>
      </c>
      <c r="CX15" s="83">
        <v>764</v>
      </c>
      <c r="CY15" s="84">
        <v>1738</v>
      </c>
      <c r="CZ15" s="274"/>
      <c r="DA15" s="83">
        <v>1796</v>
      </c>
      <c r="DB15" s="83">
        <v>1030</v>
      </c>
      <c r="DC15" s="83">
        <v>869</v>
      </c>
      <c r="DD15" s="83">
        <v>903</v>
      </c>
      <c r="DE15" s="83">
        <v>521</v>
      </c>
      <c r="DF15" s="85">
        <v>5119</v>
      </c>
      <c r="DG15" s="86">
        <v>6857</v>
      </c>
      <c r="DH15" s="71">
        <v>29</v>
      </c>
      <c r="DI15" s="72">
        <v>22</v>
      </c>
      <c r="DJ15" s="73">
        <v>51</v>
      </c>
      <c r="DK15" s="277"/>
      <c r="DL15" s="72">
        <v>42</v>
      </c>
      <c r="DM15" s="72">
        <v>22</v>
      </c>
      <c r="DN15" s="72">
        <v>17</v>
      </c>
      <c r="DO15" s="72">
        <v>12</v>
      </c>
      <c r="DP15" s="72">
        <v>12</v>
      </c>
      <c r="DQ15" s="73">
        <v>105</v>
      </c>
      <c r="DR15" s="74">
        <v>156</v>
      </c>
      <c r="DS15" s="71">
        <v>79</v>
      </c>
      <c r="DT15" s="72">
        <v>54</v>
      </c>
      <c r="DU15" s="73">
        <v>133</v>
      </c>
      <c r="DV15" s="277"/>
      <c r="DW15" s="72">
        <v>107</v>
      </c>
      <c r="DX15" s="72">
        <v>65</v>
      </c>
      <c r="DY15" s="72">
        <v>56</v>
      </c>
      <c r="DZ15" s="72">
        <v>42</v>
      </c>
      <c r="EA15" s="72">
        <v>29</v>
      </c>
      <c r="EB15" s="73">
        <v>299</v>
      </c>
      <c r="EC15" s="74">
        <v>432</v>
      </c>
      <c r="ED15" s="71">
        <v>118</v>
      </c>
      <c r="EE15" s="72">
        <v>96</v>
      </c>
      <c r="EF15" s="73">
        <v>214</v>
      </c>
      <c r="EG15" s="277"/>
      <c r="EH15" s="72">
        <v>192</v>
      </c>
      <c r="EI15" s="72">
        <v>115</v>
      </c>
      <c r="EJ15" s="72">
        <v>93</v>
      </c>
      <c r="EK15" s="72">
        <v>81</v>
      </c>
      <c r="EL15" s="72">
        <v>36</v>
      </c>
      <c r="EM15" s="73">
        <v>517</v>
      </c>
      <c r="EN15" s="74">
        <v>731</v>
      </c>
      <c r="EO15" s="71">
        <v>311</v>
      </c>
      <c r="EP15" s="72">
        <v>207</v>
      </c>
      <c r="EQ15" s="73">
        <v>518</v>
      </c>
      <c r="ER15" s="277"/>
      <c r="ES15" s="72">
        <v>399</v>
      </c>
      <c r="ET15" s="72">
        <v>208</v>
      </c>
      <c r="EU15" s="72">
        <v>138</v>
      </c>
      <c r="EV15" s="72">
        <v>135</v>
      </c>
      <c r="EW15" s="72">
        <v>90</v>
      </c>
      <c r="EX15" s="73">
        <v>970</v>
      </c>
      <c r="EY15" s="74">
        <v>1488</v>
      </c>
      <c r="EZ15" s="71">
        <v>283</v>
      </c>
      <c r="FA15" s="72">
        <v>226</v>
      </c>
      <c r="FB15" s="73">
        <v>509</v>
      </c>
      <c r="FC15" s="277"/>
      <c r="FD15" s="72">
        <v>571</v>
      </c>
      <c r="FE15" s="72">
        <v>275</v>
      </c>
      <c r="FF15" s="72">
        <v>250</v>
      </c>
      <c r="FG15" s="72">
        <v>251</v>
      </c>
      <c r="FH15" s="72">
        <v>153</v>
      </c>
      <c r="FI15" s="73">
        <v>1500</v>
      </c>
      <c r="FJ15" s="74">
        <v>2009</v>
      </c>
      <c r="FK15" s="71">
        <v>154</v>
      </c>
      <c r="FL15" s="72">
        <v>159</v>
      </c>
      <c r="FM15" s="73">
        <v>313</v>
      </c>
      <c r="FN15" s="277"/>
      <c r="FO15" s="72">
        <v>485</v>
      </c>
      <c r="FP15" s="72">
        <v>345</v>
      </c>
      <c r="FQ15" s="72">
        <v>315</v>
      </c>
      <c r="FR15" s="72">
        <v>382</v>
      </c>
      <c r="FS15" s="72">
        <v>201</v>
      </c>
      <c r="FT15" s="73">
        <v>1728</v>
      </c>
      <c r="FU15" s="74">
        <v>2041</v>
      </c>
      <c r="FV15" s="71">
        <v>10</v>
      </c>
      <c r="FW15" s="72">
        <v>10</v>
      </c>
      <c r="FX15" s="73">
        <v>20</v>
      </c>
      <c r="FY15" s="277"/>
      <c r="FZ15" s="72">
        <v>27</v>
      </c>
      <c r="GA15" s="72">
        <v>19</v>
      </c>
      <c r="GB15" s="72">
        <v>10</v>
      </c>
      <c r="GC15" s="72">
        <v>12</v>
      </c>
      <c r="GD15" s="72">
        <v>10</v>
      </c>
      <c r="GE15" s="73">
        <v>78</v>
      </c>
      <c r="GF15" s="74">
        <v>98</v>
      </c>
      <c r="GG15" s="71">
        <v>984</v>
      </c>
      <c r="GH15" s="72">
        <v>774</v>
      </c>
      <c r="GI15" s="73">
        <v>1758</v>
      </c>
      <c r="GJ15" s="277"/>
      <c r="GK15" s="72">
        <v>1823</v>
      </c>
      <c r="GL15" s="72">
        <v>1049</v>
      </c>
      <c r="GM15" s="72">
        <v>879</v>
      </c>
      <c r="GN15" s="72">
        <v>915</v>
      </c>
      <c r="GO15" s="72">
        <v>531</v>
      </c>
      <c r="GP15" s="73">
        <v>5197</v>
      </c>
      <c r="GQ15" s="74">
        <v>6955</v>
      </c>
      <c r="GR15" s="127">
        <v>1417</v>
      </c>
      <c r="GS15" s="83">
        <v>1095</v>
      </c>
      <c r="GT15" s="84">
        <v>2512</v>
      </c>
      <c r="GU15" s="274"/>
      <c r="GV15" s="83">
        <v>2670</v>
      </c>
      <c r="GW15" s="83">
        <v>1553</v>
      </c>
      <c r="GX15" s="83">
        <v>1318</v>
      </c>
      <c r="GY15" s="83">
        <v>1294</v>
      </c>
      <c r="GZ15" s="83">
        <v>731</v>
      </c>
      <c r="HA15" s="85">
        <v>7566</v>
      </c>
      <c r="HB15" s="86">
        <v>10078</v>
      </c>
      <c r="HC15" s="71">
        <v>51</v>
      </c>
      <c r="HD15" s="72">
        <v>29</v>
      </c>
      <c r="HE15" s="73">
        <v>80</v>
      </c>
      <c r="HF15" s="277"/>
      <c r="HG15" s="72">
        <v>95</v>
      </c>
      <c r="HH15" s="72">
        <v>45</v>
      </c>
      <c r="HI15" s="72">
        <v>37</v>
      </c>
      <c r="HJ15" s="72">
        <v>30</v>
      </c>
      <c r="HK15" s="72">
        <v>26</v>
      </c>
      <c r="HL15" s="73">
        <v>233</v>
      </c>
      <c r="HM15" s="74">
        <v>313</v>
      </c>
      <c r="HN15" s="71">
        <v>130</v>
      </c>
      <c r="HO15" s="72">
        <v>103</v>
      </c>
      <c r="HP15" s="73">
        <v>233</v>
      </c>
      <c r="HQ15" s="277"/>
      <c r="HR15" s="72">
        <v>215</v>
      </c>
      <c r="HS15" s="72">
        <v>127</v>
      </c>
      <c r="HT15" s="72">
        <v>112</v>
      </c>
      <c r="HU15" s="72">
        <v>79</v>
      </c>
      <c r="HV15" s="72">
        <v>61</v>
      </c>
      <c r="HW15" s="73">
        <v>594</v>
      </c>
      <c r="HX15" s="74">
        <v>827</v>
      </c>
      <c r="HY15" s="71">
        <v>187</v>
      </c>
      <c r="HZ15" s="72">
        <v>158</v>
      </c>
      <c r="IA15" s="73">
        <v>345</v>
      </c>
      <c r="IB15" s="277"/>
      <c r="IC15" s="72">
        <v>335</v>
      </c>
      <c r="ID15" s="72">
        <v>212</v>
      </c>
      <c r="IE15" s="72">
        <v>173</v>
      </c>
      <c r="IF15" s="72">
        <v>153</v>
      </c>
      <c r="IG15" s="72">
        <v>79</v>
      </c>
      <c r="IH15" s="73">
        <v>952</v>
      </c>
      <c r="II15" s="74">
        <v>1297</v>
      </c>
      <c r="IJ15" s="71">
        <v>414</v>
      </c>
      <c r="IK15" s="72">
        <v>274</v>
      </c>
      <c r="IL15" s="73">
        <v>688</v>
      </c>
      <c r="IM15" s="277">
        <v>0</v>
      </c>
      <c r="IN15" s="72">
        <v>597</v>
      </c>
      <c r="IO15" s="72">
        <v>329</v>
      </c>
      <c r="IP15" s="72">
        <v>229</v>
      </c>
      <c r="IQ15" s="72">
        <v>223</v>
      </c>
      <c r="IR15" s="72">
        <v>137</v>
      </c>
      <c r="IS15" s="73">
        <v>1515</v>
      </c>
      <c r="IT15" s="74">
        <v>2203</v>
      </c>
      <c r="IU15" s="71">
        <v>409</v>
      </c>
      <c r="IV15" s="72">
        <v>319</v>
      </c>
      <c r="IW15" s="73">
        <v>728</v>
      </c>
      <c r="IX15" s="277"/>
      <c r="IY15" s="72">
        <v>776</v>
      </c>
      <c r="IZ15" s="72">
        <v>397</v>
      </c>
      <c r="JA15" s="72">
        <v>354</v>
      </c>
      <c r="JB15" s="72">
        <v>345</v>
      </c>
      <c r="JC15" s="72">
        <v>188</v>
      </c>
      <c r="JD15" s="73">
        <v>2060</v>
      </c>
      <c r="JE15" s="74">
        <v>2788</v>
      </c>
      <c r="JF15" s="71">
        <v>226</v>
      </c>
      <c r="JG15" s="72">
        <v>212</v>
      </c>
      <c r="JH15" s="73">
        <v>438</v>
      </c>
      <c r="JI15" s="277"/>
      <c r="JJ15" s="72">
        <v>652</v>
      </c>
      <c r="JK15" s="72">
        <v>443</v>
      </c>
      <c r="JL15" s="72">
        <v>413</v>
      </c>
      <c r="JM15" s="72">
        <v>464</v>
      </c>
      <c r="JN15" s="72">
        <v>240</v>
      </c>
      <c r="JO15" s="73">
        <v>2212</v>
      </c>
      <c r="JP15" s="74">
        <v>2650</v>
      </c>
      <c r="JQ15" s="71">
        <v>17</v>
      </c>
      <c r="JR15" s="72">
        <v>18</v>
      </c>
      <c r="JS15" s="73">
        <v>35</v>
      </c>
      <c r="JT15" s="277"/>
      <c r="JU15" s="72">
        <v>52</v>
      </c>
      <c r="JV15" s="72">
        <v>37</v>
      </c>
      <c r="JW15" s="72">
        <v>24</v>
      </c>
      <c r="JX15" s="72">
        <v>19</v>
      </c>
      <c r="JY15" s="72">
        <v>22</v>
      </c>
      <c r="JZ15" s="73">
        <v>154</v>
      </c>
      <c r="KA15" s="74">
        <v>189</v>
      </c>
      <c r="KB15" s="71">
        <v>1434</v>
      </c>
      <c r="KC15" s="72">
        <v>1113</v>
      </c>
      <c r="KD15" s="73">
        <v>2547</v>
      </c>
      <c r="KE15" s="277"/>
      <c r="KF15" s="72">
        <v>2722</v>
      </c>
      <c r="KG15" s="72">
        <v>1590</v>
      </c>
      <c r="KH15" s="72">
        <v>1342</v>
      </c>
      <c r="KI15" s="72">
        <v>1313</v>
      </c>
      <c r="KJ15" s="72">
        <v>753</v>
      </c>
      <c r="KK15" s="73">
        <v>7720</v>
      </c>
      <c r="KL15" s="74">
        <v>10267</v>
      </c>
    </row>
    <row r="16" spans="1:298" ht="19.5" customHeight="1" x14ac:dyDescent="0.2">
      <c r="A16" s="130" t="s">
        <v>12</v>
      </c>
      <c r="B16" s="347">
        <v>688</v>
      </c>
      <c r="C16" s="83">
        <v>573</v>
      </c>
      <c r="D16" s="84">
        <v>1261</v>
      </c>
      <c r="E16" s="274"/>
      <c r="F16" s="83">
        <v>673</v>
      </c>
      <c r="G16" s="83">
        <v>548</v>
      </c>
      <c r="H16" s="83">
        <v>457</v>
      </c>
      <c r="I16" s="83">
        <v>404</v>
      </c>
      <c r="J16" s="83">
        <v>227</v>
      </c>
      <c r="K16" s="85">
        <v>2309</v>
      </c>
      <c r="L16" s="86">
        <v>3570</v>
      </c>
      <c r="M16" s="87">
        <v>21</v>
      </c>
      <c r="N16" s="72">
        <v>29</v>
      </c>
      <c r="O16" s="73">
        <v>50</v>
      </c>
      <c r="P16" s="277"/>
      <c r="Q16" s="72">
        <v>19</v>
      </c>
      <c r="R16" s="72">
        <v>25</v>
      </c>
      <c r="S16" s="72">
        <v>27</v>
      </c>
      <c r="T16" s="72">
        <v>14</v>
      </c>
      <c r="U16" s="72">
        <v>15</v>
      </c>
      <c r="V16" s="73">
        <v>100</v>
      </c>
      <c r="W16" s="74">
        <v>150</v>
      </c>
      <c r="X16" s="71">
        <v>65</v>
      </c>
      <c r="Y16" s="72">
        <v>72</v>
      </c>
      <c r="Z16" s="73">
        <v>137</v>
      </c>
      <c r="AA16" s="277"/>
      <c r="AB16" s="72">
        <v>55</v>
      </c>
      <c r="AC16" s="72">
        <v>44</v>
      </c>
      <c r="AD16" s="72">
        <v>47</v>
      </c>
      <c r="AE16" s="72">
        <v>44</v>
      </c>
      <c r="AF16" s="72">
        <v>24</v>
      </c>
      <c r="AG16" s="73">
        <v>214</v>
      </c>
      <c r="AH16" s="74">
        <v>351</v>
      </c>
      <c r="AI16" s="87">
        <v>97</v>
      </c>
      <c r="AJ16" s="72">
        <v>85</v>
      </c>
      <c r="AK16" s="73">
        <v>182</v>
      </c>
      <c r="AL16" s="277"/>
      <c r="AM16" s="72">
        <v>79</v>
      </c>
      <c r="AN16" s="72">
        <v>80</v>
      </c>
      <c r="AO16" s="72">
        <v>67</v>
      </c>
      <c r="AP16" s="72">
        <v>64</v>
      </c>
      <c r="AQ16" s="72">
        <v>42</v>
      </c>
      <c r="AR16" s="73">
        <v>332</v>
      </c>
      <c r="AS16" s="74">
        <v>514</v>
      </c>
      <c r="AT16" s="71">
        <v>170</v>
      </c>
      <c r="AU16" s="72">
        <v>144</v>
      </c>
      <c r="AV16" s="73">
        <v>314</v>
      </c>
      <c r="AW16" s="277"/>
      <c r="AX16" s="72">
        <v>181</v>
      </c>
      <c r="AY16" s="72">
        <v>146</v>
      </c>
      <c r="AZ16" s="72">
        <v>95</v>
      </c>
      <c r="BA16" s="72">
        <v>84</v>
      </c>
      <c r="BB16" s="72">
        <v>58</v>
      </c>
      <c r="BC16" s="73">
        <v>564</v>
      </c>
      <c r="BD16" s="74">
        <v>878</v>
      </c>
      <c r="BE16" s="87">
        <v>205</v>
      </c>
      <c r="BF16" s="72">
        <v>148</v>
      </c>
      <c r="BG16" s="73">
        <v>353</v>
      </c>
      <c r="BH16" s="277"/>
      <c r="BI16" s="72">
        <v>205</v>
      </c>
      <c r="BJ16" s="72">
        <v>131</v>
      </c>
      <c r="BK16" s="72">
        <v>127</v>
      </c>
      <c r="BL16" s="72">
        <v>108</v>
      </c>
      <c r="BM16" s="72">
        <v>44</v>
      </c>
      <c r="BN16" s="73">
        <v>615</v>
      </c>
      <c r="BO16" s="74">
        <v>968</v>
      </c>
      <c r="BP16" s="71">
        <v>130</v>
      </c>
      <c r="BQ16" s="72">
        <v>95</v>
      </c>
      <c r="BR16" s="73">
        <v>225</v>
      </c>
      <c r="BS16" s="277"/>
      <c r="BT16" s="72">
        <v>134</v>
      </c>
      <c r="BU16" s="72">
        <v>122</v>
      </c>
      <c r="BV16" s="72">
        <v>94</v>
      </c>
      <c r="BW16" s="72">
        <v>90</v>
      </c>
      <c r="BX16" s="72">
        <v>44</v>
      </c>
      <c r="BY16" s="73">
        <v>484</v>
      </c>
      <c r="BZ16" s="74">
        <v>709</v>
      </c>
      <c r="CA16" s="71">
        <v>13</v>
      </c>
      <c r="CB16" s="72">
        <v>27</v>
      </c>
      <c r="CC16" s="73">
        <v>40</v>
      </c>
      <c r="CD16" s="277"/>
      <c r="CE16" s="72">
        <v>12</v>
      </c>
      <c r="CF16" s="72">
        <v>26</v>
      </c>
      <c r="CG16" s="72">
        <v>13</v>
      </c>
      <c r="CH16" s="72">
        <v>16</v>
      </c>
      <c r="CI16" s="72">
        <v>16</v>
      </c>
      <c r="CJ16" s="73">
        <v>83</v>
      </c>
      <c r="CK16" s="74">
        <v>123</v>
      </c>
      <c r="CL16" s="71">
        <v>701</v>
      </c>
      <c r="CM16" s="72">
        <v>600</v>
      </c>
      <c r="CN16" s="73">
        <v>1301</v>
      </c>
      <c r="CO16" s="277"/>
      <c r="CP16" s="72">
        <v>685</v>
      </c>
      <c r="CQ16" s="72">
        <v>574</v>
      </c>
      <c r="CR16" s="72">
        <v>470</v>
      </c>
      <c r="CS16" s="72">
        <v>420</v>
      </c>
      <c r="CT16" s="72">
        <v>243</v>
      </c>
      <c r="CU16" s="73">
        <v>2392</v>
      </c>
      <c r="CV16" s="74">
        <v>3693</v>
      </c>
      <c r="CW16" s="127">
        <v>1308</v>
      </c>
      <c r="CX16" s="83">
        <v>1266</v>
      </c>
      <c r="CY16" s="84">
        <v>2574</v>
      </c>
      <c r="CZ16" s="274"/>
      <c r="DA16" s="83">
        <v>1375</v>
      </c>
      <c r="DB16" s="83">
        <v>1026</v>
      </c>
      <c r="DC16" s="83">
        <v>916</v>
      </c>
      <c r="DD16" s="83">
        <v>985</v>
      </c>
      <c r="DE16" s="83">
        <v>634</v>
      </c>
      <c r="DF16" s="85">
        <v>4936</v>
      </c>
      <c r="DG16" s="86">
        <v>7510</v>
      </c>
      <c r="DH16" s="87">
        <v>23</v>
      </c>
      <c r="DI16" s="72">
        <v>42</v>
      </c>
      <c r="DJ16" s="73">
        <v>65</v>
      </c>
      <c r="DK16" s="277"/>
      <c r="DL16" s="72">
        <v>14</v>
      </c>
      <c r="DM16" s="72">
        <v>16</v>
      </c>
      <c r="DN16" s="72">
        <v>16</v>
      </c>
      <c r="DO16" s="72">
        <v>16</v>
      </c>
      <c r="DP16" s="72">
        <v>9</v>
      </c>
      <c r="DQ16" s="73">
        <v>71</v>
      </c>
      <c r="DR16" s="74">
        <v>136</v>
      </c>
      <c r="DS16" s="71">
        <v>79</v>
      </c>
      <c r="DT16" s="72">
        <v>108</v>
      </c>
      <c r="DU16" s="73">
        <v>187</v>
      </c>
      <c r="DV16" s="277"/>
      <c r="DW16" s="72">
        <v>71</v>
      </c>
      <c r="DX16" s="72">
        <v>58</v>
      </c>
      <c r="DY16" s="72">
        <v>43</v>
      </c>
      <c r="DZ16" s="72">
        <v>44</v>
      </c>
      <c r="EA16" s="72">
        <v>51</v>
      </c>
      <c r="EB16" s="73">
        <v>267</v>
      </c>
      <c r="EC16" s="74">
        <v>454</v>
      </c>
      <c r="ED16" s="87">
        <v>190</v>
      </c>
      <c r="EE16" s="72">
        <v>182</v>
      </c>
      <c r="EF16" s="73">
        <v>372</v>
      </c>
      <c r="EG16" s="277"/>
      <c r="EH16" s="72">
        <v>142</v>
      </c>
      <c r="EI16" s="72">
        <v>107</v>
      </c>
      <c r="EJ16" s="72">
        <v>81</v>
      </c>
      <c r="EK16" s="72">
        <v>82</v>
      </c>
      <c r="EL16" s="72">
        <v>64</v>
      </c>
      <c r="EM16" s="73">
        <v>476</v>
      </c>
      <c r="EN16" s="74">
        <v>848</v>
      </c>
      <c r="EO16" s="71">
        <v>375</v>
      </c>
      <c r="EP16" s="72">
        <v>320</v>
      </c>
      <c r="EQ16" s="73">
        <v>695</v>
      </c>
      <c r="ER16" s="277"/>
      <c r="ES16" s="72">
        <v>330</v>
      </c>
      <c r="ET16" s="72">
        <v>194</v>
      </c>
      <c r="EU16" s="72">
        <v>157</v>
      </c>
      <c r="EV16" s="72">
        <v>159</v>
      </c>
      <c r="EW16" s="72">
        <v>111</v>
      </c>
      <c r="EX16" s="73">
        <v>951</v>
      </c>
      <c r="EY16" s="74">
        <v>1646</v>
      </c>
      <c r="EZ16" s="87">
        <v>401</v>
      </c>
      <c r="FA16" s="72">
        <v>357</v>
      </c>
      <c r="FB16" s="73">
        <v>758</v>
      </c>
      <c r="FC16" s="277"/>
      <c r="FD16" s="72">
        <v>419</v>
      </c>
      <c r="FE16" s="72">
        <v>326</v>
      </c>
      <c r="FF16" s="72">
        <v>260</v>
      </c>
      <c r="FG16" s="72">
        <v>275</v>
      </c>
      <c r="FH16" s="72">
        <v>144</v>
      </c>
      <c r="FI16" s="73">
        <v>1424</v>
      </c>
      <c r="FJ16" s="74">
        <v>2182</v>
      </c>
      <c r="FK16" s="71">
        <v>240</v>
      </c>
      <c r="FL16" s="72">
        <v>257</v>
      </c>
      <c r="FM16" s="73">
        <v>497</v>
      </c>
      <c r="FN16" s="277"/>
      <c r="FO16" s="72">
        <v>399</v>
      </c>
      <c r="FP16" s="72">
        <v>325</v>
      </c>
      <c r="FQ16" s="72">
        <v>359</v>
      </c>
      <c r="FR16" s="72">
        <v>409</v>
      </c>
      <c r="FS16" s="72">
        <v>255</v>
      </c>
      <c r="FT16" s="73">
        <v>1747</v>
      </c>
      <c r="FU16" s="74">
        <v>2244</v>
      </c>
      <c r="FV16" s="71">
        <v>14</v>
      </c>
      <c r="FW16" s="72">
        <v>19</v>
      </c>
      <c r="FX16" s="73">
        <v>33</v>
      </c>
      <c r="FY16" s="277"/>
      <c r="FZ16" s="72">
        <v>15</v>
      </c>
      <c r="GA16" s="72">
        <v>14</v>
      </c>
      <c r="GB16" s="72">
        <v>9</v>
      </c>
      <c r="GC16" s="72">
        <v>17</v>
      </c>
      <c r="GD16" s="72">
        <v>10</v>
      </c>
      <c r="GE16" s="73">
        <v>65</v>
      </c>
      <c r="GF16" s="74">
        <v>98</v>
      </c>
      <c r="GG16" s="71">
        <v>1322</v>
      </c>
      <c r="GH16" s="72">
        <v>1285</v>
      </c>
      <c r="GI16" s="73">
        <v>2607</v>
      </c>
      <c r="GJ16" s="277"/>
      <c r="GK16" s="72">
        <v>1390</v>
      </c>
      <c r="GL16" s="72">
        <v>1040</v>
      </c>
      <c r="GM16" s="72">
        <v>925</v>
      </c>
      <c r="GN16" s="72">
        <v>1002</v>
      </c>
      <c r="GO16" s="72">
        <v>644</v>
      </c>
      <c r="GP16" s="73">
        <v>5001</v>
      </c>
      <c r="GQ16" s="74">
        <v>7608</v>
      </c>
      <c r="GR16" s="127">
        <v>1996</v>
      </c>
      <c r="GS16" s="83">
        <v>1839</v>
      </c>
      <c r="GT16" s="84">
        <v>3835</v>
      </c>
      <c r="GU16" s="274"/>
      <c r="GV16" s="83">
        <v>2048</v>
      </c>
      <c r="GW16" s="83">
        <v>1574</v>
      </c>
      <c r="GX16" s="83">
        <v>1373</v>
      </c>
      <c r="GY16" s="83">
        <v>1389</v>
      </c>
      <c r="GZ16" s="83">
        <v>861</v>
      </c>
      <c r="HA16" s="85">
        <v>7245</v>
      </c>
      <c r="HB16" s="86">
        <v>11080</v>
      </c>
      <c r="HC16" s="87">
        <v>44</v>
      </c>
      <c r="HD16" s="72">
        <v>71</v>
      </c>
      <c r="HE16" s="73">
        <v>115</v>
      </c>
      <c r="HF16" s="277"/>
      <c r="HG16" s="72">
        <v>33</v>
      </c>
      <c r="HH16" s="72">
        <v>41</v>
      </c>
      <c r="HI16" s="72">
        <v>43</v>
      </c>
      <c r="HJ16" s="72">
        <v>30</v>
      </c>
      <c r="HK16" s="72">
        <v>24</v>
      </c>
      <c r="HL16" s="73">
        <v>171</v>
      </c>
      <c r="HM16" s="74">
        <v>286</v>
      </c>
      <c r="HN16" s="71">
        <v>144</v>
      </c>
      <c r="HO16" s="72">
        <v>180</v>
      </c>
      <c r="HP16" s="73">
        <v>324</v>
      </c>
      <c r="HQ16" s="277"/>
      <c r="HR16" s="72">
        <v>126</v>
      </c>
      <c r="HS16" s="72">
        <v>102</v>
      </c>
      <c r="HT16" s="72">
        <v>90</v>
      </c>
      <c r="HU16" s="72">
        <v>88</v>
      </c>
      <c r="HV16" s="72">
        <v>75</v>
      </c>
      <c r="HW16" s="73">
        <v>481</v>
      </c>
      <c r="HX16" s="74">
        <v>805</v>
      </c>
      <c r="HY16" s="87">
        <v>287</v>
      </c>
      <c r="HZ16" s="72">
        <v>267</v>
      </c>
      <c r="IA16" s="73">
        <v>554</v>
      </c>
      <c r="IB16" s="277"/>
      <c r="IC16" s="72">
        <v>221</v>
      </c>
      <c r="ID16" s="72">
        <v>187</v>
      </c>
      <c r="IE16" s="72">
        <v>148</v>
      </c>
      <c r="IF16" s="72">
        <v>146</v>
      </c>
      <c r="IG16" s="72">
        <v>106</v>
      </c>
      <c r="IH16" s="73">
        <v>808</v>
      </c>
      <c r="II16" s="74">
        <v>1362</v>
      </c>
      <c r="IJ16" s="71">
        <v>545</v>
      </c>
      <c r="IK16" s="72">
        <v>464</v>
      </c>
      <c r="IL16" s="73">
        <v>1009</v>
      </c>
      <c r="IM16" s="277">
        <v>0</v>
      </c>
      <c r="IN16" s="72">
        <v>511</v>
      </c>
      <c r="IO16" s="72">
        <v>340</v>
      </c>
      <c r="IP16" s="72">
        <v>252</v>
      </c>
      <c r="IQ16" s="72">
        <v>243</v>
      </c>
      <c r="IR16" s="72">
        <v>169</v>
      </c>
      <c r="IS16" s="73">
        <v>1515</v>
      </c>
      <c r="IT16" s="74">
        <v>2524</v>
      </c>
      <c r="IU16" s="87">
        <v>606</v>
      </c>
      <c r="IV16" s="72">
        <v>505</v>
      </c>
      <c r="IW16" s="73">
        <v>1111</v>
      </c>
      <c r="IX16" s="277"/>
      <c r="IY16" s="72">
        <v>624</v>
      </c>
      <c r="IZ16" s="72">
        <v>457</v>
      </c>
      <c r="JA16" s="72">
        <v>387</v>
      </c>
      <c r="JB16" s="72">
        <v>383</v>
      </c>
      <c r="JC16" s="72">
        <v>188</v>
      </c>
      <c r="JD16" s="73">
        <v>2039</v>
      </c>
      <c r="JE16" s="74">
        <v>3150</v>
      </c>
      <c r="JF16" s="71">
        <v>370</v>
      </c>
      <c r="JG16" s="72">
        <v>352</v>
      </c>
      <c r="JH16" s="73">
        <v>722</v>
      </c>
      <c r="JI16" s="277"/>
      <c r="JJ16" s="72">
        <v>533</v>
      </c>
      <c r="JK16" s="72">
        <v>447</v>
      </c>
      <c r="JL16" s="72">
        <v>453</v>
      </c>
      <c r="JM16" s="72">
        <v>499</v>
      </c>
      <c r="JN16" s="72">
        <v>299</v>
      </c>
      <c r="JO16" s="73">
        <v>2231</v>
      </c>
      <c r="JP16" s="74">
        <v>2953</v>
      </c>
      <c r="JQ16" s="71">
        <v>27</v>
      </c>
      <c r="JR16" s="72">
        <v>46</v>
      </c>
      <c r="JS16" s="73">
        <v>73</v>
      </c>
      <c r="JT16" s="277"/>
      <c r="JU16" s="72">
        <v>27</v>
      </c>
      <c r="JV16" s="72">
        <v>40</v>
      </c>
      <c r="JW16" s="72">
        <v>22</v>
      </c>
      <c r="JX16" s="72">
        <v>33</v>
      </c>
      <c r="JY16" s="72">
        <v>26</v>
      </c>
      <c r="JZ16" s="73">
        <v>148</v>
      </c>
      <c r="KA16" s="74">
        <v>221</v>
      </c>
      <c r="KB16" s="71">
        <v>2023</v>
      </c>
      <c r="KC16" s="72">
        <v>1885</v>
      </c>
      <c r="KD16" s="73">
        <v>3908</v>
      </c>
      <c r="KE16" s="277"/>
      <c r="KF16" s="72">
        <v>2075</v>
      </c>
      <c r="KG16" s="72">
        <v>1614</v>
      </c>
      <c r="KH16" s="72">
        <v>1395</v>
      </c>
      <c r="KI16" s="72">
        <v>1422</v>
      </c>
      <c r="KJ16" s="72">
        <v>887</v>
      </c>
      <c r="KK16" s="73">
        <v>7393</v>
      </c>
      <c r="KL16" s="74">
        <v>11301</v>
      </c>
    </row>
    <row r="17" spans="1:298" ht="19.5" customHeight="1" x14ac:dyDescent="0.2">
      <c r="A17" s="130" t="s">
        <v>13</v>
      </c>
      <c r="B17" s="347">
        <v>138</v>
      </c>
      <c r="C17" s="83">
        <v>179</v>
      </c>
      <c r="D17" s="84">
        <v>317</v>
      </c>
      <c r="E17" s="274"/>
      <c r="F17" s="83">
        <v>281</v>
      </c>
      <c r="G17" s="83">
        <v>257</v>
      </c>
      <c r="H17" s="83">
        <v>184</v>
      </c>
      <c r="I17" s="83">
        <v>149</v>
      </c>
      <c r="J17" s="83">
        <v>100</v>
      </c>
      <c r="K17" s="85">
        <v>971</v>
      </c>
      <c r="L17" s="86">
        <v>1288</v>
      </c>
      <c r="M17" s="71">
        <v>5</v>
      </c>
      <c r="N17" s="72">
        <v>1</v>
      </c>
      <c r="O17" s="73">
        <v>6</v>
      </c>
      <c r="P17" s="277"/>
      <c r="Q17" s="72">
        <v>14</v>
      </c>
      <c r="R17" s="72">
        <v>9</v>
      </c>
      <c r="S17" s="72">
        <v>4</v>
      </c>
      <c r="T17" s="72">
        <v>4</v>
      </c>
      <c r="U17" s="72">
        <v>4</v>
      </c>
      <c r="V17" s="73">
        <v>35</v>
      </c>
      <c r="W17" s="74">
        <v>41</v>
      </c>
      <c r="X17" s="71">
        <v>9</v>
      </c>
      <c r="Y17" s="72">
        <v>13</v>
      </c>
      <c r="Z17" s="73">
        <v>22</v>
      </c>
      <c r="AA17" s="277"/>
      <c r="AB17" s="72">
        <v>27</v>
      </c>
      <c r="AC17" s="72">
        <v>24</v>
      </c>
      <c r="AD17" s="72">
        <v>14</v>
      </c>
      <c r="AE17" s="72">
        <v>12</v>
      </c>
      <c r="AF17" s="72">
        <v>16</v>
      </c>
      <c r="AG17" s="73">
        <v>93</v>
      </c>
      <c r="AH17" s="74">
        <v>115</v>
      </c>
      <c r="AI17" s="71">
        <v>19</v>
      </c>
      <c r="AJ17" s="72">
        <v>13</v>
      </c>
      <c r="AK17" s="73">
        <v>32</v>
      </c>
      <c r="AL17" s="277"/>
      <c r="AM17" s="72">
        <v>27</v>
      </c>
      <c r="AN17" s="72">
        <v>30</v>
      </c>
      <c r="AO17" s="72">
        <v>29</v>
      </c>
      <c r="AP17" s="72">
        <v>21</v>
      </c>
      <c r="AQ17" s="72">
        <v>12</v>
      </c>
      <c r="AR17" s="73">
        <v>119</v>
      </c>
      <c r="AS17" s="74">
        <v>151</v>
      </c>
      <c r="AT17" s="71">
        <v>26</v>
      </c>
      <c r="AU17" s="72">
        <v>59</v>
      </c>
      <c r="AV17" s="73">
        <v>85</v>
      </c>
      <c r="AW17" s="277"/>
      <c r="AX17" s="72">
        <v>63</v>
      </c>
      <c r="AY17" s="72">
        <v>42</v>
      </c>
      <c r="AZ17" s="72">
        <v>42</v>
      </c>
      <c r="BA17" s="72">
        <v>30</v>
      </c>
      <c r="BB17" s="72">
        <v>26</v>
      </c>
      <c r="BC17" s="73">
        <v>203</v>
      </c>
      <c r="BD17" s="74">
        <v>288</v>
      </c>
      <c r="BE17" s="71">
        <v>50</v>
      </c>
      <c r="BF17" s="72">
        <v>53</v>
      </c>
      <c r="BG17" s="73">
        <v>103</v>
      </c>
      <c r="BH17" s="277"/>
      <c r="BI17" s="72">
        <v>83</v>
      </c>
      <c r="BJ17" s="72">
        <v>87</v>
      </c>
      <c r="BK17" s="72">
        <v>44</v>
      </c>
      <c r="BL17" s="72">
        <v>44</v>
      </c>
      <c r="BM17" s="72">
        <v>22</v>
      </c>
      <c r="BN17" s="73">
        <v>280</v>
      </c>
      <c r="BO17" s="74">
        <v>383</v>
      </c>
      <c r="BP17" s="71">
        <v>29</v>
      </c>
      <c r="BQ17" s="72">
        <v>40</v>
      </c>
      <c r="BR17" s="73">
        <v>69</v>
      </c>
      <c r="BS17" s="277"/>
      <c r="BT17" s="72">
        <v>67</v>
      </c>
      <c r="BU17" s="72">
        <v>65</v>
      </c>
      <c r="BV17" s="72">
        <v>51</v>
      </c>
      <c r="BW17" s="72">
        <v>38</v>
      </c>
      <c r="BX17" s="72">
        <v>20</v>
      </c>
      <c r="BY17" s="73">
        <v>241</v>
      </c>
      <c r="BZ17" s="74">
        <v>310</v>
      </c>
      <c r="CA17" s="71">
        <v>5</v>
      </c>
      <c r="CB17" s="72">
        <v>4</v>
      </c>
      <c r="CC17" s="73">
        <v>9</v>
      </c>
      <c r="CD17" s="277"/>
      <c r="CE17" s="72">
        <v>7</v>
      </c>
      <c r="CF17" s="72">
        <v>8</v>
      </c>
      <c r="CG17" s="72">
        <v>8</v>
      </c>
      <c r="CH17" s="72">
        <v>2</v>
      </c>
      <c r="CI17" s="72">
        <v>8</v>
      </c>
      <c r="CJ17" s="73">
        <v>33</v>
      </c>
      <c r="CK17" s="74">
        <v>42</v>
      </c>
      <c r="CL17" s="71">
        <v>143</v>
      </c>
      <c r="CM17" s="72">
        <v>183</v>
      </c>
      <c r="CN17" s="73">
        <v>326</v>
      </c>
      <c r="CO17" s="277"/>
      <c r="CP17" s="72">
        <v>288</v>
      </c>
      <c r="CQ17" s="72">
        <v>265</v>
      </c>
      <c r="CR17" s="72">
        <v>192</v>
      </c>
      <c r="CS17" s="72">
        <v>151</v>
      </c>
      <c r="CT17" s="72">
        <v>108</v>
      </c>
      <c r="CU17" s="73">
        <v>1004</v>
      </c>
      <c r="CV17" s="74">
        <v>1330</v>
      </c>
      <c r="CW17" s="127">
        <v>340</v>
      </c>
      <c r="CX17" s="83">
        <v>416</v>
      </c>
      <c r="CY17" s="84">
        <v>756</v>
      </c>
      <c r="CZ17" s="274"/>
      <c r="DA17" s="83">
        <v>576</v>
      </c>
      <c r="DB17" s="83">
        <v>486</v>
      </c>
      <c r="DC17" s="83">
        <v>343</v>
      </c>
      <c r="DD17" s="83">
        <v>368</v>
      </c>
      <c r="DE17" s="83">
        <v>295</v>
      </c>
      <c r="DF17" s="85">
        <v>2068</v>
      </c>
      <c r="DG17" s="86">
        <v>2824</v>
      </c>
      <c r="DH17" s="71">
        <v>4</v>
      </c>
      <c r="DI17" s="72">
        <v>6</v>
      </c>
      <c r="DJ17" s="73">
        <v>10</v>
      </c>
      <c r="DK17" s="277"/>
      <c r="DL17" s="72">
        <v>7</v>
      </c>
      <c r="DM17" s="72">
        <v>16</v>
      </c>
      <c r="DN17" s="72">
        <v>1</v>
      </c>
      <c r="DO17" s="72">
        <v>5</v>
      </c>
      <c r="DP17" s="72">
        <v>3</v>
      </c>
      <c r="DQ17" s="73">
        <v>32</v>
      </c>
      <c r="DR17" s="74">
        <v>42</v>
      </c>
      <c r="DS17" s="71">
        <v>14</v>
      </c>
      <c r="DT17" s="72">
        <v>33</v>
      </c>
      <c r="DU17" s="73">
        <v>47</v>
      </c>
      <c r="DV17" s="277"/>
      <c r="DW17" s="72">
        <v>33</v>
      </c>
      <c r="DX17" s="72">
        <v>18</v>
      </c>
      <c r="DY17" s="72">
        <v>17</v>
      </c>
      <c r="DZ17" s="72">
        <v>13</v>
      </c>
      <c r="EA17" s="72">
        <v>20</v>
      </c>
      <c r="EB17" s="73">
        <v>101</v>
      </c>
      <c r="EC17" s="74">
        <v>148</v>
      </c>
      <c r="ED17" s="71">
        <v>42</v>
      </c>
      <c r="EE17" s="72">
        <v>48</v>
      </c>
      <c r="EF17" s="73">
        <v>90</v>
      </c>
      <c r="EG17" s="277"/>
      <c r="EH17" s="72">
        <v>65</v>
      </c>
      <c r="EI17" s="72">
        <v>43</v>
      </c>
      <c r="EJ17" s="72">
        <v>33</v>
      </c>
      <c r="EK17" s="72">
        <v>16</v>
      </c>
      <c r="EL17" s="72">
        <v>28</v>
      </c>
      <c r="EM17" s="73">
        <v>185</v>
      </c>
      <c r="EN17" s="74">
        <v>275</v>
      </c>
      <c r="EO17" s="71">
        <v>97</v>
      </c>
      <c r="EP17" s="72">
        <v>109</v>
      </c>
      <c r="EQ17" s="73">
        <v>206</v>
      </c>
      <c r="ER17" s="277"/>
      <c r="ES17" s="72">
        <v>123</v>
      </c>
      <c r="ET17" s="72">
        <v>89</v>
      </c>
      <c r="EU17" s="72">
        <v>61</v>
      </c>
      <c r="EV17" s="72">
        <v>52</v>
      </c>
      <c r="EW17" s="72">
        <v>46</v>
      </c>
      <c r="EX17" s="73">
        <v>371</v>
      </c>
      <c r="EY17" s="74">
        <v>577</v>
      </c>
      <c r="EZ17" s="71">
        <v>117</v>
      </c>
      <c r="FA17" s="72">
        <v>118</v>
      </c>
      <c r="FB17" s="73">
        <v>235</v>
      </c>
      <c r="FC17" s="277"/>
      <c r="FD17" s="72">
        <v>198</v>
      </c>
      <c r="FE17" s="72">
        <v>137</v>
      </c>
      <c r="FF17" s="72">
        <v>87</v>
      </c>
      <c r="FG17" s="72">
        <v>95</v>
      </c>
      <c r="FH17" s="72">
        <v>65</v>
      </c>
      <c r="FI17" s="73">
        <v>582</v>
      </c>
      <c r="FJ17" s="74">
        <v>817</v>
      </c>
      <c r="FK17" s="71">
        <v>66</v>
      </c>
      <c r="FL17" s="72">
        <v>102</v>
      </c>
      <c r="FM17" s="73">
        <v>168</v>
      </c>
      <c r="FN17" s="277"/>
      <c r="FO17" s="72">
        <v>150</v>
      </c>
      <c r="FP17" s="72">
        <v>183</v>
      </c>
      <c r="FQ17" s="72">
        <v>144</v>
      </c>
      <c r="FR17" s="72">
        <v>187</v>
      </c>
      <c r="FS17" s="72">
        <v>133</v>
      </c>
      <c r="FT17" s="73">
        <v>797</v>
      </c>
      <c r="FU17" s="74">
        <v>965</v>
      </c>
      <c r="FV17" s="71">
        <v>2</v>
      </c>
      <c r="FW17" s="72">
        <v>0</v>
      </c>
      <c r="FX17" s="73">
        <v>2</v>
      </c>
      <c r="FY17" s="277"/>
      <c r="FZ17" s="72">
        <v>7</v>
      </c>
      <c r="GA17" s="72">
        <v>6</v>
      </c>
      <c r="GB17" s="72">
        <v>5</v>
      </c>
      <c r="GC17" s="72">
        <v>4</v>
      </c>
      <c r="GD17" s="72">
        <v>3</v>
      </c>
      <c r="GE17" s="73">
        <v>25</v>
      </c>
      <c r="GF17" s="74">
        <v>27</v>
      </c>
      <c r="GG17" s="71">
        <v>342</v>
      </c>
      <c r="GH17" s="72">
        <v>416</v>
      </c>
      <c r="GI17" s="73">
        <v>758</v>
      </c>
      <c r="GJ17" s="277"/>
      <c r="GK17" s="72">
        <v>583</v>
      </c>
      <c r="GL17" s="72">
        <v>492</v>
      </c>
      <c r="GM17" s="72">
        <v>348</v>
      </c>
      <c r="GN17" s="72">
        <v>372</v>
      </c>
      <c r="GO17" s="72">
        <v>298</v>
      </c>
      <c r="GP17" s="73">
        <v>2093</v>
      </c>
      <c r="GQ17" s="74">
        <v>2851</v>
      </c>
      <c r="GR17" s="127">
        <v>478</v>
      </c>
      <c r="GS17" s="83">
        <v>595</v>
      </c>
      <c r="GT17" s="84">
        <v>1073</v>
      </c>
      <c r="GU17" s="274"/>
      <c r="GV17" s="83">
        <v>857</v>
      </c>
      <c r="GW17" s="83">
        <v>743</v>
      </c>
      <c r="GX17" s="83">
        <v>527</v>
      </c>
      <c r="GY17" s="83">
        <v>517</v>
      </c>
      <c r="GZ17" s="83">
        <v>395</v>
      </c>
      <c r="HA17" s="85">
        <v>3039</v>
      </c>
      <c r="HB17" s="86">
        <v>4112</v>
      </c>
      <c r="HC17" s="71">
        <v>9</v>
      </c>
      <c r="HD17" s="72">
        <v>7</v>
      </c>
      <c r="HE17" s="73">
        <v>16</v>
      </c>
      <c r="HF17" s="277"/>
      <c r="HG17" s="72">
        <v>21</v>
      </c>
      <c r="HH17" s="72">
        <v>25</v>
      </c>
      <c r="HI17" s="72">
        <v>5</v>
      </c>
      <c r="HJ17" s="72">
        <v>9</v>
      </c>
      <c r="HK17" s="72">
        <v>7</v>
      </c>
      <c r="HL17" s="73">
        <v>67</v>
      </c>
      <c r="HM17" s="74">
        <v>83</v>
      </c>
      <c r="HN17" s="71">
        <v>23</v>
      </c>
      <c r="HO17" s="72">
        <v>46</v>
      </c>
      <c r="HP17" s="73">
        <v>69</v>
      </c>
      <c r="HQ17" s="277"/>
      <c r="HR17" s="72">
        <v>60</v>
      </c>
      <c r="HS17" s="72">
        <v>42</v>
      </c>
      <c r="HT17" s="72">
        <v>31</v>
      </c>
      <c r="HU17" s="72">
        <v>25</v>
      </c>
      <c r="HV17" s="72">
        <v>36</v>
      </c>
      <c r="HW17" s="73">
        <v>194</v>
      </c>
      <c r="HX17" s="74">
        <v>263</v>
      </c>
      <c r="HY17" s="71">
        <v>61</v>
      </c>
      <c r="HZ17" s="72">
        <v>61</v>
      </c>
      <c r="IA17" s="73">
        <v>122</v>
      </c>
      <c r="IB17" s="277"/>
      <c r="IC17" s="72">
        <v>92</v>
      </c>
      <c r="ID17" s="72">
        <v>73</v>
      </c>
      <c r="IE17" s="72">
        <v>62</v>
      </c>
      <c r="IF17" s="72">
        <v>37</v>
      </c>
      <c r="IG17" s="72">
        <v>40</v>
      </c>
      <c r="IH17" s="73">
        <v>304</v>
      </c>
      <c r="II17" s="74">
        <v>426</v>
      </c>
      <c r="IJ17" s="71">
        <v>123</v>
      </c>
      <c r="IK17" s="72">
        <v>168</v>
      </c>
      <c r="IL17" s="73">
        <v>291</v>
      </c>
      <c r="IM17" s="277">
        <v>0</v>
      </c>
      <c r="IN17" s="72">
        <v>186</v>
      </c>
      <c r="IO17" s="72">
        <v>131</v>
      </c>
      <c r="IP17" s="72">
        <v>103</v>
      </c>
      <c r="IQ17" s="72">
        <v>82</v>
      </c>
      <c r="IR17" s="72">
        <v>72</v>
      </c>
      <c r="IS17" s="73">
        <v>574</v>
      </c>
      <c r="IT17" s="74">
        <v>865</v>
      </c>
      <c r="IU17" s="71">
        <v>167</v>
      </c>
      <c r="IV17" s="72">
        <v>171</v>
      </c>
      <c r="IW17" s="73">
        <v>338</v>
      </c>
      <c r="IX17" s="277"/>
      <c r="IY17" s="72">
        <v>281</v>
      </c>
      <c r="IZ17" s="72">
        <v>224</v>
      </c>
      <c r="JA17" s="72">
        <v>131</v>
      </c>
      <c r="JB17" s="72">
        <v>139</v>
      </c>
      <c r="JC17" s="72">
        <v>87</v>
      </c>
      <c r="JD17" s="73">
        <v>862</v>
      </c>
      <c r="JE17" s="74">
        <v>1200</v>
      </c>
      <c r="JF17" s="71">
        <v>95</v>
      </c>
      <c r="JG17" s="72">
        <v>142</v>
      </c>
      <c r="JH17" s="73">
        <v>237</v>
      </c>
      <c r="JI17" s="277"/>
      <c r="JJ17" s="72">
        <v>217</v>
      </c>
      <c r="JK17" s="72">
        <v>248</v>
      </c>
      <c r="JL17" s="72">
        <v>195</v>
      </c>
      <c r="JM17" s="72">
        <v>225</v>
      </c>
      <c r="JN17" s="72">
        <v>153</v>
      </c>
      <c r="JO17" s="73">
        <v>1038</v>
      </c>
      <c r="JP17" s="74">
        <v>1275</v>
      </c>
      <c r="JQ17" s="71">
        <v>7</v>
      </c>
      <c r="JR17" s="72">
        <v>4</v>
      </c>
      <c r="JS17" s="73">
        <v>11</v>
      </c>
      <c r="JT17" s="277"/>
      <c r="JU17" s="72">
        <v>14</v>
      </c>
      <c r="JV17" s="72">
        <v>14</v>
      </c>
      <c r="JW17" s="72">
        <v>13</v>
      </c>
      <c r="JX17" s="72">
        <v>6</v>
      </c>
      <c r="JY17" s="72">
        <v>11</v>
      </c>
      <c r="JZ17" s="73">
        <v>58</v>
      </c>
      <c r="KA17" s="74">
        <v>69</v>
      </c>
      <c r="KB17" s="71">
        <v>485</v>
      </c>
      <c r="KC17" s="72">
        <v>599</v>
      </c>
      <c r="KD17" s="73">
        <v>1084</v>
      </c>
      <c r="KE17" s="277"/>
      <c r="KF17" s="72">
        <v>871</v>
      </c>
      <c r="KG17" s="72">
        <v>757</v>
      </c>
      <c r="KH17" s="72">
        <v>540</v>
      </c>
      <c r="KI17" s="72">
        <v>523</v>
      </c>
      <c r="KJ17" s="72">
        <v>406</v>
      </c>
      <c r="KK17" s="73">
        <v>3097</v>
      </c>
      <c r="KL17" s="74">
        <v>4181</v>
      </c>
    </row>
    <row r="18" spans="1:298" ht="19.5" customHeight="1" x14ac:dyDescent="0.2">
      <c r="A18" s="130" t="s">
        <v>15</v>
      </c>
      <c r="B18" s="347">
        <v>109</v>
      </c>
      <c r="C18" s="83">
        <v>130</v>
      </c>
      <c r="D18" s="84">
        <v>239</v>
      </c>
      <c r="E18" s="274"/>
      <c r="F18" s="83">
        <v>243</v>
      </c>
      <c r="G18" s="83">
        <v>218</v>
      </c>
      <c r="H18" s="83">
        <v>147</v>
      </c>
      <c r="I18" s="83">
        <v>111</v>
      </c>
      <c r="J18" s="83">
        <v>58</v>
      </c>
      <c r="K18" s="85">
        <v>777</v>
      </c>
      <c r="L18" s="86">
        <v>1016</v>
      </c>
      <c r="M18" s="71">
        <v>7</v>
      </c>
      <c r="N18" s="72">
        <v>5</v>
      </c>
      <c r="O18" s="73">
        <v>12</v>
      </c>
      <c r="P18" s="277"/>
      <c r="Q18" s="72">
        <v>11</v>
      </c>
      <c r="R18" s="72">
        <v>9</v>
      </c>
      <c r="S18" s="72">
        <v>13</v>
      </c>
      <c r="T18" s="72">
        <v>8</v>
      </c>
      <c r="U18" s="72">
        <v>5</v>
      </c>
      <c r="V18" s="73">
        <v>46</v>
      </c>
      <c r="W18" s="74">
        <v>58</v>
      </c>
      <c r="X18" s="71">
        <v>16</v>
      </c>
      <c r="Y18" s="72">
        <v>10</v>
      </c>
      <c r="Z18" s="73">
        <v>26</v>
      </c>
      <c r="AA18" s="277"/>
      <c r="AB18" s="72">
        <v>29</v>
      </c>
      <c r="AC18" s="72">
        <v>25</v>
      </c>
      <c r="AD18" s="72">
        <v>16</v>
      </c>
      <c r="AE18" s="72">
        <v>16</v>
      </c>
      <c r="AF18" s="72">
        <v>11</v>
      </c>
      <c r="AG18" s="73">
        <v>97</v>
      </c>
      <c r="AH18" s="74">
        <v>123</v>
      </c>
      <c r="AI18" s="71">
        <v>18</v>
      </c>
      <c r="AJ18" s="72">
        <v>22</v>
      </c>
      <c r="AK18" s="73">
        <v>40</v>
      </c>
      <c r="AL18" s="277"/>
      <c r="AM18" s="72">
        <v>42</v>
      </c>
      <c r="AN18" s="72">
        <v>37</v>
      </c>
      <c r="AO18" s="72">
        <v>16</v>
      </c>
      <c r="AP18" s="72">
        <v>18</v>
      </c>
      <c r="AQ18" s="72">
        <v>17</v>
      </c>
      <c r="AR18" s="73">
        <v>130</v>
      </c>
      <c r="AS18" s="74">
        <v>170</v>
      </c>
      <c r="AT18" s="71">
        <v>31</v>
      </c>
      <c r="AU18" s="72">
        <v>35</v>
      </c>
      <c r="AV18" s="73">
        <v>66</v>
      </c>
      <c r="AW18" s="277"/>
      <c r="AX18" s="72">
        <v>59</v>
      </c>
      <c r="AY18" s="72">
        <v>53</v>
      </c>
      <c r="AZ18" s="72">
        <v>41</v>
      </c>
      <c r="BA18" s="72">
        <v>20</v>
      </c>
      <c r="BB18" s="72">
        <v>12</v>
      </c>
      <c r="BC18" s="73">
        <v>185</v>
      </c>
      <c r="BD18" s="74">
        <v>251</v>
      </c>
      <c r="BE18" s="71">
        <v>24</v>
      </c>
      <c r="BF18" s="72">
        <v>33</v>
      </c>
      <c r="BG18" s="73">
        <v>57</v>
      </c>
      <c r="BH18" s="277"/>
      <c r="BI18" s="72">
        <v>63</v>
      </c>
      <c r="BJ18" s="72">
        <v>62</v>
      </c>
      <c r="BK18" s="72">
        <v>36</v>
      </c>
      <c r="BL18" s="72">
        <v>22</v>
      </c>
      <c r="BM18" s="72">
        <v>9</v>
      </c>
      <c r="BN18" s="73">
        <v>192</v>
      </c>
      <c r="BO18" s="74">
        <v>249</v>
      </c>
      <c r="BP18" s="71">
        <v>13</v>
      </c>
      <c r="BQ18" s="72">
        <v>25</v>
      </c>
      <c r="BR18" s="73">
        <v>38</v>
      </c>
      <c r="BS18" s="277"/>
      <c r="BT18" s="72">
        <v>39</v>
      </c>
      <c r="BU18" s="72">
        <v>32</v>
      </c>
      <c r="BV18" s="72">
        <v>25</v>
      </c>
      <c r="BW18" s="72">
        <v>27</v>
      </c>
      <c r="BX18" s="72">
        <v>4</v>
      </c>
      <c r="BY18" s="73">
        <v>127</v>
      </c>
      <c r="BZ18" s="74">
        <v>165</v>
      </c>
      <c r="CA18" s="71">
        <v>2</v>
      </c>
      <c r="CB18" s="72">
        <v>5</v>
      </c>
      <c r="CC18" s="73">
        <v>7</v>
      </c>
      <c r="CD18" s="277"/>
      <c r="CE18" s="72">
        <v>5</v>
      </c>
      <c r="CF18" s="72">
        <v>8</v>
      </c>
      <c r="CG18" s="72">
        <v>5</v>
      </c>
      <c r="CH18" s="72">
        <v>3</v>
      </c>
      <c r="CI18" s="72">
        <v>5</v>
      </c>
      <c r="CJ18" s="73">
        <v>26</v>
      </c>
      <c r="CK18" s="74">
        <v>33</v>
      </c>
      <c r="CL18" s="71">
        <v>111</v>
      </c>
      <c r="CM18" s="72">
        <v>135</v>
      </c>
      <c r="CN18" s="73">
        <v>246</v>
      </c>
      <c r="CO18" s="277"/>
      <c r="CP18" s="72">
        <v>248</v>
      </c>
      <c r="CQ18" s="72">
        <v>226</v>
      </c>
      <c r="CR18" s="72">
        <v>152</v>
      </c>
      <c r="CS18" s="72">
        <v>114</v>
      </c>
      <c r="CT18" s="72">
        <v>63</v>
      </c>
      <c r="CU18" s="73">
        <v>803</v>
      </c>
      <c r="CV18" s="74">
        <v>1049</v>
      </c>
      <c r="CW18" s="127">
        <v>244</v>
      </c>
      <c r="CX18" s="83">
        <v>336</v>
      </c>
      <c r="CY18" s="84">
        <v>580</v>
      </c>
      <c r="CZ18" s="274"/>
      <c r="DA18" s="83">
        <v>418</v>
      </c>
      <c r="DB18" s="83">
        <v>450</v>
      </c>
      <c r="DC18" s="83">
        <v>300</v>
      </c>
      <c r="DD18" s="83">
        <v>293</v>
      </c>
      <c r="DE18" s="83">
        <v>177</v>
      </c>
      <c r="DF18" s="85">
        <v>1638</v>
      </c>
      <c r="DG18" s="86">
        <v>2218</v>
      </c>
      <c r="DH18" s="71">
        <v>11</v>
      </c>
      <c r="DI18" s="72">
        <v>5</v>
      </c>
      <c r="DJ18" s="73">
        <v>16</v>
      </c>
      <c r="DK18" s="277"/>
      <c r="DL18" s="72">
        <v>11</v>
      </c>
      <c r="DM18" s="72">
        <v>7</v>
      </c>
      <c r="DN18" s="72">
        <v>9</v>
      </c>
      <c r="DO18" s="72">
        <v>5</v>
      </c>
      <c r="DP18" s="72">
        <v>5</v>
      </c>
      <c r="DQ18" s="73">
        <v>37</v>
      </c>
      <c r="DR18" s="74">
        <v>53</v>
      </c>
      <c r="DS18" s="71">
        <v>13</v>
      </c>
      <c r="DT18" s="72">
        <v>24</v>
      </c>
      <c r="DU18" s="73">
        <v>37</v>
      </c>
      <c r="DV18" s="277"/>
      <c r="DW18" s="72">
        <v>32</v>
      </c>
      <c r="DX18" s="72">
        <v>32</v>
      </c>
      <c r="DY18" s="72">
        <v>17</v>
      </c>
      <c r="DZ18" s="72">
        <v>8</v>
      </c>
      <c r="EA18" s="72">
        <v>13</v>
      </c>
      <c r="EB18" s="73">
        <v>102</v>
      </c>
      <c r="EC18" s="74">
        <v>139</v>
      </c>
      <c r="ED18" s="71">
        <v>48</v>
      </c>
      <c r="EE18" s="72">
        <v>53</v>
      </c>
      <c r="EF18" s="73">
        <v>101</v>
      </c>
      <c r="EG18" s="277"/>
      <c r="EH18" s="72">
        <v>55</v>
      </c>
      <c r="EI18" s="72">
        <v>38</v>
      </c>
      <c r="EJ18" s="72">
        <v>28</v>
      </c>
      <c r="EK18" s="72">
        <v>19</v>
      </c>
      <c r="EL18" s="72">
        <v>20</v>
      </c>
      <c r="EM18" s="73">
        <v>160</v>
      </c>
      <c r="EN18" s="74">
        <v>261</v>
      </c>
      <c r="EO18" s="71">
        <v>77</v>
      </c>
      <c r="EP18" s="72">
        <v>98</v>
      </c>
      <c r="EQ18" s="73">
        <v>175</v>
      </c>
      <c r="ER18" s="277"/>
      <c r="ES18" s="72">
        <v>108</v>
      </c>
      <c r="ET18" s="72">
        <v>96</v>
      </c>
      <c r="EU18" s="72">
        <v>46</v>
      </c>
      <c r="EV18" s="72">
        <v>46</v>
      </c>
      <c r="EW18" s="72">
        <v>36</v>
      </c>
      <c r="EX18" s="73">
        <v>332</v>
      </c>
      <c r="EY18" s="74">
        <v>507</v>
      </c>
      <c r="EZ18" s="71">
        <v>52</v>
      </c>
      <c r="FA18" s="72">
        <v>106</v>
      </c>
      <c r="FB18" s="73">
        <v>158</v>
      </c>
      <c r="FC18" s="277"/>
      <c r="FD18" s="72">
        <v>117</v>
      </c>
      <c r="FE18" s="72">
        <v>123</v>
      </c>
      <c r="FF18" s="72">
        <v>76</v>
      </c>
      <c r="FG18" s="72">
        <v>89</v>
      </c>
      <c r="FH18" s="72">
        <v>36</v>
      </c>
      <c r="FI18" s="73">
        <v>441</v>
      </c>
      <c r="FJ18" s="74">
        <v>599</v>
      </c>
      <c r="FK18" s="71">
        <v>43</v>
      </c>
      <c r="FL18" s="72">
        <v>50</v>
      </c>
      <c r="FM18" s="73">
        <v>93</v>
      </c>
      <c r="FN18" s="277"/>
      <c r="FO18" s="72">
        <v>95</v>
      </c>
      <c r="FP18" s="72">
        <v>154</v>
      </c>
      <c r="FQ18" s="72">
        <v>124</v>
      </c>
      <c r="FR18" s="72">
        <v>126</v>
      </c>
      <c r="FS18" s="72">
        <v>67</v>
      </c>
      <c r="FT18" s="73">
        <v>566</v>
      </c>
      <c r="FU18" s="74">
        <v>659</v>
      </c>
      <c r="FV18" s="71">
        <v>1</v>
      </c>
      <c r="FW18" s="72">
        <v>6</v>
      </c>
      <c r="FX18" s="73">
        <v>7</v>
      </c>
      <c r="FY18" s="277"/>
      <c r="FZ18" s="72">
        <v>3</v>
      </c>
      <c r="GA18" s="72">
        <v>12</v>
      </c>
      <c r="GB18" s="72">
        <v>1</v>
      </c>
      <c r="GC18" s="72">
        <v>1</v>
      </c>
      <c r="GD18" s="72">
        <v>7</v>
      </c>
      <c r="GE18" s="73">
        <v>24</v>
      </c>
      <c r="GF18" s="74">
        <v>31</v>
      </c>
      <c r="GG18" s="71">
        <v>245</v>
      </c>
      <c r="GH18" s="72">
        <v>342</v>
      </c>
      <c r="GI18" s="73">
        <v>587</v>
      </c>
      <c r="GJ18" s="277"/>
      <c r="GK18" s="72">
        <v>421</v>
      </c>
      <c r="GL18" s="72">
        <v>462</v>
      </c>
      <c r="GM18" s="72">
        <v>301</v>
      </c>
      <c r="GN18" s="72">
        <v>294</v>
      </c>
      <c r="GO18" s="72">
        <v>184</v>
      </c>
      <c r="GP18" s="73">
        <v>1662</v>
      </c>
      <c r="GQ18" s="74">
        <v>2249</v>
      </c>
      <c r="GR18" s="127">
        <v>353</v>
      </c>
      <c r="GS18" s="83">
        <v>466</v>
      </c>
      <c r="GT18" s="84">
        <v>819</v>
      </c>
      <c r="GU18" s="274"/>
      <c r="GV18" s="83">
        <v>661</v>
      </c>
      <c r="GW18" s="83">
        <v>668</v>
      </c>
      <c r="GX18" s="83">
        <v>447</v>
      </c>
      <c r="GY18" s="83">
        <v>404</v>
      </c>
      <c r="GZ18" s="83">
        <v>235</v>
      </c>
      <c r="HA18" s="85">
        <v>2415</v>
      </c>
      <c r="HB18" s="86">
        <v>3234</v>
      </c>
      <c r="HC18" s="71">
        <v>18</v>
      </c>
      <c r="HD18" s="72">
        <v>10</v>
      </c>
      <c r="HE18" s="73">
        <v>28</v>
      </c>
      <c r="HF18" s="277"/>
      <c r="HG18" s="72">
        <v>22</v>
      </c>
      <c r="HH18" s="72">
        <v>16</v>
      </c>
      <c r="HI18" s="72">
        <v>22</v>
      </c>
      <c r="HJ18" s="72">
        <v>13</v>
      </c>
      <c r="HK18" s="72">
        <v>10</v>
      </c>
      <c r="HL18" s="73">
        <v>83</v>
      </c>
      <c r="HM18" s="74">
        <v>111</v>
      </c>
      <c r="HN18" s="71">
        <v>29</v>
      </c>
      <c r="HO18" s="72">
        <v>34</v>
      </c>
      <c r="HP18" s="73">
        <v>63</v>
      </c>
      <c r="HQ18" s="277"/>
      <c r="HR18" s="72">
        <v>61</v>
      </c>
      <c r="HS18" s="72">
        <v>57</v>
      </c>
      <c r="HT18" s="72">
        <v>33</v>
      </c>
      <c r="HU18" s="72">
        <v>24</v>
      </c>
      <c r="HV18" s="72">
        <v>24</v>
      </c>
      <c r="HW18" s="73">
        <v>199</v>
      </c>
      <c r="HX18" s="74">
        <v>262</v>
      </c>
      <c r="HY18" s="71">
        <v>66</v>
      </c>
      <c r="HZ18" s="72">
        <v>75</v>
      </c>
      <c r="IA18" s="73">
        <v>141</v>
      </c>
      <c r="IB18" s="277"/>
      <c r="IC18" s="72">
        <v>97</v>
      </c>
      <c r="ID18" s="72">
        <v>75</v>
      </c>
      <c r="IE18" s="72">
        <v>44</v>
      </c>
      <c r="IF18" s="72">
        <v>37</v>
      </c>
      <c r="IG18" s="72">
        <v>37</v>
      </c>
      <c r="IH18" s="73">
        <v>290</v>
      </c>
      <c r="II18" s="74">
        <v>431</v>
      </c>
      <c r="IJ18" s="71">
        <v>108</v>
      </c>
      <c r="IK18" s="72">
        <v>133</v>
      </c>
      <c r="IL18" s="73">
        <v>241</v>
      </c>
      <c r="IM18" s="277">
        <v>0</v>
      </c>
      <c r="IN18" s="72">
        <v>167</v>
      </c>
      <c r="IO18" s="72">
        <v>149</v>
      </c>
      <c r="IP18" s="72">
        <v>87</v>
      </c>
      <c r="IQ18" s="72">
        <v>66</v>
      </c>
      <c r="IR18" s="72">
        <v>48</v>
      </c>
      <c r="IS18" s="73">
        <v>517</v>
      </c>
      <c r="IT18" s="74">
        <v>758</v>
      </c>
      <c r="IU18" s="71">
        <v>76</v>
      </c>
      <c r="IV18" s="72">
        <v>139</v>
      </c>
      <c r="IW18" s="73">
        <v>215</v>
      </c>
      <c r="IX18" s="277"/>
      <c r="IY18" s="72">
        <v>180</v>
      </c>
      <c r="IZ18" s="72">
        <v>185</v>
      </c>
      <c r="JA18" s="72">
        <v>112</v>
      </c>
      <c r="JB18" s="72">
        <v>111</v>
      </c>
      <c r="JC18" s="72">
        <v>45</v>
      </c>
      <c r="JD18" s="73">
        <v>633</v>
      </c>
      <c r="JE18" s="74">
        <v>848</v>
      </c>
      <c r="JF18" s="71">
        <v>56</v>
      </c>
      <c r="JG18" s="72">
        <v>75</v>
      </c>
      <c r="JH18" s="73">
        <v>131</v>
      </c>
      <c r="JI18" s="277"/>
      <c r="JJ18" s="72">
        <v>134</v>
      </c>
      <c r="JK18" s="72">
        <v>186</v>
      </c>
      <c r="JL18" s="72">
        <v>149</v>
      </c>
      <c r="JM18" s="72">
        <v>153</v>
      </c>
      <c r="JN18" s="72">
        <v>71</v>
      </c>
      <c r="JO18" s="73">
        <v>693</v>
      </c>
      <c r="JP18" s="74">
        <v>824</v>
      </c>
      <c r="JQ18" s="71">
        <v>3</v>
      </c>
      <c r="JR18" s="72">
        <v>11</v>
      </c>
      <c r="JS18" s="73">
        <v>14</v>
      </c>
      <c r="JT18" s="277"/>
      <c r="JU18" s="72">
        <v>8</v>
      </c>
      <c r="JV18" s="72">
        <v>20</v>
      </c>
      <c r="JW18" s="72">
        <v>6</v>
      </c>
      <c r="JX18" s="72">
        <v>4</v>
      </c>
      <c r="JY18" s="72">
        <v>12</v>
      </c>
      <c r="JZ18" s="73">
        <v>50</v>
      </c>
      <c r="KA18" s="74">
        <v>64</v>
      </c>
      <c r="KB18" s="71">
        <v>356</v>
      </c>
      <c r="KC18" s="72">
        <v>477</v>
      </c>
      <c r="KD18" s="73">
        <v>833</v>
      </c>
      <c r="KE18" s="277"/>
      <c r="KF18" s="72">
        <v>669</v>
      </c>
      <c r="KG18" s="72">
        <v>688</v>
      </c>
      <c r="KH18" s="72">
        <v>453</v>
      </c>
      <c r="KI18" s="72">
        <v>408</v>
      </c>
      <c r="KJ18" s="72">
        <v>247</v>
      </c>
      <c r="KK18" s="73">
        <v>2465</v>
      </c>
      <c r="KL18" s="74">
        <v>3298</v>
      </c>
    </row>
    <row r="19" spans="1:298" ht="19.5" customHeight="1" x14ac:dyDescent="0.2">
      <c r="A19" s="130" t="s">
        <v>16</v>
      </c>
      <c r="B19" s="347">
        <v>213</v>
      </c>
      <c r="C19" s="83">
        <v>233</v>
      </c>
      <c r="D19" s="84">
        <v>446</v>
      </c>
      <c r="E19" s="274"/>
      <c r="F19" s="83">
        <v>471</v>
      </c>
      <c r="G19" s="83">
        <v>592</v>
      </c>
      <c r="H19" s="83">
        <v>406</v>
      </c>
      <c r="I19" s="83">
        <v>322</v>
      </c>
      <c r="J19" s="83">
        <v>177</v>
      </c>
      <c r="K19" s="85">
        <v>1968</v>
      </c>
      <c r="L19" s="86">
        <v>2414</v>
      </c>
      <c r="M19" s="71">
        <v>13</v>
      </c>
      <c r="N19" s="72">
        <v>11</v>
      </c>
      <c r="O19" s="73">
        <v>24</v>
      </c>
      <c r="P19" s="277"/>
      <c r="Q19" s="72">
        <v>21</v>
      </c>
      <c r="R19" s="72">
        <v>29</v>
      </c>
      <c r="S19" s="72">
        <v>24</v>
      </c>
      <c r="T19" s="72">
        <v>23</v>
      </c>
      <c r="U19" s="72">
        <v>18</v>
      </c>
      <c r="V19" s="73">
        <v>115</v>
      </c>
      <c r="W19" s="74">
        <v>139</v>
      </c>
      <c r="X19" s="71">
        <v>32</v>
      </c>
      <c r="Y19" s="72">
        <v>41</v>
      </c>
      <c r="Z19" s="73">
        <v>73</v>
      </c>
      <c r="AA19" s="277"/>
      <c r="AB19" s="72">
        <v>66</v>
      </c>
      <c r="AC19" s="72">
        <v>84</v>
      </c>
      <c r="AD19" s="72">
        <v>60</v>
      </c>
      <c r="AE19" s="72">
        <v>47</v>
      </c>
      <c r="AF19" s="72">
        <v>31</v>
      </c>
      <c r="AG19" s="73">
        <v>288</v>
      </c>
      <c r="AH19" s="74">
        <v>361</v>
      </c>
      <c r="AI19" s="71">
        <v>45</v>
      </c>
      <c r="AJ19" s="72">
        <v>38</v>
      </c>
      <c r="AK19" s="73">
        <v>83</v>
      </c>
      <c r="AL19" s="277"/>
      <c r="AM19" s="72">
        <v>95</v>
      </c>
      <c r="AN19" s="72">
        <v>86</v>
      </c>
      <c r="AO19" s="72">
        <v>58</v>
      </c>
      <c r="AP19" s="72">
        <v>52</v>
      </c>
      <c r="AQ19" s="72">
        <v>26</v>
      </c>
      <c r="AR19" s="73">
        <v>317</v>
      </c>
      <c r="AS19" s="74">
        <v>400</v>
      </c>
      <c r="AT19" s="71">
        <v>50</v>
      </c>
      <c r="AU19" s="72">
        <v>57</v>
      </c>
      <c r="AV19" s="73">
        <v>107</v>
      </c>
      <c r="AW19" s="277"/>
      <c r="AX19" s="72">
        <v>99</v>
      </c>
      <c r="AY19" s="72">
        <v>159</v>
      </c>
      <c r="AZ19" s="72">
        <v>101</v>
      </c>
      <c r="BA19" s="72">
        <v>77</v>
      </c>
      <c r="BB19" s="72">
        <v>48</v>
      </c>
      <c r="BC19" s="73">
        <v>484</v>
      </c>
      <c r="BD19" s="74">
        <v>591</v>
      </c>
      <c r="BE19" s="71">
        <v>46</v>
      </c>
      <c r="BF19" s="72">
        <v>57</v>
      </c>
      <c r="BG19" s="73">
        <v>103</v>
      </c>
      <c r="BH19" s="277"/>
      <c r="BI19" s="72">
        <v>114</v>
      </c>
      <c r="BJ19" s="72">
        <v>135</v>
      </c>
      <c r="BK19" s="72">
        <v>95</v>
      </c>
      <c r="BL19" s="72">
        <v>60</v>
      </c>
      <c r="BM19" s="72">
        <v>27</v>
      </c>
      <c r="BN19" s="73">
        <v>431</v>
      </c>
      <c r="BO19" s="74">
        <v>534</v>
      </c>
      <c r="BP19" s="71">
        <v>27</v>
      </c>
      <c r="BQ19" s="72">
        <v>29</v>
      </c>
      <c r="BR19" s="73">
        <v>56</v>
      </c>
      <c r="BS19" s="277"/>
      <c r="BT19" s="72">
        <v>76</v>
      </c>
      <c r="BU19" s="72">
        <v>99</v>
      </c>
      <c r="BV19" s="72">
        <v>68</v>
      </c>
      <c r="BW19" s="72">
        <v>63</v>
      </c>
      <c r="BX19" s="72">
        <v>27</v>
      </c>
      <c r="BY19" s="73">
        <v>333</v>
      </c>
      <c r="BZ19" s="74">
        <v>389</v>
      </c>
      <c r="CA19" s="71">
        <v>12</v>
      </c>
      <c r="CB19" s="72">
        <v>10</v>
      </c>
      <c r="CC19" s="73">
        <v>22</v>
      </c>
      <c r="CD19" s="277"/>
      <c r="CE19" s="72">
        <v>17</v>
      </c>
      <c r="CF19" s="72">
        <v>26</v>
      </c>
      <c r="CG19" s="72">
        <v>16</v>
      </c>
      <c r="CH19" s="72">
        <v>8</v>
      </c>
      <c r="CI19" s="72">
        <v>13</v>
      </c>
      <c r="CJ19" s="73">
        <v>80</v>
      </c>
      <c r="CK19" s="74">
        <v>102</v>
      </c>
      <c r="CL19" s="71">
        <v>225</v>
      </c>
      <c r="CM19" s="72">
        <v>243</v>
      </c>
      <c r="CN19" s="73">
        <v>468</v>
      </c>
      <c r="CO19" s="277"/>
      <c r="CP19" s="72">
        <v>488</v>
      </c>
      <c r="CQ19" s="72">
        <v>618</v>
      </c>
      <c r="CR19" s="72">
        <v>422</v>
      </c>
      <c r="CS19" s="72">
        <v>330</v>
      </c>
      <c r="CT19" s="72">
        <v>190</v>
      </c>
      <c r="CU19" s="73">
        <v>2048</v>
      </c>
      <c r="CV19" s="74">
        <v>2516</v>
      </c>
      <c r="CW19" s="127">
        <v>390</v>
      </c>
      <c r="CX19" s="83">
        <v>554</v>
      </c>
      <c r="CY19" s="84">
        <v>944</v>
      </c>
      <c r="CZ19" s="274"/>
      <c r="DA19" s="83">
        <v>860</v>
      </c>
      <c r="DB19" s="83">
        <v>983</v>
      </c>
      <c r="DC19" s="83">
        <v>802</v>
      </c>
      <c r="DD19" s="83">
        <v>719</v>
      </c>
      <c r="DE19" s="83">
        <v>519</v>
      </c>
      <c r="DF19" s="85">
        <v>3883</v>
      </c>
      <c r="DG19" s="86">
        <v>4827</v>
      </c>
      <c r="DH19" s="71">
        <v>11</v>
      </c>
      <c r="DI19" s="72">
        <v>24</v>
      </c>
      <c r="DJ19" s="73">
        <v>35</v>
      </c>
      <c r="DK19" s="277"/>
      <c r="DL19" s="72">
        <v>20</v>
      </c>
      <c r="DM19" s="72">
        <v>38</v>
      </c>
      <c r="DN19" s="72">
        <v>24</v>
      </c>
      <c r="DO19" s="72">
        <v>14</v>
      </c>
      <c r="DP19" s="72">
        <v>16</v>
      </c>
      <c r="DQ19" s="73">
        <v>112</v>
      </c>
      <c r="DR19" s="74">
        <v>147</v>
      </c>
      <c r="DS19" s="71">
        <v>42</v>
      </c>
      <c r="DT19" s="72">
        <v>63</v>
      </c>
      <c r="DU19" s="73">
        <v>105</v>
      </c>
      <c r="DV19" s="277"/>
      <c r="DW19" s="72">
        <v>66</v>
      </c>
      <c r="DX19" s="72">
        <v>73</v>
      </c>
      <c r="DY19" s="72">
        <v>51</v>
      </c>
      <c r="DZ19" s="72">
        <v>41</v>
      </c>
      <c r="EA19" s="72">
        <v>43</v>
      </c>
      <c r="EB19" s="73">
        <v>274</v>
      </c>
      <c r="EC19" s="74">
        <v>379</v>
      </c>
      <c r="ED19" s="71">
        <v>74</v>
      </c>
      <c r="EE19" s="72">
        <v>95</v>
      </c>
      <c r="EF19" s="73">
        <v>169</v>
      </c>
      <c r="EG19" s="277"/>
      <c r="EH19" s="72">
        <v>110</v>
      </c>
      <c r="EI19" s="72">
        <v>134</v>
      </c>
      <c r="EJ19" s="72">
        <v>81</v>
      </c>
      <c r="EK19" s="72">
        <v>56</v>
      </c>
      <c r="EL19" s="72">
        <v>54</v>
      </c>
      <c r="EM19" s="73">
        <v>435</v>
      </c>
      <c r="EN19" s="74">
        <v>604</v>
      </c>
      <c r="EO19" s="71">
        <v>106</v>
      </c>
      <c r="EP19" s="72">
        <v>143</v>
      </c>
      <c r="EQ19" s="73">
        <v>249</v>
      </c>
      <c r="ER19" s="277"/>
      <c r="ES19" s="72">
        <v>191</v>
      </c>
      <c r="ET19" s="72">
        <v>186</v>
      </c>
      <c r="EU19" s="72">
        <v>153</v>
      </c>
      <c r="EV19" s="72">
        <v>138</v>
      </c>
      <c r="EW19" s="72">
        <v>84</v>
      </c>
      <c r="EX19" s="73">
        <v>752</v>
      </c>
      <c r="EY19" s="74">
        <v>1001</v>
      </c>
      <c r="EZ19" s="71">
        <v>102</v>
      </c>
      <c r="FA19" s="72">
        <v>135</v>
      </c>
      <c r="FB19" s="73">
        <v>237</v>
      </c>
      <c r="FC19" s="277"/>
      <c r="FD19" s="72">
        <v>272</v>
      </c>
      <c r="FE19" s="72">
        <v>270</v>
      </c>
      <c r="FF19" s="72">
        <v>191</v>
      </c>
      <c r="FG19" s="72">
        <v>160</v>
      </c>
      <c r="FH19" s="72">
        <v>120</v>
      </c>
      <c r="FI19" s="73">
        <v>1013</v>
      </c>
      <c r="FJ19" s="74">
        <v>1250</v>
      </c>
      <c r="FK19" s="71">
        <v>55</v>
      </c>
      <c r="FL19" s="72">
        <v>94</v>
      </c>
      <c r="FM19" s="73">
        <v>149</v>
      </c>
      <c r="FN19" s="277"/>
      <c r="FO19" s="72">
        <v>201</v>
      </c>
      <c r="FP19" s="72">
        <v>282</v>
      </c>
      <c r="FQ19" s="72">
        <v>302</v>
      </c>
      <c r="FR19" s="72">
        <v>310</v>
      </c>
      <c r="FS19" s="72">
        <v>202</v>
      </c>
      <c r="FT19" s="73">
        <v>1297</v>
      </c>
      <c r="FU19" s="74">
        <v>1446</v>
      </c>
      <c r="FV19" s="71">
        <v>8</v>
      </c>
      <c r="FW19" s="72">
        <v>14</v>
      </c>
      <c r="FX19" s="73">
        <v>22</v>
      </c>
      <c r="FY19" s="277"/>
      <c r="FZ19" s="72">
        <v>5</v>
      </c>
      <c r="GA19" s="72">
        <v>15</v>
      </c>
      <c r="GB19" s="72">
        <v>10</v>
      </c>
      <c r="GC19" s="72">
        <v>16</v>
      </c>
      <c r="GD19" s="72">
        <v>12</v>
      </c>
      <c r="GE19" s="73">
        <v>58</v>
      </c>
      <c r="GF19" s="74">
        <v>80</v>
      </c>
      <c r="GG19" s="71">
        <v>398</v>
      </c>
      <c r="GH19" s="72">
        <v>568</v>
      </c>
      <c r="GI19" s="73">
        <v>966</v>
      </c>
      <c r="GJ19" s="277"/>
      <c r="GK19" s="72">
        <v>865</v>
      </c>
      <c r="GL19" s="72">
        <v>998</v>
      </c>
      <c r="GM19" s="72">
        <v>812</v>
      </c>
      <c r="GN19" s="72">
        <v>735</v>
      </c>
      <c r="GO19" s="72">
        <v>531</v>
      </c>
      <c r="GP19" s="73">
        <v>3941</v>
      </c>
      <c r="GQ19" s="74">
        <v>4907</v>
      </c>
      <c r="GR19" s="127">
        <v>603</v>
      </c>
      <c r="GS19" s="83">
        <v>787</v>
      </c>
      <c r="GT19" s="84">
        <v>1390</v>
      </c>
      <c r="GU19" s="274"/>
      <c r="GV19" s="83">
        <v>1331</v>
      </c>
      <c r="GW19" s="83">
        <v>1575</v>
      </c>
      <c r="GX19" s="83">
        <v>1208</v>
      </c>
      <c r="GY19" s="83">
        <v>1041</v>
      </c>
      <c r="GZ19" s="83">
        <v>696</v>
      </c>
      <c r="HA19" s="85">
        <v>5851</v>
      </c>
      <c r="HB19" s="86">
        <v>7241</v>
      </c>
      <c r="HC19" s="71">
        <v>24</v>
      </c>
      <c r="HD19" s="72">
        <v>35</v>
      </c>
      <c r="HE19" s="73">
        <v>59</v>
      </c>
      <c r="HF19" s="277"/>
      <c r="HG19" s="72">
        <v>41</v>
      </c>
      <c r="HH19" s="72">
        <v>67</v>
      </c>
      <c r="HI19" s="72">
        <v>48</v>
      </c>
      <c r="HJ19" s="72">
        <v>37</v>
      </c>
      <c r="HK19" s="72">
        <v>34</v>
      </c>
      <c r="HL19" s="73">
        <v>227</v>
      </c>
      <c r="HM19" s="74">
        <v>286</v>
      </c>
      <c r="HN19" s="71">
        <v>74</v>
      </c>
      <c r="HO19" s="72">
        <v>104</v>
      </c>
      <c r="HP19" s="73">
        <v>178</v>
      </c>
      <c r="HQ19" s="277"/>
      <c r="HR19" s="72">
        <v>132</v>
      </c>
      <c r="HS19" s="72">
        <v>157</v>
      </c>
      <c r="HT19" s="72">
        <v>111</v>
      </c>
      <c r="HU19" s="72">
        <v>88</v>
      </c>
      <c r="HV19" s="72">
        <v>74</v>
      </c>
      <c r="HW19" s="73">
        <v>562</v>
      </c>
      <c r="HX19" s="74">
        <v>740</v>
      </c>
      <c r="HY19" s="71">
        <v>119</v>
      </c>
      <c r="HZ19" s="72">
        <v>133</v>
      </c>
      <c r="IA19" s="73">
        <v>252</v>
      </c>
      <c r="IB19" s="277"/>
      <c r="IC19" s="72">
        <v>205</v>
      </c>
      <c r="ID19" s="72">
        <v>220</v>
      </c>
      <c r="IE19" s="72">
        <v>139</v>
      </c>
      <c r="IF19" s="72">
        <v>108</v>
      </c>
      <c r="IG19" s="72">
        <v>80</v>
      </c>
      <c r="IH19" s="73">
        <v>752</v>
      </c>
      <c r="II19" s="74">
        <v>1004</v>
      </c>
      <c r="IJ19" s="71">
        <v>156</v>
      </c>
      <c r="IK19" s="72">
        <v>200</v>
      </c>
      <c r="IL19" s="73">
        <v>356</v>
      </c>
      <c r="IM19" s="277">
        <v>0</v>
      </c>
      <c r="IN19" s="72">
        <v>290</v>
      </c>
      <c r="IO19" s="72">
        <v>345</v>
      </c>
      <c r="IP19" s="72">
        <v>254</v>
      </c>
      <c r="IQ19" s="72">
        <v>215</v>
      </c>
      <c r="IR19" s="72">
        <v>132</v>
      </c>
      <c r="IS19" s="73">
        <v>1236</v>
      </c>
      <c r="IT19" s="74">
        <v>1592</v>
      </c>
      <c r="IU19" s="71">
        <v>148</v>
      </c>
      <c r="IV19" s="72">
        <v>192</v>
      </c>
      <c r="IW19" s="73">
        <v>340</v>
      </c>
      <c r="IX19" s="277"/>
      <c r="IY19" s="72">
        <v>386</v>
      </c>
      <c r="IZ19" s="72">
        <v>405</v>
      </c>
      <c r="JA19" s="72">
        <v>286</v>
      </c>
      <c r="JB19" s="72">
        <v>220</v>
      </c>
      <c r="JC19" s="72">
        <v>147</v>
      </c>
      <c r="JD19" s="73">
        <v>1444</v>
      </c>
      <c r="JE19" s="74">
        <v>1784</v>
      </c>
      <c r="JF19" s="71">
        <v>82</v>
      </c>
      <c r="JG19" s="72">
        <v>123</v>
      </c>
      <c r="JH19" s="73">
        <v>205</v>
      </c>
      <c r="JI19" s="277"/>
      <c r="JJ19" s="72">
        <v>277</v>
      </c>
      <c r="JK19" s="72">
        <v>381</v>
      </c>
      <c r="JL19" s="72">
        <v>370</v>
      </c>
      <c r="JM19" s="72">
        <v>373</v>
      </c>
      <c r="JN19" s="72">
        <v>229</v>
      </c>
      <c r="JO19" s="73">
        <v>1630</v>
      </c>
      <c r="JP19" s="74">
        <v>1835</v>
      </c>
      <c r="JQ19" s="71">
        <v>20</v>
      </c>
      <c r="JR19" s="72">
        <v>24</v>
      </c>
      <c r="JS19" s="73">
        <v>44</v>
      </c>
      <c r="JT19" s="277"/>
      <c r="JU19" s="72">
        <v>22</v>
      </c>
      <c r="JV19" s="72">
        <v>41</v>
      </c>
      <c r="JW19" s="72">
        <v>26</v>
      </c>
      <c r="JX19" s="72">
        <v>24</v>
      </c>
      <c r="JY19" s="72">
        <v>25</v>
      </c>
      <c r="JZ19" s="73">
        <v>138</v>
      </c>
      <c r="KA19" s="74">
        <v>182</v>
      </c>
      <c r="KB19" s="71">
        <v>623</v>
      </c>
      <c r="KC19" s="72">
        <v>811</v>
      </c>
      <c r="KD19" s="73">
        <v>1434</v>
      </c>
      <c r="KE19" s="277"/>
      <c r="KF19" s="72">
        <v>1353</v>
      </c>
      <c r="KG19" s="72">
        <v>1616</v>
      </c>
      <c r="KH19" s="72">
        <v>1234</v>
      </c>
      <c r="KI19" s="72">
        <v>1065</v>
      </c>
      <c r="KJ19" s="72">
        <v>721</v>
      </c>
      <c r="KK19" s="73">
        <v>5989</v>
      </c>
      <c r="KL19" s="74">
        <v>7423</v>
      </c>
    </row>
    <row r="20" spans="1:298" ht="19.5" customHeight="1" x14ac:dyDescent="0.2">
      <c r="A20" s="130" t="s">
        <v>17</v>
      </c>
      <c r="B20" s="347">
        <v>274</v>
      </c>
      <c r="C20" s="83">
        <v>358</v>
      </c>
      <c r="D20" s="84">
        <v>632</v>
      </c>
      <c r="E20" s="274"/>
      <c r="F20" s="83">
        <v>533</v>
      </c>
      <c r="G20" s="83">
        <v>693</v>
      </c>
      <c r="H20" s="83">
        <v>533</v>
      </c>
      <c r="I20" s="83">
        <v>399</v>
      </c>
      <c r="J20" s="83">
        <v>234</v>
      </c>
      <c r="K20" s="85">
        <v>2392</v>
      </c>
      <c r="L20" s="86">
        <v>3024</v>
      </c>
      <c r="M20" s="71">
        <v>10</v>
      </c>
      <c r="N20" s="72">
        <v>31</v>
      </c>
      <c r="O20" s="73">
        <v>41</v>
      </c>
      <c r="P20" s="277"/>
      <c r="Q20" s="72">
        <v>31</v>
      </c>
      <c r="R20" s="72">
        <v>40</v>
      </c>
      <c r="S20" s="72">
        <v>33</v>
      </c>
      <c r="T20" s="72">
        <v>24</v>
      </c>
      <c r="U20" s="72">
        <v>26</v>
      </c>
      <c r="V20" s="73">
        <v>154</v>
      </c>
      <c r="W20" s="74">
        <v>195</v>
      </c>
      <c r="X20" s="71">
        <v>37</v>
      </c>
      <c r="Y20" s="72">
        <v>52</v>
      </c>
      <c r="Z20" s="73">
        <v>89</v>
      </c>
      <c r="AA20" s="277"/>
      <c r="AB20" s="72">
        <v>49</v>
      </c>
      <c r="AC20" s="72">
        <v>102</v>
      </c>
      <c r="AD20" s="72">
        <v>69</v>
      </c>
      <c r="AE20" s="72">
        <v>58</v>
      </c>
      <c r="AF20" s="72">
        <v>40</v>
      </c>
      <c r="AG20" s="73">
        <v>318</v>
      </c>
      <c r="AH20" s="74">
        <v>407</v>
      </c>
      <c r="AI20" s="71">
        <v>50</v>
      </c>
      <c r="AJ20" s="72">
        <v>65</v>
      </c>
      <c r="AK20" s="73">
        <v>115</v>
      </c>
      <c r="AL20" s="277"/>
      <c r="AM20" s="72">
        <v>92</v>
      </c>
      <c r="AN20" s="72">
        <v>124</v>
      </c>
      <c r="AO20" s="72">
        <v>89</v>
      </c>
      <c r="AP20" s="72">
        <v>76</v>
      </c>
      <c r="AQ20" s="72">
        <v>43</v>
      </c>
      <c r="AR20" s="73">
        <v>424</v>
      </c>
      <c r="AS20" s="74">
        <v>539</v>
      </c>
      <c r="AT20" s="71">
        <v>66</v>
      </c>
      <c r="AU20" s="72">
        <v>84</v>
      </c>
      <c r="AV20" s="73">
        <v>150</v>
      </c>
      <c r="AW20" s="277"/>
      <c r="AX20" s="72">
        <v>144</v>
      </c>
      <c r="AY20" s="72">
        <v>169</v>
      </c>
      <c r="AZ20" s="72">
        <v>147</v>
      </c>
      <c r="BA20" s="72">
        <v>97</v>
      </c>
      <c r="BB20" s="72">
        <v>58</v>
      </c>
      <c r="BC20" s="73">
        <v>615</v>
      </c>
      <c r="BD20" s="74">
        <v>765</v>
      </c>
      <c r="BE20" s="71">
        <v>74</v>
      </c>
      <c r="BF20" s="72">
        <v>78</v>
      </c>
      <c r="BG20" s="73">
        <v>152</v>
      </c>
      <c r="BH20" s="277"/>
      <c r="BI20" s="72">
        <v>130</v>
      </c>
      <c r="BJ20" s="72">
        <v>160</v>
      </c>
      <c r="BK20" s="72">
        <v>113</v>
      </c>
      <c r="BL20" s="72">
        <v>86</v>
      </c>
      <c r="BM20" s="72">
        <v>48</v>
      </c>
      <c r="BN20" s="73">
        <v>537</v>
      </c>
      <c r="BO20" s="74">
        <v>689</v>
      </c>
      <c r="BP20" s="71">
        <v>37</v>
      </c>
      <c r="BQ20" s="72">
        <v>48</v>
      </c>
      <c r="BR20" s="73">
        <v>85</v>
      </c>
      <c r="BS20" s="277"/>
      <c r="BT20" s="72">
        <v>87</v>
      </c>
      <c r="BU20" s="72">
        <v>98</v>
      </c>
      <c r="BV20" s="72">
        <v>82</v>
      </c>
      <c r="BW20" s="72">
        <v>58</v>
      </c>
      <c r="BX20" s="72">
        <v>19</v>
      </c>
      <c r="BY20" s="73">
        <v>344</v>
      </c>
      <c r="BZ20" s="74">
        <v>429</v>
      </c>
      <c r="CA20" s="71">
        <v>12</v>
      </c>
      <c r="CB20" s="72">
        <v>21</v>
      </c>
      <c r="CC20" s="73">
        <v>33</v>
      </c>
      <c r="CD20" s="277"/>
      <c r="CE20" s="72">
        <v>16</v>
      </c>
      <c r="CF20" s="72">
        <v>41</v>
      </c>
      <c r="CG20" s="72">
        <v>33</v>
      </c>
      <c r="CH20" s="72">
        <v>21</v>
      </c>
      <c r="CI20" s="72">
        <v>13</v>
      </c>
      <c r="CJ20" s="73">
        <v>124</v>
      </c>
      <c r="CK20" s="74">
        <v>157</v>
      </c>
      <c r="CL20" s="71">
        <v>286</v>
      </c>
      <c r="CM20" s="72">
        <v>379</v>
      </c>
      <c r="CN20" s="73">
        <v>665</v>
      </c>
      <c r="CO20" s="277"/>
      <c r="CP20" s="72">
        <v>549</v>
      </c>
      <c r="CQ20" s="72">
        <v>734</v>
      </c>
      <c r="CR20" s="72">
        <v>566</v>
      </c>
      <c r="CS20" s="72">
        <v>420</v>
      </c>
      <c r="CT20" s="72">
        <v>247</v>
      </c>
      <c r="CU20" s="73">
        <v>2516</v>
      </c>
      <c r="CV20" s="74">
        <v>3181</v>
      </c>
      <c r="CW20" s="127">
        <v>597</v>
      </c>
      <c r="CX20" s="83">
        <v>815</v>
      </c>
      <c r="CY20" s="84">
        <v>1412</v>
      </c>
      <c r="CZ20" s="274"/>
      <c r="DA20" s="83">
        <v>922</v>
      </c>
      <c r="DB20" s="83">
        <v>1179</v>
      </c>
      <c r="DC20" s="83">
        <v>850</v>
      </c>
      <c r="DD20" s="83">
        <v>762</v>
      </c>
      <c r="DE20" s="83">
        <v>552</v>
      </c>
      <c r="DF20" s="85">
        <v>4265</v>
      </c>
      <c r="DG20" s="86">
        <v>5677</v>
      </c>
      <c r="DH20" s="71">
        <v>14</v>
      </c>
      <c r="DI20" s="72">
        <v>29</v>
      </c>
      <c r="DJ20" s="73">
        <v>43</v>
      </c>
      <c r="DK20" s="277"/>
      <c r="DL20" s="72">
        <v>19</v>
      </c>
      <c r="DM20" s="72">
        <v>37</v>
      </c>
      <c r="DN20" s="72">
        <v>29</v>
      </c>
      <c r="DO20" s="72">
        <v>17</v>
      </c>
      <c r="DP20" s="72">
        <v>23</v>
      </c>
      <c r="DQ20" s="73">
        <v>125</v>
      </c>
      <c r="DR20" s="74">
        <v>168</v>
      </c>
      <c r="DS20" s="71">
        <v>59</v>
      </c>
      <c r="DT20" s="72">
        <v>79</v>
      </c>
      <c r="DU20" s="73">
        <v>138</v>
      </c>
      <c r="DV20" s="277"/>
      <c r="DW20" s="72">
        <v>61</v>
      </c>
      <c r="DX20" s="72">
        <v>70</v>
      </c>
      <c r="DY20" s="72">
        <v>61</v>
      </c>
      <c r="DZ20" s="72">
        <v>40</v>
      </c>
      <c r="EA20" s="72">
        <v>42</v>
      </c>
      <c r="EB20" s="73">
        <v>274</v>
      </c>
      <c r="EC20" s="74">
        <v>412</v>
      </c>
      <c r="ED20" s="71">
        <v>97</v>
      </c>
      <c r="EE20" s="72">
        <v>131</v>
      </c>
      <c r="EF20" s="73">
        <v>228</v>
      </c>
      <c r="EG20" s="277"/>
      <c r="EH20" s="72">
        <v>135</v>
      </c>
      <c r="EI20" s="72">
        <v>164</v>
      </c>
      <c r="EJ20" s="72">
        <v>119</v>
      </c>
      <c r="EK20" s="72">
        <v>95</v>
      </c>
      <c r="EL20" s="72">
        <v>64</v>
      </c>
      <c r="EM20" s="73">
        <v>577</v>
      </c>
      <c r="EN20" s="74">
        <v>805</v>
      </c>
      <c r="EO20" s="71">
        <v>186</v>
      </c>
      <c r="EP20" s="72">
        <v>218</v>
      </c>
      <c r="EQ20" s="73">
        <v>404</v>
      </c>
      <c r="ER20" s="277"/>
      <c r="ES20" s="72">
        <v>232</v>
      </c>
      <c r="ET20" s="72">
        <v>283</v>
      </c>
      <c r="EU20" s="72">
        <v>175</v>
      </c>
      <c r="EV20" s="72">
        <v>152</v>
      </c>
      <c r="EW20" s="72">
        <v>93</v>
      </c>
      <c r="EX20" s="73">
        <v>935</v>
      </c>
      <c r="EY20" s="74">
        <v>1339</v>
      </c>
      <c r="EZ20" s="71">
        <v>156</v>
      </c>
      <c r="FA20" s="72">
        <v>230</v>
      </c>
      <c r="FB20" s="73">
        <v>386</v>
      </c>
      <c r="FC20" s="277"/>
      <c r="FD20" s="72">
        <v>285</v>
      </c>
      <c r="FE20" s="72">
        <v>302</v>
      </c>
      <c r="FF20" s="72">
        <v>220</v>
      </c>
      <c r="FG20" s="72">
        <v>186</v>
      </c>
      <c r="FH20" s="72">
        <v>165</v>
      </c>
      <c r="FI20" s="73">
        <v>1158</v>
      </c>
      <c r="FJ20" s="74">
        <v>1544</v>
      </c>
      <c r="FK20" s="71">
        <v>85</v>
      </c>
      <c r="FL20" s="72">
        <v>128</v>
      </c>
      <c r="FM20" s="73">
        <v>213</v>
      </c>
      <c r="FN20" s="277"/>
      <c r="FO20" s="72">
        <v>190</v>
      </c>
      <c r="FP20" s="72">
        <v>323</v>
      </c>
      <c r="FQ20" s="72">
        <v>246</v>
      </c>
      <c r="FR20" s="72">
        <v>272</v>
      </c>
      <c r="FS20" s="72">
        <v>165</v>
      </c>
      <c r="FT20" s="73">
        <v>1196</v>
      </c>
      <c r="FU20" s="74">
        <v>1409</v>
      </c>
      <c r="FV20" s="71">
        <v>4</v>
      </c>
      <c r="FW20" s="72">
        <v>23</v>
      </c>
      <c r="FX20" s="73">
        <v>27</v>
      </c>
      <c r="FY20" s="277"/>
      <c r="FZ20" s="72">
        <v>4</v>
      </c>
      <c r="GA20" s="72">
        <v>28</v>
      </c>
      <c r="GB20" s="72">
        <v>19</v>
      </c>
      <c r="GC20" s="72">
        <v>18</v>
      </c>
      <c r="GD20" s="72">
        <v>14</v>
      </c>
      <c r="GE20" s="73">
        <v>83</v>
      </c>
      <c r="GF20" s="74">
        <v>110</v>
      </c>
      <c r="GG20" s="71">
        <v>601</v>
      </c>
      <c r="GH20" s="72">
        <v>838</v>
      </c>
      <c r="GI20" s="73">
        <v>1439</v>
      </c>
      <c r="GJ20" s="277"/>
      <c r="GK20" s="72">
        <v>926</v>
      </c>
      <c r="GL20" s="72">
        <v>1207</v>
      </c>
      <c r="GM20" s="72">
        <v>869</v>
      </c>
      <c r="GN20" s="72">
        <v>780</v>
      </c>
      <c r="GO20" s="72">
        <v>566</v>
      </c>
      <c r="GP20" s="73">
        <v>4348</v>
      </c>
      <c r="GQ20" s="74">
        <v>5787</v>
      </c>
      <c r="GR20" s="127">
        <v>871</v>
      </c>
      <c r="GS20" s="83">
        <v>1173</v>
      </c>
      <c r="GT20" s="84">
        <v>2044</v>
      </c>
      <c r="GU20" s="274"/>
      <c r="GV20" s="83">
        <v>1455</v>
      </c>
      <c r="GW20" s="83">
        <v>1872</v>
      </c>
      <c r="GX20" s="83">
        <v>1383</v>
      </c>
      <c r="GY20" s="83">
        <v>1161</v>
      </c>
      <c r="GZ20" s="83">
        <v>786</v>
      </c>
      <c r="HA20" s="85">
        <v>6657</v>
      </c>
      <c r="HB20" s="86">
        <v>8701</v>
      </c>
      <c r="HC20" s="71">
        <v>24</v>
      </c>
      <c r="HD20" s="72">
        <v>60</v>
      </c>
      <c r="HE20" s="73">
        <v>84</v>
      </c>
      <c r="HF20" s="277"/>
      <c r="HG20" s="72">
        <v>50</v>
      </c>
      <c r="HH20" s="72">
        <v>77</v>
      </c>
      <c r="HI20" s="72">
        <v>62</v>
      </c>
      <c r="HJ20" s="72">
        <v>41</v>
      </c>
      <c r="HK20" s="72">
        <v>49</v>
      </c>
      <c r="HL20" s="73">
        <v>279</v>
      </c>
      <c r="HM20" s="74">
        <v>363</v>
      </c>
      <c r="HN20" s="71">
        <v>96</v>
      </c>
      <c r="HO20" s="72">
        <v>131</v>
      </c>
      <c r="HP20" s="73">
        <v>227</v>
      </c>
      <c r="HQ20" s="277"/>
      <c r="HR20" s="72">
        <v>110</v>
      </c>
      <c r="HS20" s="72">
        <v>172</v>
      </c>
      <c r="HT20" s="72">
        <v>130</v>
      </c>
      <c r="HU20" s="72">
        <v>98</v>
      </c>
      <c r="HV20" s="72">
        <v>82</v>
      </c>
      <c r="HW20" s="73">
        <v>592</v>
      </c>
      <c r="HX20" s="74">
        <v>819</v>
      </c>
      <c r="HY20" s="71">
        <v>147</v>
      </c>
      <c r="HZ20" s="72">
        <v>196</v>
      </c>
      <c r="IA20" s="73">
        <v>343</v>
      </c>
      <c r="IB20" s="277"/>
      <c r="IC20" s="72">
        <v>227</v>
      </c>
      <c r="ID20" s="72">
        <v>288</v>
      </c>
      <c r="IE20" s="72">
        <v>208</v>
      </c>
      <c r="IF20" s="72">
        <v>171</v>
      </c>
      <c r="IG20" s="72">
        <v>107</v>
      </c>
      <c r="IH20" s="73">
        <v>1001</v>
      </c>
      <c r="II20" s="74">
        <v>1344</v>
      </c>
      <c r="IJ20" s="71">
        <v>252</v>
      </c>
      <c r="IK20" s="72">
        <v>302</v>
      </c>
      <c r="IL20" s="73">
        <v>554</v>
      </c>
      <c r="IM20" s="277">
        <v>0</v>
      </c>
      <c r="IN20" s="72">
        <v>376</v>
      </c>
      <c r="IO20" s="72">
        <v>452</v>
      </c>
      <c r="IP20" s="72">
        <v>322</v>
      </c>
      <c r="IQ20" s="72">
        <v>249</v>
      </c>
      <c r="IR20" s="72">
        <v>151</v>
      </c>
      <c r="IS20" s="73">
        <v>1550</v>
      </c>
      <c r="IT20" s="74">
        <v>2104</v>
      </c>
      <c r="IU20" s="71">
        <v>230</v>
      </c>
      <c r="IV20" s="72">
        <v>308</v>
      </c>
      <c r="IW20" s="73">
        <v>538</v>
      </c>
      <c r="IX20" s="277"/>
      <c r="IY20" s="72">
        <v>415</v>
      </c>
      <c r="IZ20" s="72">
        <v>462</v>
      </c>
      <c r="JA20" s="72">
        <v>333</v>
      </c>
      <c r="JB20" s="72">
        <v>272</v>
      </c>
      <c r="JC20" s="72">
        <v>213</v>
      </c>
      <c r="JD20" s="73">
        <v>1695</v>
      </c>
      <c r="JE20" s="74">
        <v>2233</v>
      </c>
      <c r="JF20" s="71">
        <v>122</v>
      </c>
      <c r="JG20" s="72">
        <v>176</v>
      </c>
      <c r="JH20" s="73">
        <v>298</v>
      </c>
      <c r="JI20" s="277"/>
      <c r="JJ20" s="72">
        <v>277</v>
      </c>
      <c r="JK20" s="72">
        <v>421</v>
      </c>
      <c r="JL20" s="72">
        <v>328</v>
      </c>
      <c r="JM20" s="72">
        <v>330</v>
      </c>
      <c r="JN20" s="72">
        <v>184</v>
      </c>
      <c r="JO20" s="73">
        <v>1540</v>
      </c>
      <c r="JP20" s="74">
        <v>1838</v>
      </c>
      <c r="JQ20" s="71">
        <v>16</v>
      </c>
      <c r="JR20" s="72">
        <v>44</v>
      </c>
      <c r="JS20" s="73">
        <v>60</v>
      </c>
      <c r="JT20" s="277"/>
      <c r="JU20" s="72">
        <v>20</v>
      </c>
      <c r="JV20" s="72">
        <v>69</v>
      </c>
      <c r="JW20" s="72">
        <v>52</v>
      </c>
      <c r="JX20" s="72">
        <v>39</v>
      </c>
      <c r="JY20" s="72">
        <v>27</v>
      </c>
      <c r="JZ20" s="73">
        <v>207</v>
      </c>
      <c r="KA20" s="74">
        <v>267</v>
      </c>
      <c r="KB20" s="71">
        <v>887</v>
      </c>
      <c r="KC20" s="72">
        <v>1217</v>
      </c>
      <c r="KD20" s="73">
        <v>2104</v>
      </c>
      <c r="KE20" s="277"/>
      <c r="KF20" s="72">
        <v>1475</v>
      </c>
      <c r="KG20" s="72">
        <v>1941</v>
      </c>
      <c r="KH20" s="72">
        <v>1435</v>
      </c>
      <c r="KI20" s="72">
        <v>1200</v>
      </c>
      <c r="KJ20" s="72">
        <v>813</v>
      </c>
      <c r="KK20" s="73">
        <v>6864</v>
      </c>
      <c r="KL20" s="74">
        <v>8968</v>
      </c>
    </row>
    <row r="21" spans="1:298" ht="19.5" customHeight="1" x14ac:dyDescent="0.2">
      <c r="A21" s="130" t="s">
        <v>18</v>
      </c>
      <c r="B21" s="347">
        <v>406</v>
      </c>
      <c r="C21" s="83">
        <v>419</v>
      </c>
      <c r="D21" s="84">
        <v>825</v>
      </c>
      <c r="E21" s="274"/>
      <c r="F21" s="83">
        <v>879</v>
      </c>
      <c r="G21" s="83">
        <v>708</v>
      </c>
      <c r="H21" s="83">
        <v>496</v>
      </c>
      <c r="I21" s="83">
        <v>444</v>
      </c>
      <c r="J21" s="83">
        <v>263</v>
      </c>
      <c r="K21" s="85">
        <v>2790</v>
      </c>
      <c r="L21" s="86">
        <v>3615</v>
      </c>
      <c r="M21" s="71">
        <v>18</v>
      </c>
      <c r="N21" s="72">
        <v>35</v>
      </c>
      <c r="O21" s="73">
        <v>53</v>
      </c>
      <c r="P21" s="277"/>
      <c r="Q21" s="72">
        <v>53</v>
      </c>
      <c r="R21" s="72">
        <v>46</v>
      </c>
      <c r="S21" s="72">
        <v>37</v>
      </c>
      <c r="T21" s="72">
        <v>38</v>
      </c>
      <c r="U21" s="72">
        <v>22</v>
      </c>
      <c r="V21" s="73">
        <v>196</v>
      </c>
      <c r="W21" s="74">
        <v>249</v>
      </c>
      <c r="X21" s="71">
        <v>54</v>
      </c>
      <c r="Y21" s="72">
        <v>49</v>
      </c>
      <c r="Z21" s="73">
        <v>103</v>
      </c>
      <c r="AA21" s="277"/>
      <c r="AB21" s="72">
        <v>99</v>
      </c>
      <c r="AC21" s="72">
        <v>90</v>
      </c>
      <c r="AD21" s="72">
        <v>74</v>
      </c>
      <c r="AE21" s="72">
        <v>62</v>
      </c>
      <c r="AF21" s="72">
        <v>38</v>
      </c>
      <c r="AG21" s="73">
        <v>363</v>
      </c>
      <c r="AH21" s="74">
        <v>466</v>
      </c>
      <c r="AI21" s="71">
        <v>63</v>
      </c>
      <c r="AJ21" s="72">
        <v>64</v>
      </c>
      <c r="AK21" s="73">
        <v>127</v>
      </c>
      <c r="AL21" s="277"/>
      <c r="AM21" s="72">
        <v>139</v>
      </c>
      <c r="AN21" s="72">
        <v>114</v>
      </c>
      <c r="AO21" s="72">
        <v>90</v>
      </c>
      <c r="AP21" s="72">
        <v>70</v>
      </c>
      <c r="AQ21" s="72">
        <v>58</v>
      </c>
      <c r="AR21" s="73">
        <v>471</v>
      </c>
      <c r="AS21" s="74">
        <v>598</v>
      </c>
      <c r="AT21" s="71">
        <v>124</v>
      </c>
      <c r="AU21" s="72">
        <v>103</v>
      </c>
      <c r="AV21" s="73">
        <v>227</v>
      </c>
      <c r="AW21" s="277"/>
      <c r="AX21" s="72">
        <v>239</v>
      </c>
      <c r="AY21" s="72">
        <v>193</v>
      </c>
      <c r="AZ21" s="72">
        <v>99</v>
      </c>
      <c r="BA21" s="72">
        <v>107</v>
      </c>
      <c r="BB21" s="72">
        <v>54</v>
      </c>
      <c r="BC21" s="73">
        <v>692</v>
      </c>
      <c r="BD21" s="74">
        <v>919</v>
      </c>
      <c r="BE21" s="71">
        <v>94</v>
      </c>
      <c r="BF21" s="72">
        <v>102</v>
      </c>
      <c r="BG21" s="73">
        <v>196</v>
      </c>
      <c r="BH21" s="277"/>
      <c r="BI21" s="72">
        <v>242</v>
      </c>
      <c r="BJ21" s="72">
        <v>159</v>
      </c>
      <c r="BK21" s="72">
        <v>117</v>
      </c>
      <c r="BL21" s="72">
        <v>97</v>
      </c>
      <c r="BM21" s="72">
        <v>43</v>
      </c>
      <c r="BN21" s="73">
        <v>658</v>
      </c>
      <c r="BO21" s="74">
        <v>854</v>
      </c>
      <c r="BP21" s="71">
        <v>53</v>
      </c>
      <c r="BQ21" s="72">
        <v>66</v>
      </c>
      <c r="BR21" s="73">
        <v>119</v>
      </c>
      <c r="BS21" s="277"/>
      <c r="BT21" s="72">
        <v>107</v>
      </c>
      <c r="BU21" s="72">
        <v>106</v>
      </c>
      <c r="BV21" s="72">
        <v>79</v>
      </c>
      <c r="BW21" s="72">
        <v>70</v>
      </c>
      <c r="BX21" s="72">
        <v>48</v>
      </c>
      <c r="BY21" s="73">
        <v>410</v>
      </c>
      <c r="BZ21" s="74">
        <v>529</v>
      </c>
      <c r="CA21" s="71">
        <v>9</v>
      </c>
      <c r="CB21" s="72">
        <v>20</v>
      </c>
      <c r="CC21" s="73">
        <v>29</v>
      </c>
      <c r="CD21" s="277"/>
      <c r="CE21" s="72">
        <v>32</v>
      </c>
      <c r="CF21" s="72">
        <v>41</v>
      </c>
      <c r="CG21" s="72">
        <v>29</v>
      </c>
      <c r="CH21" s="72">
        <v>22</v>
      </c>
      <c r="CI21" s="72">
        <v>23</v>
      </c>
      <c r="CJ21" s="73">
        <v>147</v>
      </c>
      <c r="CK21" s="74">
        <v>176</v>
      </c>
      <c r="CL21" s="71">
        <v>415</v>
      </c>
      <c r="CM21" s="72">
        <v>439</v>
      </c>
      <c r="CN21" s="73">
        <v>854</v>
      </c>
      <c r="CO21" s="277"/>
      <c r="CP21" s="72">
        <v>911</v>
      </c>
      <c r="CQ21" s="72">
        <v>749</v>
      </c>
      <c r="CR21" s="72">
        <v>525</v>
      </c>
      <c r="CS21" s="72">
        <v>466</v>
      </c>
      <c r="CT21" s="72">
        <v>286</v>
      </c>
      <c r="CU21" s="73">
        <v>2937</v>
      </c>
      <c r="CV21" s="74">
        <v>3791</v>
      </c>
      <c r="CW21" s="127">
        <v>822</v>
      </c>
      <c r="CX21" s="83">
        <v>1020</v>
      </c>
      <c r="CY21" s="84">
        <v>1842</v>
      </c>
      <c r="CZ21" s="274"/>
      <c r="DA21" s="83">
        <v>1390</v>
      </c>
      <c r="DB21" s="83">
        <v>1239</v>
      </c>
      <c r="DC21" s="83">
        <v>891</v>
      </c>
      <c r="DD21" s="83">
        <v>890</v>
      </c>
      <c r="DE21" s="83">
        <v>610</v>
      </c>
      <c r="DF21" s="85">
        <v>5020</v>
      </c>
      <c r="DG21" s="86">
        <v>6862</v>
      </c>
      <c r="DH21" s="71">
        <v>22</v>
      </c>
      <c r="DI21" s="72">
        <v>30</v>
      </c>
      <c r="DJ21" s="73">
        <v>52</v>
      </c>
      <c r="DK21" s="277"/>
      <c r="DL21" s="72">
        <v>39</v>
      </c>
      <c r="DM21" s="72">
        <v>29</v>
      </c>
      <c r="DN21" s="72">
        <v>22</v>
      </c>
      <c r="DO21" s="72">
        <v>16</v>
      </c>
      <c r="DP21" s="72">
        <v>23</v>
      </c>
      <c r="DQ21" s="73">
        <v>129</v>
      </c>
      <c r="DR21" s="74">
        <v>181</v>
      </c>
      <c r="DS21" s="71">
        <v>80</v>
      </c>
      <c r="DT21" s="72">
        <v>104</v>
      </c>
      <c r="DU21" s="73">
        <v>184</v>
      </c>
      <c r="DV21" s="277"/>
      <c r="DW21" s="72">
        <v>106</v>
      </c>
      <c r="DX21" s="72">
        <v>92</v>
      </c>
      <c r="DY21" s="72">
        <v>57</v>
      </c>
      <c r="DZ21" s="72">
        <v>44</v>
      </c>
      <c r="EA21" s="72">
        <v>39</v>
      </c>
      <c r="EB21" s="73">
        <v>338</v>
      </c>
      <c r="EC21" s="74">
        <v>522</v>
      </c>
      <c r="ED21" s="71">
        <v>150</v>
      </c>
      <c r="EE21" s="72">
        <v>166</v>
      </c>
      <c r="EF21" s="73">
        <v>316</v>
      </c>
      <c r="EG21" s="277"/>
      <c r="EH21" s="72">
        <v>213</v>
      </c>
      <c r="EI21" s="72">
        <v>142</v>
      </c>
      <c r="EJ21" s="72">
        <v>127</v>
      </c>
      <c r="EK21" s="72">
        <v>95</v>
      </c>
      <c r="EL21" s="72">
        <v>74</v>
      </c>
      <c r="EM21" s="73">
        <v>651</v>
      </c>
      <c r="EN21" s="74">
        <v>967</v>
      </c>
      <c r="EO21" s="71">
        <v>251</v>
      </c>
      <c r="EP21" s="72">
        <v>300</v>
      </c>
      <c r="EQ21" s="73">
        <v>551</v>
      </c>
      <c r="ER21" s="277"/>
      <c r="ES21" s="72">
        <v>372</v>
      </c>
      <c r="ET21" s="72">
        <v>271</v>
      </c>
      <c r="EU21" s="72">
        <v>167</v>
      </c>
      <c r="EV21" s="72">
        <v>175</v>
      </c>
      <c r="EW21" s="72">
        <v>123</v>
      </c>
      <c r="EX21" s="73">
        <v>1108</v>
      </c>
      <c r="EY21" s="74">
        <v>1659</v>
      </c>
      <c r="EZ21" s="71">
        <v>225</v>
      </c>
      <c r="FA21" s="72">
        <v>289</v>
      </c>
      <c r="FB21" s="73">
        <v>514</v>
      </c>
      <c r="FC21" s="277"/>
      <c r="FD21" s="72">
        <v>368</v>
      </c>
      <c r="FE21" s="72">
        <v>387</v>
      </c>
      <c r="FF21" s="72">
        <v>224</v>
      </c>
      <c r="FG21" s="72">
        <v>240</v>
      </c>
      <c r="FH21" s="72">
        <v>172</v>
      </c>
      <c r="FI21" s="73">
        <v>1391</v>
      </c>
      <c r="FJ21" s="74">
        <v>1905</v>
      </c>
      <c r="FK21" s="71">
        <v>94</v>
      </c>
      <c r="FL21" s="72">
        <v>131</v>
      </c>
      <c r="FM21" s="73">
        <v>225</v>
      </c>
      <c r="FN21" s="277"/>
      <c r="FO21" s="72">
        <v>292</v>
      </c>
      <c r="FP21" s="72">
        <v>318</v>
      </c>
      <c r="FQ21" s="72">
        <v>294</v>
      </c>
      <c r="FR21" s="72">
        <v>320</v>
      </c>
      <c r="FS21" s="72">
        <v>179</v>
      </c>
      <c r="FT21" s="73">
        <v>1403</v>
      </c>
      <c r="FU21" s="74">
        <v>1628</v>
      </c>
      <c r="FV21" s="71">
        <v>14</v>
      </c>
      <c r="FW21" s="72">
        <v>15</v>
      </c>
      <c r="FX21" s="73">
        <v>29</v>
      </c>
      <c r="FY21" s="277"/>
      <c r="FZ21" s="72">
        <v>29</v>
      </c>
      <c r="GA21" s="72">
        <v>26</v>
      </c>
      <c r="GB21" s="72">
        <v>21</v>
      </c>
      <c r="GC21" s="72">
        <v>14</v>
      </c>
      <c r="GD21" s="72">
        <v>15</v>
      </c>
      <c r="GE21" s="73">
        <v>105</v>
      </c>
      <c r="GF21" s="74">
        <v>134</v>
      </c>
      <c r="GG21" s="71">
        <v>836</v>
      </c>
      <c r="GH21" s="72">
        <v>1035</v>
      </c>
      <c r="GI21" s="73">
        <v>1871</v>
      </c>
      <c r="GJ21" s="277"/>
      <c r="GK21" s="72">
        <v>1419</v>
      </c>
      <c r="GL21" s="72">
        <v>1265</v>
      </c>
      <c r="GM21" s="72">
        <v>912</v>
      </c>
      <c r="GN21" s="72">
        <v>904</v>
      </c>
      <c r="GO21" s="72">
        <v>625</v>
      </c>
      <c r="GP21" s="73">
        <v>5125</v>
      </c>
      <c r="GQ21" s="74">
        <v>6996</v>
      </c>
      <c r="GR21" s="127">
        <v>1228</v>
      </c>
      <c r="GS21" s="83">
        <v>1439</v>
      </c>
      <c r="GT21" s="84">
        <v>2667</v>
      </c>
      <c r="GU21" s="274"/>
      <c r="GV21" s="83">
        <v>2269</v>
      </c>
      <c r="GW21" s="83">
        <v>1947</v>
      </c>
      <c r="GX21" s="83">
        <v>1387</v>
      </c>
      <c r="GY21" s="83">
        <v>1334</v>
      </c>
      <c r="GZ21" s="83">
        <v>873</v>
      </c>
      <c r="HA21" s="85">
        <v>7810</v>
      </c>
      <c r="HB21" s="86">
        <v>10477</v>
      </c>
      <c r="HC21" s="71">
        <v>40</v>
      </c>
      <c r="HD21" s="72">
        <v>65</v>
      </c>
      <c r="HE21" s="73">
        <v>105</v>
      </c>
      <c r="HF21" s="277"/>
      <c r="HG21" s="72">
        <v>92</v>
      </c>
      <c r="HH21" s="72">
        <v>75</v>
      </c>
      <c r="HI21" s="72">
        <v>59</v>
      </c>
      <c r="HJ21" s="72">
        <v>54</v>
      </c>
      <c r="HK21" s="72">
        <v>45</v>
      </c>
      <c r="HL21" s="73">
        <v>325</v>
      </c>
      <c r="HM21" s="74">
        <v>430</v>
      </c>
      <c r="HN21" s="71">
        <v>134</v>
      </c>
      <c r="HO21" s="72">
        <v>153</v>
      </c>
      <c r="HP21" s="73">
        <v>287</v>
      </c>
      <c r="HQ21" s="277"/>
      <c r="HR21" s="72">
        <v>205</v>
      </c>
      <c r="HS21" s="72">
        <v>182</v>
      </c>
      <c r="HT21" s="72">
        <v>131</v>
      </c>
      <c r="HU21" s="72">
        <v>106</v>
      </c>
      <c r="HV21" s="72">
        <v>77</v>
      </c>
      <c r="HW21" s="73">
        <v>701</v>
      </c>
      <c r="HX21" s="74">
        <v>988</v>
      </c>
      <c r="HY21" s="71">
        <v>213</v>
      </c>
      <c r="HZ21" s="72">
        <v>230</v>
      </c>
      <c r="IA21" s="73">
        <v>443</v>
      </c>
      <c r="IB21" s="277"/>
      <c r="IC21" s="72">
        <v>352</v>
      </c>
      <c r="ID21" s="72">
        <v>256</v>
      </c>
      <c r="IE21" s="72">
        <v>217</v>
      </c>
      <c r="IF21" s="72">
        <v>165</v>
      </c>
      <c r="IG21" s="72">
        <v>132</v>
      </c>
      <c r="IH21" s="73">
        <v>1122</v>
      </c>
      <c r="II21" s="74">
        <v>1565</v>
      </c>
      <c r="IJ21" s="71">
        <v>375</v>
      </c>
      <c r="IK21" s="72">
        <v>403</v>
      </c>
      <c r="IL21" s="73">
        <v>778</v>
      </c>
      <c r="IM21" s="277">
        <v>0</v>
      </c>
      <c r="IN21" s="72">
        <v>611</v>
      </c>
      <c r="IO21" s="72">
        <v>464</v>
      </c>
      <c r="IP21" s="72">
        <v>266</v>
      </c>
      <c r="IQ21" s="72">
        <v>282</v>
      </c>
      <c r="IR21" s="72">
        <v>177</v>
      </c>
      <c r="IS21" s="73">
        <v>1800</v>
      </c>
      <c r="IT21" s="74">
        <v>2578</v>
      </c>
      <c r="IU21" s="71">
        <v>319</v>
      </c>
      <c r="IV21" s="72">
        <v>391</v>
      </c>
      <c r="IW21" s="73">
        <v>710</v>
      </c>
      <c r="IX21" s="277"/>
      <c r="IY21" s="72">
        <v>610</v>
      </c>
      <c r="IZ21" s="72">
        <v>546</v>
      </c>
      <c r="JA21" s="72">
        <v>341</v>
      </c>
      <c r="JB21" s="72">
        <v>337</v>
      </c>
      <c r="JC21" s="72">
        <v>215</v>
      </c>
      <c r="JD21" s="73">
        <v>2049</v>
      </c>
      <c r="JE21" s="74">
        <v>2759</v>
      </c>
      <c r="JF21" s="71">
        <v>147</v>
      </c>
      <c r="JG21" s="72">
        <v>197</v>
      </c>
      <c r="JH21" s="73">
        <v>344</v>
      </c>
      <c r="JI21" s="277"/>
      <c r="JJ21" s="72">
        <v>399</v>
      </c>
      <c r="JK21" s="72">
        <v>424</v>
      </c>
      <c r="JL21" s="72">
        <v>373</v>
      </c>
      <c r="JM21" s="72">
        <v>390</v>
      </c>
      <c r="JN21" s="72">
        <v>227</v>
      </c>
      <c r="JO21" s="73">
        <v>1813</v>
      </c>
      <c r="JP21" s="74">
        <v>2157</v>
      </c>
      <c r="JQ21" s="71">
        <v>23</v>
      </c>
      <c r="JR21" s="72">
        <v>35</v>
      </c>
      <c r="JS21" s="73">
        <v>58</v>
      </c>
      <c r="JT21" s="277"/>
      <c r="JU21" s="72">
        <v>61</v>
      </c>
      <c r="JV21" s="72">
        <v>67</v>
      </c>
      <c r="JW21" s="72">
        <v>50</v>
      </c>
      <c r="JX21" s="72">
        <v>36</v>
      </c>
      <c r="JY21" s="72">
        <v>38</v>
      </c>
      <c r="JZ21" s="73">
        <v>252</v>
      </c>
      <c r="KA21" s="74">
        <v>310</v>
      </c>
      <c r="KB21" s="71">
        <v>1251</v>
      </c>
      <c r="KC21" s="72">
        <v>1474</v>
      </c>
      <c r="KD21" s="73">
        <v>2725</v>
      </c>
      <c r="KE21" s="277"/>
      <c r="KF21" s="72">
        <v>2330</v>
      </c>
      <c r="KG21" s="72">
        <v>2014</v>
      </c>
      <c r="KH21" s="72">
        <v>1437</v>
      </c>
      <c r="KI21" s="72">
        <v>1370</v>
      </c>
      <c r="KJ21" s="72">
        <v>911</v>
      </c>
      <c r="KK21" s="73">
        <v>8062</v>
      </c>
      <c r="KL21" s="74">
        <v>10787</v>
      </c>
    </row>
    <row r="22" spans="1:298" ht="19.5" customHeight="1" x14ac:dyDescent="0.2">
      <c r="A22" s="130" t="s">
        <v>19</v>
      </c>
      <c r="B22" s="347">
        <v>156</v>
      </c>
      <c r="C22" s="83">
        <v>175</v>
      </c>
      <c r="D22" s="84">
        <v>331</v>
      </c>
      <c r="E22" s="274"/>
      <c r="F22" s="83">
        <v>357</v>
      </c>
      <c r="G22" s="83">
        <v>323</v>
      </c>
      <c r="H22" s="83">
        <v>203</v>
      </c>
      <c r="I22" s="83">
        <v>149</v>
      </c>
      <c r="J22" s="83">
        <v>99</v>
      </c>
      <c r="K22" s="85">
        <v>1131</v>
      </c>
      <c r="L22" s="86">
        <v>1462</v>
      </c>
      <c r="M22" s="87">
        <v>9</v>
      </c>
      <c r="N22" s="72">
        <v>8</v>
      </c>
      <c r="O22" s="73">
        <v>17</v>
      </c>
      <c r="P22" s="277"/>
      <c r="Q22" s="72">
        <v>18</v>
      </c>
      <c r="R22" s="72">
        <v>26</v>
      </c>
      <c r="S22" s="72">
        <v>11</v>
      </c>
      <c r="T22" s="72">
        <v>9</v>
      </c>
      <c r="U22" s="72">
        <v>9</v>
      </c>
      <c r="V22" s="73">
        <v>73</v>
      </c>
      <c r="W22" s="74">
        <v>90</v>
      </c>
      <c r="X22" s="71">
        <v>15</v>
      </c>
      <c r="Y22" s="72">
        <v>16</v>
      </c>
      <c r="Z22" s="73">
        <v>31</v>
      </c>
      <c r="AA22" s="277"/>
      <c r="AB22" s="72">
        <v>41</v>
      </c>
      <c r="AC22" s="72">
        <v>52</v>
      </c>
      <c r="AD22" s="72">
        <v>32</v>
      </c>
      <c r="AE22" s="72">
        <v>16</v>
      </c>
      <c r="AF22" s="72">
        <v>15</v>
      </c>
      <c r="AG22" s="73">
        <v>156</v>
      </c>
      <c r="AH22" s="74">
        <v>187</v>
      </c>
      <c r="AI22" s="87">
        <v>35</v>
      </c>
      <c r="AJ22" s="72">
        <v>23</v>
      </c>
      <c r="AK22" s="73">
        <v>58</v>
      </c>
      <c r="AL22" s="277"/>
      <c r="AM22" s="72">
        <v>67</v>
      </c>
      <c r="AN22" s="72">
        <v>51</v>
      </c>
      <c r="AO22" s="72">
        <v>29</v>
      </c>
      <c r="AP22" s="72">
        <v>34</v>
      </c>
      <c r="AQ22" s="72">
        <v>17</v>
      </c>
      <c r="AR22" s="73">
        <v>198</v>
      </c>
      <c r="AS22" s="74">
        <v>256</v>
      </c>
      <c r="AT22" s="71">
        <v>36</v>
      </c>
      <c r="AU22" s="72">
        <v>43</v>
      </c>
      <c r="AV22" s="73">
        <v>79</v>
      </c>
      <c r="AW22" s="277"/>
      <c r="AX22" s="72">
        <v>83</v>
      </c>
      <c r="AY22" s="72">
        <v>74</v>
      </c>
      <c r="AZ22" s="72">
        <v>50</v>
      </c>
      <c r="BA22" s="72">
        <v>40</v>
      </c>
      <c r="BB22" s="72">
        <v>19</v>
      </c>
      <c r="BC22" s="73">
        <v>266</v>
      </c>
      <c r="BD22" s="74">
        <v>345</v>
      </c>
      <c r="BE22" s="87">
        <v>42</v>
      </c>
      <c r="BF22" s="72">
        <v>48</v>
      </c>
      <c r="BG22" s="73">
        <v>90</v>
      </c>
      <c r="BH22" s="277"/>
      <c r="BI22" s="72">
        <v>91</v>
      </c>
      <c r="BJ22" s="72">
        <v>68</v>
      </c>
      <c r="BK22" s="72">
        <v>51</v>
      </c>
      <c r="BL22" s="72">
        <v>28</v>
      </c>
      <c r="BM22" s="72">
        <v>19</v>
      </c>
      <c r="BN22" s="73">
        <v>257</v>
      </c>
      <c r="BO22" s="74">
        <v>347</v>
      </c>
      <c r="BP22" s="71">
        <v>19</v>
      </c>
      <c r="BQ22" s="72">
        <v>37</v>
      </c>
      <c r="BR22" s="73">
        <v>56</v>
      </c>
      <c r="BS22" s="277"/>
      <c r="BT22" s="72">
        <v>57</v>
      </c>
      <c r="BU22" s="72">
        <v>52</v>
      </c>
      <c r="BV22" s="72">
        <v>30</v>
      </c>
      <c r="BW22" s="72">
        <v>22</v>
      </c>
      <c r="BX22" s="72">
        <v>20</v>
      </c>
      <c r="BY22" s="73">
        <v>181</v>
      </c>
      <c r="BZ22" s="74">
        <v>237</v>
      </c>
      <c r="CA22" s="71">
        <v>2</v>
      </c>
      <c r="CB22" s="72">
        <v>9</v>
      </c>
      <c r="CC22" s="73">
        <v>11</v>
      </c>
      <c r="CD22" s="277"/>
      <c r="CE22" s="72">
        <v>14</v>
      </c>
      <c r="CF22" s="72">
        <v>14</v>
      </c>
      <c r="CG22" s="72">
        <v>14</v>
      </c>
      <c r="CH22" s="72">
        <v>8</v>
      </c>
      <c r="CI22" s="72">
        <v>4</v>
      </c>
      <c r="CJ22" s="73">
        <v>54</v>
      </c>
      <c r="CK22" s="74">
        <v>65</v>
      </c>
      <c r="CL22" s="71">
        <v>158</v>
      </c>
      <c r="CM22" s="72">
        <v>184</v>
      </c>
      <c r="CN22" s="73">
        <v>342</v>
      </c>
      <c r="CO22" s="277"/>
      <c r="CP22" s="72">
        <v>371</v>
      </c>
      <c r="CQ22" s="72">
        <v>337</v>
      </c>
      <c r="CR22" s="72">
        <v>217</v>
      </c>
      <c r="CS22" s="72">
        <v>157</v>
      </c>
      <c r="CT22" s="72">
        <v>103</v>
      </c>
      <c r="CU22" s="73">
        <v>1185</v>
      </c>
      <c r="CV22" s="74">
        <v>1527</v>
      </c>
      <c r="CW22" s="127">
        <v>287</v>
      </c>
      <c r="CX22" s="83">
        <v>391</v>
      </c>
      <c r="CY22" s="84">
        <v>678</v>
      </c>
      <c r="CZ22" s="274"/>
      <c r="DA22" s="83">
        <v>618</v>
      </c>
      <c r="DB22" s="83">
        <v>492</v>
      </c>
      <c r="DC22" s="83">
        <v>425</v>
      </c>
      <c r="DD22" s="83">
        <v>339</v>
      </c>
      <c r="DE22" s="83">
        <v>231</v>
      </c>
      <c r="DF22" s="85">
        <v>2105</v>
      </c>
      <c r="DG22" s="86">
        <v>2783</v>
      </c>
      <c r="DH22" s="87">
        <v>7</v>
      </c>
      <c r="DI22" s="72">
        <v>13</v>
      </c>
      <c r="DJ22" s="73">
        <v>20</v>
      </c>
      <c r="DK22" s="277"/>
      <c r="DL22" s="72">
        <v>16</v>
      </c>
      <c r="DM22" s="72">
        <v>9</v>
      </c>
      <c r="DN22" s="72">
        <v>11</v>
      </c>
      <c r="DO22" s="72">
        <v>0</v>
      </c>
      <c r="DP22" s="72">
        <v>2</v>
      </c>
      <c r="DQ22" s="73">
        <v>38</v>
      </c>
      <c r="DR22" s="74">
        <v>58</v>
      </c>
      <c r="DS22" s="71">
        <v>25</v>
      </c>
      <c r="DT22" s="72">
        <v>32</v>
      </c>
      <c r="DU22" s="73">
        <v>57</v>
      </c>
      <c r="DV22" s="277"/>
      <c r="DW22" s="72">
        <v>50</v>
      </c>
      <c r="DX22" s="72">
        <v>36</v>
      </c>
      <c r="DY22" s="72">
        <v>14</v>
      </c>
      <c r="DZ22" s="72">
        <v>16</v>
      </c>
      <c r="EA22" s="72">
        <v>17</v>
      </c>
      <c r="EB22" s="73">
        <v>133</v>
      </c>
      <c r="EC22" s="74">
        <v>190</v>
      </c>
      <c r="ED22" s="87">
        <v>48</v>
      </c>
      <c r="EE22" s="72">
        <v>57</v>
      </c>
      <c r="EF22" s="73">
        <v>105</v>
      </c>
      <c r="EG22" s="277"/>
      <c r="EH22" s="72">
        <v>78</v>
      </c>
      <c r="EI22" s="72">
        <v>59</v>
      </c>
      <c r="EJ22" s="72">
        <v>42</v>
      </c>
      <c r="EK22" s="72">
        <v>35</v>
      </c>
      <c r="EL22" s="72">
        <v>31</v>
      </c>
      <c r="EM22" s="73">
        <v>245</v>
      </c>
      <c r="EN22" s="74">
        <v>350</v>
      </c>
      <c r="EO22" s="71">
        <v>100</v>
      </c>
      <c r="EP22" s="72">
        <v>98</v>
      </c>
      <c r="EQ22" s="73">
        <v>198</v>
      </c>
      <c r="ER22" s="277"/>
      <c r="ES22" s="72">
        <v>156</v>
      </c>
      <c r="ET22" s="72">
        <v>112</v>
      </c>
      <c r="EU22" s="72">
        <v>75</v>
      </c>
      <c r="EV22" s="72">
        <v>54</v>
      </c>
      <c r="EW22" s="72">
        <v>54</v>
      </c>
      <c r="EX22" s="73">
        <v>451</v>
      </c>
      <c r="EY22" s="74">
        <v>649</v>
      </c>
      <c r="EZ22" s="87">
        <v>69</v>
      </c>
      <c r="FA22" s="72">
        <v>110</v>
      </c>
      <c r="FB22" s="73">
        <v>179</v>
      </c>
      <c r="FC22" s="277"/>
      <c r="FD22" s="72">
        <v>163</v>
      </c>
      <c r="FE22" s="72">
        <v>120</v>
      </c>
      <c r="FF22" s="72">
        <v>122</v>
      </c>
      <c r="FG22" s="72">
        <v>76</v>
      </c>
      <c r="FH22" s="72">
        <v>41</v>
      </c>
      <c r="FI22" s="73">
        <v>522</v>
      </c>
      <c r="FJ22" s="74">
        <v>701</v>
      </c>
      <c r="FK22" s="71">
        <v>38</v>
      </c>
      <c r="FL22" s="72">
        <v>81</v>
      </c>
      <c r="FM22" s="73">
        <v>119</v>
      </c>
      <c r="FN22" s="277"/>
      <c r="FO22" s="72">
        <v>155</v>
      </c>
      <c r="FP22" s="72">
        <v>156</v>
      </c>
      <c r="FQ22" s="72">
        <v>161</v>
      </c>
      <c r="FR22" s="72">
        <v>158</v>
      </c>
      <c r="FS22" s="72">
        <v>86</v>
      </c>
      <c r="FT22" s="73">
        <v>716</v>
      </c>
      <c r="FU22" s="74">
        <v>835</v>
      </c>
      <c r="FV22" s="71">
        <v>3</v>
      </c>
      <c r="FW22" s="72">
        <v>5</v>
      </c>
      <c r="FX22" s="73">
        <v>8</v>
      </c>
      <c r="FY22" s="277"/>
      <c r="FZ22" s="72">
        <v>7</v>
      </c>
      <c r="GA22" s="72">
        <v>6</v>
      </c>
      <c r="GB22" s="72">
        <v>4</v>
      </c>
      <c r="GC22" s="72">
        <v>3</v>
      </c>
      <c r="GD22" s="72">
        <v>7</v>
      </c>
      <c r="GE22" s="73">
        <v>27</v>
      </c>
      <c r="GF22" s="74">
        <v>35</v>
      </c>
      <c r="GG22" s="71">
        <v>290</v>
      </c>
      <c r="GH22" s="72">
        <v>396</v>
      </c>
      <c r="GI22" s="73">
        <v>686</v>
      </c>
      <c r="GJ22" s="277"/>
      <c r="GK22" s="72">
        <v>625</v>
      </c>
      <c r="GL22" s="72">
        <v>498</v>
      </c>
      <c r="GM22" s="72">
        <v>429</v>
      </c>
      <c r="GN22" s="72">
        <v>342</v>
      </c>
      <c r="GO22" s="72">
        <v>238</v>
      </c>
      <c r="GP22" s="73">
        <v>2132</v>
      </c>
      <c r="GQ22" s="74">
        <v>2818</v>
      </c>
      <c r="GR22" s="127">
        <v>443</v>
      </c>
      <c r="GS22" s="83">
        <v>566</v>
      </c>
      <c r="GT22" s="84">
        <v>1009</v>
      </c>
      <c r="GU22" s="274"/>
      <c r="GV22" s="83">
        <v>975</v>
      </c>
      <c r="GW22" s="83">
        <v>815</v>
      </c>
      <c r="GX22" s="83">
        <v>628</v>
      </c>
      <c r="GY22" s="83">
        <v>488</v>
      </c>
      <c r="GZ22" s="83">
        <v>330</v>
      </c>
      <c r="HA22" s="85">
        <v>3236</v>
      </c>
      <c r="HB22" s="86">
        <v>4245</v>
      </c>
      <c r="HC22" s="87">
        <v>16</v>
      </c>
      <c r="HD22" s="72">
        <v>21</v>
      </c>
      <c r="HE22" s="73">
        <v>37</v>
      </c>
      <c r="HF22" s="277"/>
      <c r="HG22" s="72">
        <v>34</v>
      </c>
      <c r="HH22" s="72">
        <v>35</v>
      </c>
      <c r="HI22" s="72">
        <v>22</v>
      </c>
      <c r="HJ22" s="72">
        <v>9</v>
      </c>
      <c r="HK22" s="72">
        <v>11</v>
      </c>
      <c r="HL22" s="73">
        <v>111</v>
      </c>
      <c r="HM22" s="74">
        <v>148</v>
      </c>
      <c r="HN22" s="71">
        <v>40</v>
      </c>
      <c r="HO22" s="72">
        <v>48</v>
      </c>
      <c r="HP22" s="73">
        <v>88</v>
      </c>
      <c r="HQ22" s="277"/>
      <c r="HR22" s="72">
        <v>91</v>
      </c>
      <c r="HS22" s="72">
        <v>88</v>
      </c>
      <c r="HT22" s="72">
        <v>46</v>
      </c>
      <c r="HU22" s="72">
        <v>32</v>
      </c>
      <c r="HV22" s="72">
        <v>32</v>
      </c>
      <c r="HW22" s="73">
        <v>289</v>
      </c>
      <c r="HX22" s="74">
        <v>377</v>
      </c>
      <c r="HY22" s="87">
        <v>83</v>
      </c>
      <c r="HZ22" s="72">
        <v>80</v>
      </c>
      <c r="IA22" s="73">
        <v>163</v>
      </c>
      <c r="IB22" s="277"/>
      <c r="IC22" s="72">
        <v>145</v>
      </c>
      <c r="ID22" s="72">
        <v>110</v>
      </c>
      <c r="IE22" s="72">
        <v>71</v>
      </c>
      <c r="IF22" s="72">
        <v>69</v>
      </c>
      <c r="IG22" s="72">
        <v>48</v>
      </c>
      <c r="IH22" s="73">
        <v>443</v>
      </c>
      <c r="II22" s="74">
        <v>606</v>
      </c>
      <c r="IJ22" s="71">
        <v>136</v>
      </c>
      <c r="IK22" s="72">
        <v>141</v>
      </c>
      <c r="IL22" s="73">
        <v>277</v>
      </c>
      <c r="IM22" s="277">
        <v>0</v>
      </c>
      <c r="IN22" s="72">
        <v>239</v>
      </c>
      <c r="IO22" s="72">
        <v>186</v>
      </c>
      <c r="IP22" s="72">
        <v>125</v>
      </c>
      <c r="IQ22" s="72">
        <v>94</v>
      </c>
      <c r="IR22" s="72">
        <v>73</v>
      </c>
      <c r="IS22" s="73">
        <v>717</v>
      </c>
      <c r="IT22" s="74">
        <v>994</v>
      </c>
      <c r="IU22" s="87">
        <v>111</v>
      </c>
      <c r="IV22" s="72">
        <v>158</v>
      </c>
      <c r="IW22" s="73">
        <v>269</v>
      </c>
      <c r="IX22" s="277"/>
      <c r="IY22" s="72">
        <v>254</v>
      </c>
      <c r="IZ22" s="72">
        <v>188</v>
      </c>
      <c r="JA22" s="72">
        <v>173</v>
      </c>
      <c r="JB22" s="72">
        <v>104</v>
      </c>
      <c r="JC22" s="72">
        <v>60</v>
      </c>
      <c r="JD22" s="73">
        <v>779</v>
      </c>
      <c r="JE22" s="74">
        <v>1048</v>
      </c>
      <c r="JF22" s="71">
        <v>57</v>
      </c>
      <c r="JG22" s="72">
        <v>118</v>
      </c>
      <c r="JH22" s="73">
        <v>175</v>
      </c>
      <c r="JI22" s="277"/>
      <c r="JJ22" s="72">
        <v>212</v>
      </c>
      <c r="JK22" s="72">
        <v>208</v>
      </c>
      <c r="JL22" s="72">
        <v>191</v>
      </c>
      <c r="JM22" s="72">
        <v>180</v>
      </c>
      <c r="JN22" s="72">
        <v>106</v>
      </c>
      <c r="JO22" s="73">
        <v>897</v>
      </c>
      <c r="JP22" s="74">
        <v>1072</v>
      </c>
      <c r="JQ22" s="71">
        <v>5</v>
      </c>
      <c r="JR22" s="72">
        <v>14</v>
      </c>
      <c r="JS22" s="73">
        <v>19</v>
      </c>
      <c r="JT22" s="277"/>
      <c r="JU22" s="72">
        <v>21</v>
      </c>
      <c r="JV22" s="72">
        <v>20</v>
      </c>
      <c r="JW22" s="72">
        <v>18</v>
      </c>
      <c r="JX22" s="72">
        <v>11</v>
      </c>
      <c r="JY22" s="72">
        <v>11</v>
      </c>
      <c r="JZ22" s="73">
        <v>81</v>
      </c>
      <c r="KA22" s="74">
        <v>100</v>
      </c>
      <c r="KB22" s="71">
        <v>448</v>
      </c>
      <c r="KC22" s="72">
        <v>580</v>
      </c>
      <c r="KD22" s="73">
        <v>1028</v>
      </c>
      <c r="KE22" s="277"/>
      <c r="KF22" s="72">
        <v>996</v>
      </c>
      <c r="KG22" s="72">
        <v>835</v>
      </c>
      <c r="KH22" s="72">
        <v>646</v>
      </c>
      <c r="KI22" s="72">
        <v>499</v>
      </c>
      <c r="KJ22" s="72">
        <v>341</v>
      </c>
      <c r="KK22" s="73">
        <v>3317</v>
      </c>
      <c r="KL22" s="74">
        <v>4345</v>
      </c>
    </row>
    <row r="23" spans="1:298" ht="19.5" customHeight="1" x14ac:dyDescent="0.2">
      <c r="A23" s="130" t="s">
        <v>20</v>
      </c>
      <c r="B23" s="347">
        <v>252</v>
      </c>
      <c r="C23" s="83">
        <v>318</v>
      </c>
      <c r="D23" s="84">
        <v>570</v>
      </c>
      <c r="E23" s="274"/>
      <c r="F23" s="83">
        <v>527</v>
      </c>
      <c r="G23" s="83">
        <v>337</v>
      </c>
      <c r="H23" s="83">
        <v>231</v>
      </c>
      <c r="I23" s="83">
        <v>183</v>
      </c>
      <c r="J23" s="83">
        <v>100</v>
      </c>
      <c r="K23" s="85">
        <v>1378</v>
      </c>
      <c r="L23" s="86">
        <v>1948</v>
      </c>
      <c r="M23" s="71">
        <v>12</v>
      </c>
      <c r="N23" s="72">
        <v>9</v>
      </c>
      <c r="O23" s="73">
        <v>21</v>
      </c>
      <c r="P23" s="277"/>
      <c r="Q23" s="72">
        <v>28</v>
      </c>
      <c r="R23" s="72">
        <v>18</v>
      </c>
      <c r="S23" s="72">
        <v>11</v>
      </c>
      <c r="T23" s="72">
        <v>12</v>
      </c>
      <c r="U23" s="72">
        <v>5</v>
      </c>
      <c r="V23" s="73">
        <v>74</v>
      </c>
      <c r="W23" s="74">
        <v>95</v>
      </c>
      <c r="X23" s="71">
        <v>23</v>
      </c>
      <c r="Y23" s="72">
        <v>32</v>
      </c>
      <c r="Z23" s="73">
        <v>55</v>
      </c>
      <c r="AA23" s="277"/>
      <c r="AB23" s="72">
        <v>73</v>
      </c>
      <c r="AC23" s="72">
        <v>41</v>
      </c>
      <c r="AD23" s="72">
        <v>34</v>
      </c>
      <c r="AE23" s="72">
        <v>19</v>
      </c>
      <c r="AF23" s="72">
        <v>19</v>
      </c>
      <c r="AG23" s="73">
        <v>186</v>
      </c>
      <c r="AH23" s="74">
        <v>241</v>
      </c>
      <c r="AI23" s="71">
        <v>63</v>
      </c>
      <c r="AJ23" s="72">
        <v>58</v>
      </c>
      <c r="AK23" s="73">
        <v>121</v>
      </c>
      <c r="AL23" s="277"/>
      <c r="AM23" s="72">
        <v>86</v>
      </c>
      <c r="AN23" s="72">
        <v>60</v>
      </c>
      <c r="AO23" s="72">
        <v>39</v>
      </c>
      <c r="AP23" s="72">
        <v>45</v>
      </c>
      <c r="AQ23" s="72">
        <v>24</v>
      </c>
      <c r="AR23" s="73">
        <v>254</v>
      </c>
      <c r="AS23" s="74">
        <v>375</v>
      </c>
      <c r="AT23" s="71">
        <v>63</v>
      </c>
      <c r="AU23" s="72">
        <v>101</v>
      </c>
      <c r="AV23" s="73">
        <v>164</v>
      </c>
      <c r="AW23" s="277"/>
      <c r="AX23" s="72">
        <v>162</v>
      </c>
      <c r="AY23" s="72">
        <v>105</v>
      </c>
      <c r="AZ23" s="72">
        <v>63</v>
      </c>
      <c r="BA23" s="72">
        <v>37</v>
      </c>
      <c r="BB23" s="72">
        <v>23</v>
      </c>
      <c r="BC23" s="73">
        <v>390</v>
      </c>
      <c r="BD23" s="74">
        <v>554</v>
      </c>
      <c r="BE23" s="71">
        <v>56</v>
      </c>
      <c r="BF23" s="72">
        <v>75</v>
      </c>
      <c r="BG23" s="73">
        <v>131</v>
      </c>
      <c r="BH23" s="277"/>
      <c r="BI23" s="72">
        <v>123</v>
      </c>
      <c r="BJ23" s="72">
        <v>76</v>
      </c>
      <c r="BK23" s="72">
        <v>52</v>
      </c>
      <c r="BL23" s="72">
        <v>41</v>
      </c>
      <c r="BM23" s="72">
        <v>20</v>
      </c>
      <c r="BN23" s="73">
        <v>312</v>
      </c>
      <c r="BO23" s="74">
        <v>443</v>
      </c>
      <c r="BP23" s="71">
        <v>35</v>
      </c>
      <c r="BQ23" s="72">
        <v>43</v>
      </c>
      <c r="BR23" s="73">
        <v>78</v>
      </c>
      <c r="BS23" s="277"/>
      <c r="BT23" s="72">
        <v>55</v>
      </c>
      <c r="BU23" s="72">
        <v>37</v>
      </c>
      <c r="BV23" s="72">
        <v>32</v>
      </c>
      <c r="BW23" s="72">
        <v>29</v>
      </c>
      <c r="BX23" s="72">
        <v>9</v>
      </c>
      <c r="BY23" s="73">
        <v>162</v>
      </c>
      <c r="BZ23" s="74">
        <v>240</v>
      </c>
      <c r="CA23" s="71">
        <v>3</v>
      </c>
      <c r="CB23" s="72">
        <v>16</v>
      </c>
      <c r="CC23" s="73">
        <v>19</v>
      </c>
      <c r="CD23" s="277"/>
      <c r="CE23" s="72">
        <v>27</v>
      </c>
      <c r="CF23" s="72">
        <v>13</v>
      </c>
      <c r="CG23" s="72">
        <v>13</v>
      </c>
      <c r="CH23" s="72">
        <v>11</v>
      </c>
      <c r="CI23" s="72">
        <v>3</v>
      </c>
      <c r="CJ23" s="73">
        <v>67</v>
      </c>
      <c r="CK23" s="74">
        <v>86</v>
      </c>
      <c r="CL23" s="71">
        <v>255</v>
      </c>
      <c r="CM23" s="72">
        <v>334</v>
      </c>
      <c r="CN23" s="73">
        <v>589</v>
      </c>
      <c r="CO23" s="277"/>
      <c r="CP23" s="72">
        <v>554</v>
      </c>
      <c r="CQ23" s="72">
        <v>350</v>
      </c>
      <c r="CR23" s="72">
        <v>244</v>
      </c>
      <c r="CS23" s="72">
        <v>194</v>
      </c>
      <c r="CT23" s="72">
        <v>103</v>
      </c>
      <c r="CU23" s="73">
        <v>1445</v>
      </c>
      <c r="CV23" s="74">
        <v>2034</v>
      </c>
      <c r="CW23" s="127">
        <v>433</v>
      </c>
      <c r="CX23" s="83">
        <v>572</v>
      </c>
      <c r="CY23" s="84">
        <v>1005</v>
      </c>
      <c r="CZ23" s="274"/>
      <c r="DA23" s="83">
        <v>827</v>
      </c>
      <c r="DB23" s="83">
        <v>469</v>
      </c>
      <c r="DC23" s="83">
        <v>441</v>
      </c>
      <c r="DD23" s="83">
        <v>403</v>
      </c>
      <c r="DE23" s="83">
        <v>257</v>
      </c>
      <c r="DF23" s="85">
        <v>2397</v>
      </c>
      <c r="DG23" s="86">
        <v>3402</v>
      </c>
      <c r="DH23" s="71">
        <v>10</v>
      </c>
      <c r="DI23" s="72">
        <v>14</v>
      </c>
      <c r="DJ23" s="73">
        <v>24</v>
      </c>
      <c r="DK23" s="277"/>
      <c r="DL23" s="72">
        <v>22</v>
      </c>
      <c r="DM23" s="72">
        <v>10</v>
      </c>
      <c r="DN23" s="72">
        <v>7</v>
      </c>
      <c r="DO23" s="72">
        <v>15</v>
      </c>
      <c r="DP23" s="72">
        <v>8</v>
      </c>
      <c r="DQ23" s="73">
        <v>62</v>
      </c>
      <c r="DR23" s="74">
        <v>86</v>
      </c>
      <c r="DS23" s="71">
        <v>41</v>
      </c>
      <c r="DT23" s="72">
        <v>48</v>
      </c>
      <c r="DU23" s="73">
        <v>89</v>
      </c>
      <c r="DV23" s="277"/>
      <c r="DW23" s="72">
        <v>70</v>
      </c>
      <c r="DX23" s="72">
        <v>26</v>
      </c>
      <c r="DY23" s="72">
        <v>18</v>
      </c>
      <c r="DZ23" s="72">
        <v>22</v>
      </c>
      <c r="EA23" s="72">
        <v>21</v>
      </c>
      <c r="EB23" s="73">
        <v>157</v>
      </c>
      <c r="EC23" s="74">
        <v>246</v>
      </c>
      <c r="ED23" s="71">
        <v>80</v>
      </c>
      <c r="EE23" s="72">
        <v>84</v>
      </c>
      <c r="EF23" s="73">
        <v>164</v>
      </c>
      <c r="EG23" s="277"/>
      <c r="EH23" s="72">
        <v>122</v>
      </c>
      <c r="EI23" s="72">
        <v>56</v>
      </c>
      <c r="EJ23" s="72">
        <v>35</v>
      </c>
      <c r="EK23" s="72">
        <v>38</v>
      </c>
      <c r="EL23" s="72">
        <v>32</v>
      </c>
      <c r="EM23" s="73">
        <v>283</v>
      </c>
      <c r="EN23" s="74">
        <v>447</v>
      </c>
      <c r="EO23" s="71">
        <v>132</v>
      </c>
      <c r="EP23" s="72">
        <v>171</v>
      </c>
      <c r="EQ23" s="73">
        <v>303</v>
      </c>
      <c r="ER23" s="277"/>
      <c r="ES23" s="72">
        <v>189</v>
      </c>
      <c r="ET23" s="72">
        <v>97</v>
      </c>
      <c r="EU23" s="72">
        <v>89</v>
      </c>
      <c r="EV23" s="72">
        <v>76</v>
      </c>
      <c r="EW23" s="72">
        <v>48</v>
      </c>
      <c r="EX23" s="73">
        <v>499</v>
      </c>
      <c r="EY23" s="74">
        <v>802</v>
      </c>
      <c r="EZ23" s="71">
        <v>122</v>
      </c>
      <c r="FA23" s="72">
        <v>147</v>
      </c>
      <c r="FB23" s="73">
        <v>269</v>
      </c>
      <c r="FC23" s="277"/>
      <c r="FD23" s="72">
        <v>230</v>
      </c>
      <c r="FE23" s="72">
        <v>134</v>
      </c>
      <c r="FF23" s="72">
        <v>130</v>
      </c>
      <c r="FG23" s="72">
        <v>103</v>
      </c>
      <c r="FH23" s="72">
        <v>69</v>
      </c>
      <c r="FI23" s="73">
        <v>666</v>
      </c>
      <c r="FJ23" s="74">
        <v>935</v>
      </c>
      <c r="FK23" s="71">
        <v>48</v>
      </c>
      <c r="FL23" s="72">
        <v>108</v>
      </c>
      <c r="FM23" s="73">
        <v>156</v>
      </c>
      <c r="FN23" s="277"/>
      <c r="FO23" s="72">
        <v>194</v>
      </c>
      <c r="FP23" s="72">
        <v>146</v>
      </c>
      <c r="FQ23" s="72">
        <v>162</v>
      </c>
      <c r="FR23" s="72">
        <v>149</v>
      </c>
      <c r="FS23" s="72">
        <v>79</v>
      </c>
      <c r="FT23" s="73">
        <v>730</v>
      </c>
      <c r="FU23" s="74">
        <v>886</v>
      </c>
      <c r="FV23" s="71">
        <v>7</v>
      </c>
      <c r="FW23" s="72">
        <v>14</v>
      </c>
      <c r="FX23" s="73">
        <v>21</v>
      </c>
      <c r="FY23" s="277"/>
      <c r="FZ23" s="72">
        <v>14</v>
      </c>
      <c r="GA23" s="72">
        <v>10</v>
      </c>
      <c r="GB23" s="72">
        <v>6</v>
      </c>
      <c r="GC23" s="72">
        <v>7</v>
      </c>
      <c r="GD23" s="72">
        <v>5</v>
      </c>
      <c r="GE23" s="73">
        <v>42</v>
      </c>
      <c r="GF23" s="74">
        <v>63</v>
      </c>
      <c r="GG23" s="71">
        <v>440</v>
      </c>
      <c r="GH23" s="72">
        <v>586</v>
      </c>
      <c r="GI23" s="73">
        <v>1026</v>
      </c>
      <c r="GJ23" s="277"/>
      <c r="GK23" s="72">
        <v>841</v>
      </c>
      <c r="GL23" s="72">
        <v>479</v>
      </c>
      <c r="GM23" s="72">
        <v>447</v>
      </c>
      <c r="GN23" s="72">
        <v>410</v>
      </c>
      <c r="GO23" s="72">
        <v>262</v>
      </c>
      <c r="GP23" s="73">
        <v>2439</v>
      </c>
      <c r="GQ23" s="74">
        <v>3465</v>
      </c>
      <c r="GR23" s="127">
        <v>685</v>
      </c>
      <c r="GS23" s="83">
        <v>890</v>
      </c>
      <c r="GT23" s="84">
        <v>1575</v>
      </c>
      <c r="GU23" s="274"/>
      <c r="GV23" s="83">
        <v>1354</v>
      </c>
      <c r="GW23" s="83">
        <v>806</v>
      </c>
      <c r="GX23" s="83">
        <v>672</v>
      </c>
      <c r="GY23" s="83">
        <v>586</v>
      </c>
      <c r="GZ23" s="83">
        <v>357</v>
      </c>
      <c r="HA23" s="85">
        <v>3775</v>
      </c>
      <c r="HB23" s="86">
        <v>5350</v>
      </c>
      <c r="HC23" s="71">
        <v>22</v>
      </c>
      <c r="HD23" s="72">
        <v>23</v>
      </c>
      <c r="HE23" s="73">
        <v>45</v>
      </c>
      <c r="HF23" s="277"/>
      <c r="HG23" s="72">
        <v>50</v>
      </c>
      <c r="HH23" s="72">
        <v>28</v>
      </c>
      <c r="HI23" s="72">
        <v>18</v>
      </c>
      <c r="HJ23" s="72">
        <v>27</v>
      </c>
      <c r="HK23" s="72">
        <v>13</v>
      </c>
      <c r="HL23" s="73">
        <v>136</v>
      </c>
      <c r="HM23" s="74">
        <v>181</v>
      </c>
      <c r="HN23" s="71">
        <v>64</v>
      </c>
      <c r="HO23" s="72">
        <v>80</v>
      </c>
      <c r="HP23" s="73">
        <v>144</v>
      </c>
      <c r="HQ23" s="277"/>
      <c r="HR23" s="72">
        <v>143</v>
      </c>
      <c r="HS23" s="72">
        <v>67</v>
      </c>
      <c r="HT23" s="72">
        <v>52</v>
      </c>
      <c r="HU23" s="72">
        <v>41</v>
      </c>
      <c r="HV23" s="72">
        <v>40</v>
      </c>
      <c r="HW23" s="73">
        <v>343</v>
      </c>
      <c r="HX23" s="74">
        <v>487</v>
      </c>
      <c r="HY23" s="71">
        <v>143</v>
      </c>
      <c r="HZ23" s="72">
        <v>142</v>
      </c>
      <c r="IA23" s="73">
        <v>285</v>
      </c>
      <c r="IB23" s="277"/>
      <c r="IC23" s="72">
        <v>208</v>
      </c>
      <c r="ID23" s="72">
        <v>116</v>
      </c>
      <c r="IE23" s="72">
        <v>74</v>
      </c>
      <c r="IF23" s="72">
        <v>83</v>
      </c>
      <c r="IG23" s="72">
        <v>56</v>
      </c>
      <c r="IH23" s="73">
        <v>537</v>
      </c>
      <c r="II23" s="74">
        <v>822</v>
      </c>
      <c r="IJ23" s="71">
        <v>195</v>
      </c>
      <c r="IK23" s="72">
        <v>272</v>
      </c>
      <c r="IL23" s="73">
        <v>467</v>
      </c>
      <c r="IM23" s="277">
        <v>0</v>
      </c>
      <c r="IN23" s="72">
        <v>351</v>
      </c>
      <c r="IO23" s="72">
        <v>202</v>
      </c>
      <c r="IP23" s="72">
        <v>152</v>
      </c>
      <c r="IQ23" s="72">
        <v>113</v>
      </c>
      <c r="IR23" s="72">
        <v>71</v>
      </c>
      <c r="IS23" s="73">
        <v>889</v>
      </c>
      <c r="IT23" s="74">
        <v>1356</v>
      </c>
      <c r="IU23" s="71">
        <v>178</v>
      </c>
      <c r="IV23" s="72">
        <v>222</v>
      </c>
      <c r="IW23" s="73">
        <v>400</v>
      </c>
      <c r="IX23" s="277"/>
      <c r="IY23" s="72">
        <v>353</v>
      </c>
      <c r="IZ23" s="72">
        <v>210</v>
      </c>
      <c r="JA23" s="72">
        <v>182</v>
      </c>
      <c r="JB23" s="72">
        <v>144</v>
      </c>
      <c r="JC23" s="72">
        <v>89</v>
      </c>
      <c r="JD23" s="73">
        <v>978</v>
      </c>
      <c r="JE23" s="74">
        <v>1378</v>
      </c>
      <c r="JF23" s="71">
        <v>83</v>
      </c>
      <c r="JG23" s="72">
        <v>151</v>
      </c>
      <c r="JH23" s="73">
        <v>234</v>
      </c>
      <c r="JI23" s="277"/>
      <c r="JJ23" s="72">
        <v>249</v>
      </c>
      <c r="JK23" s="72">
        <v>183</v>
      </c>
      <c r="JL23" s="72">
        <v>194</v>
      </c>
      <c r="JM23" s="72">
        <v>178</v>
      </c>
      <c r="JN23" s="72">
        <v>88</v>
      </c>
      <c r="JO23" s="73">
        <v>892</v>
      </c>
      <c r="JP23" s="74">
        <v>1126</v>
      </c>
      <c r="JQ23" s="71">
        <v>10</v>
      </c>
      <c r="JR23" s="72">
        <v>30</v>
      </c>
      <c r="JS23" s="73">
        <v>40</v>
      </c>
      <c r="JT23" s="277"/>
      <c r="JU23" s="72">
        <v>41</v>
      </c>
      <c r="JV23" s="72">
        <v>23</v>
      </c>
      <c r="JW23" s="72">
        <v>19</v>
      </c>
      <c r="JX23" s="72">
        <v>18</v>
      </c>
      <c r="JY23" s="72">
        <v>8</v>
      </c>
      <c r="JZ23" s="73">
        <v>109</v>
      </c>
      <c r="KA23" s="74">
        <v>149</v>
      </c>
      <c r="KB23" s="71">
        <v>695</v>
      </c>
      <c r="KC23" s="72">
        <v>920</v>
      </c>
      <c r="KD23" s="73">
        <v>1615</v>
      </c>
      <c r="KE23" s="277"/>
      <c r="KF23" s="72">
        <v>1395</v>
      </c>
      <c r="KG23" s="72">
        <v>829</v>
      </c>
      <c r="KH23" s="72">
        <v>691</v>
      </c>
      <c r="KI23" s="72">
        <v>604</v>
      </c>
      <c r="KJ23" s="72">
        <v>365</v>
      </c>
      <c r="KK23" s="73">
        <v>3884</v>
      </c>
      <c r="KL23" s="74">
        <v>5499</v>
      </c>
    </row>
    <row r="24" spans="1:298" ht="19.5" customHeight="1" x14ac:dyDescent="0.2">
      <c r="A24" s="130" t="s">
        <v>21</v>
      </c>
      <c r="B24" s="347">
        <v>277</v>
      </c>
      <c r="C24" s="83">
        <v>229</v>
      </c>
      <c r="D24" s="84">
        <v>506</v>
      </c>
      <c r="E24" s="274"/>
      <c r="F24" s="83">
        <v>414</v>
      </c>
      <c r="G24" s="83">
        <v>434</v>
      </c>
      <c r="H24" s="83">
        <v>291</v>
      </c>
      <c r="I24" s="83">
        <v>218</v>
      </c>
      <c r="J24" s="83">
        <v>101</v>
      </c>
      <c r="K24" s="85">
        <v>1458</v>
      </c>
      <c r="L24" s="86">
        <v>1964</v>
      </c>
      <c r="M24" s="71">
        <v>13</v>
      </c>
      <c r="N24" s="72">
        <v>16</v>
      </c>
      <c r="O24" s="73">
        <v>29</v>
      </c>
      <c r="P24" s="277"/>
      <c r="Q24" s="72">
        <v>17</v>
      </c>
      <c r="R24" s="72">
        <v>23</v>
      </c>
      <c r="S24" s="72">
        <v>19</v>
      </c>
      <c r="T24" s="72">
        <v>14</v>
      </c>
      <c r="U24" s="72">
        <v>8</v>
      </c>
      <c r="V24" s="73">
        <v>81</v>
      </c>
      <c r="W24" s="74">
        <v>110</v>
      </c>
      <c r="X24" s="71">
        <v>33</v>
      </c>
      <c r="Y24" s="72">
        <v>31</v>
      </c>
      <c r="Z24" s="73">
        <v>64</v>
      </c>
      <c r="AA24" s="277"/>
      <c r="AB24" s="72">
        <v>34</v>
      </c>
      <c r="AC24" s="72">
        <v>57</v>
      </c>
      <c r="AD24" s="72">
        <v>43</v>
      </c>
      <c r="AE24" s="72">
        <v>36</v>
      </c>
      <c r="AF24" s="72">
        <v>15</v>
      </c>
      <c r="AG24" s="73">
        <v>185</v>
      </c>
      <c r="AH24" s="74">
        <v>249</v>
      </c>
      <c r="AI24" s="71">
        <v>59</v>
      </c>
      <c r="AJ24" s="72">
        <v>37</v>
      </c>
      <c r="AK24" s="73">
        <v>96</v>
      </c>
      <c r="AL24" s="277"/>
      <c r="AM24" s="72">
        <v>74</v>
      </c>
      <c r="AN24" s="72">
        <v>74</v>
      </c>
      <c r="AO24" s="72">
        <v>51</v>
      </c>
      <c r="AP24" s="72">
        <v>34</v>
      </c>
      <c r="AQ24" s="72">
        <v>12</v>
      </c>
      <c r="AR24" s="73">
        <v>245</v>
      </c>
      <c r="AS24" s="74">
        <v>341</v>
      </c>
      <c r="AT24" s="71">
        <v>73</v>
      </c>
      <c r="AU24" s="72">
        <v>62</v>
      </c>
      <c r="AV24" s="73">
        <v>135</v>
      </c>
      <c r="AW24" s="277"/>
      <c r="AX24" s="72">
        <v>112</v>
      </c>
      <c r="AY24" s="72">
        <v>114</v>
      </c>
      <c r="AZ24" s="72">
        <v>78</v>
      </c>
      <c r="BA24" s="72">
        <v>50</v>
      </c>
      <c r="BB24" s="72">
        <v>28</v>
      </c>
      <c r="BC24" s="73">
        <v>382</v>
      </c>
      <c r="BD24" s="74">
        <v>517</v>
      </c>
      <c r="BE24" s="71">
        <v>67</v>
      </c>
      <c r="BF24" s="72">
        <v>61</v>
      </c>
      <c r="BG24" s="73">
        <v>128</v>
      </c>
      <c r="BH24" s="277"/>
      <c r="BI24" s="72">
        <v>121</v>
      </c>
      <c r="BJ24" s="72">
        <v>107</v>
      </c>
      <c r="BK24" s="72">
        <v>66</v>
      </c>
      <c r="BL24" s="72">
        <v>56</v>
      </c>
      <c r="BM24" s="72">
        <v>24</v>
      </c>
      <c r="BN24" s="73">
        <v>374</v>
      </c>
      <c r="BO24" s="74">
        <v>502</v>
      </c>
      <c r="BP24" s="71">
        <v>32</v>
      </c>
      <c r="BQ24" s="72">
        <v>22</v>
      </c>
      <c r="BR24" s="73">
        <v>54</v>
      </c>
      <c r="BS24" s="277"/>
      <c r="BT24" s="72">
        <v>56</v>
      </c>
      <c r="BU24" s="72">
        <v>59</v>
      </c>
      <c r="BV24" s="72">
        <v>34</v>
      </c>
      <c r="BW24" s="72">
        <v>28</v>
      </c>
      <c r="BX24" s="72">
        <v>14</v>
      </c>
      <c r="BY24" s="73">
        <v>191</v>
      </c>
      <c r="BZ24" s="74">
        <v>245</v>
      </c>
      <c r="CA24" s="71">
        <v>4</v>
      </c>
      <c r="CB24" s="72">
        <v>16</v>
      </c>
      <c r="CC24" s="73">
        <v>20</v>
      </c>
      <c r="CD24" s="277"/>
      <c r="CE24" s="72">
        <v>12</v>
      </c>
      <c r="CF24" s="72">
        <v>19</v>
      </c>
      <c r="CG24" s="72">
        <v>6</v>
      </c>
      <c r="CH24" s="72">
        <v>6</v>
      </c>
      <c r="CI24" s="72">
        <v>13</v>
      </c>
      <c r="CJ24" s="73">
        <v>56</v>
      </c>
      <c r="CK24" s="74">
        <v>76</v>
      </c>
      <c r="CL24" s="71">
        <v>281</v>
      </c>
      <c r="CM24" s="72">
        <v>245</v>
      </c>
      <c r="CN24" s="73">
        <v>526</v>
      </c>
      <c r="CO24" s="277"/>
      <c r="CP24" s="72">
        <v>426</v>
      </c>
      <c r="CQ24" s="72">
        <v>453</v>
      </c>
      <c r="CR24" s="72">
        <v>297</v>
      </c>
      <c r="CS24" s="72">
        <v>224</v>
      </c>
      <c r="CT24" s="72">
        <v>114</v>
      </c>
      <c r="CU24" s="73">
        <v>1514</v>
      </c>
      <c r="CV24" s="74">
        <v>2040</v>
      </c>
      <c r="CW24" s="127">
        <v>509</v>
      </c>
      <c r="CX24" s="83">
        <v>584</v>
      </c>
      <c r="CY24" s="84">
        <v>1093</v>
      </c>
      <c r="CZ24" s="274"/>
      <c r="DA24" s="83">
        <v>669</v>
      </c>
      <c r="DB24" s="83">
        <v>679</v>
      </c>
      <c r="DC24" s="83">
        <v>533</v>
      </c>
      <c r="DD24" s="83">
        <v>426</v>
      </c>
      <c r="DE24" s="83">
        <v>329</v>
      </c>
      <c r="DF24" s="85">
        <v>2636</v>
      </c>
      <c r="DG24" s="86">
        <v>3729</v>
      </c>
      <c r="DH24" s="71">
        <v>16</v>
      </c>
      <c r="DI24" s="72">
        <v>17</v>
      </c>
      <c r="DJ24" s="73">
        <v>33</v>
      </c>
      <c r="DK24" s="277"/>
      <c r="DL24" s="72">
        <v>18</v>
      </c>
      <c r="DM24" s="72">
        <v>14</v>
      </c>
      <c r="DN24" s="72">
        <v>19</v>
      </c>
      <c r="DO24" s="72">
        <v>12</v>
      </c>
      <c r="DP24" s="72">
        <v>9</v>
      </c>
      <c r="DQ24" s="73">
        <v>72</v>
      </c>
      <c r="DR24" s="74">
        <v>105</v>
      </c>
      <c r="DS24" s="71">
        <v>50</v>
      </c>
      <c r="DT24" s="72">
        <v>52</v>
      </c>
      <c r="DU24" s="73">
        <v>102</v>
      </c>
      <c r="DV24" s="277"/>
      <c r="DW24" s="72">
        <v>47</v>
      </c>
      <c r="DX24" s="72">
        <v>37</v>
      </c>
      <c r="DY24" s="72">
        <v>31</v>
      </c>
      <c r="DZ24" s="72">
        <v>24</v>
      </c>
      <c r="EA24" s="72">
        <v>25</v>
      </c>
      <c r="EB24" s="73">
        <v>164</v>
      </c>
      <c r="EC24" s="74">
        <v>266</v>
      </c>
      <c r="ED24" s="71">
        <v>93</v>
      </c>
      <c r="EE24" s="72">
        <v>102</v>
      </c>
      <c r="EF24" s="73">
        <v>195</v>
      </c>
      <c r="EG24" s="277"/>
      <c r="EH24" s="72">
        <v>93</v>
      </c>
      <c r="EI24" s="72">
        <v>85</v>
      </c>
      <c r="EJ24" s="72">
        <v>64</v>
      </c>
      <c r="EK24" s="72">
        <v>44</v>
      </c>
      <c r="EL24" s="72">
        <v>35</v>
      </c>
      <c r="EM24" s="73">
        <v>321</v>
      </c>
      <c r="EN24" s="74">
        <v>516</v>
      </c>
      <c r="EO24" s="71">
        <v>159</v>
      </c>
      <c r="EP24" s="72">
        <v>144</v>
      </c>
      <c r="EQ24" s="73">
        <v>303</v>
      </c>
      <c r="ER24" s="277"/>
      <c r="ES24" s="72">
        <v>184</v>
      </c>
      <c r="ET24" s="72">
        <v>137</v>
      </c>
      <c r="EU24" s="72">
        <v>114</v>
      </c>
      <c r="EV24" s="72">
        <v>87</v>
      </c>
      <c r="EW24" s="72">
        <v>79</v>
      </c>
      <c r="EX24" s="73">
        <v>601</v>
      </c>
      <c r="EY24" s="74">
        <v>904</v>
      </c>
      <c r="EZ24" s="71">
        <v>128</v>
      </c>
      <c r="FA24" s="72">
        <v>174</v>
      </c>
      <c r="FB24" s="73">
        <v>302</v>
      </c>
      <c r="FC24" s="277"/>
      <c r="FD24" s="72">
        <v>181</v>
      </c>
      <c r="FE24" s="72">
        <v>209</v>
      </c>
      <c r="FF24" s="72">
        <v>138</v>
      </c>
      <c r="FG24" s="72">
        <v>120</v>
      </c>
      <c r="FH24" s="72">
        <v>81</v>
      </c>
      <c r="FI24" s="73">
        <v>729</v>
      </c>
      <c r="FJ24" s="74">
        <v>1031</v>
      </c>
      <c r="FK24" s="71">
        <v>63</v>
      </c>
      <c r="FL24" s="72">
        <v>95</v>
      </c>
      <c r="FM24" s="73">
        <v>158</v>
      </c>
      <c r="FN24" s="277"/>
      <c r="FO24" s="72">
        <v>146</v>
      </c>
      <c r="FP24" s="72">
        <v>197</v>
      </c>
      <c r="FQ24" s="72">
        <v>167</v>
      </c>
      <c r="FR24" s="72">
        <v>139</v>
      </c>
      <c r="FS24" s="72">
        <v>100</v>
      </c>
      <c r="FT24" s="73">
        <v>749</v>
      </c>
      <c r="FU24" s="74">
        <v>907</v>
      </c>
      <c r="FV24" s="71">
        <v>7</v>
      </c>
      <c r="FW24" s="72">
        <v>12</v>
      </c>
      <c r="FX24" s="73">
        <v>19</v>
      </c>
      <c r="FY24" s="277"/>
      <c r="FZ24" s="72">
        <v>6</v>
      </c>
      <c r="GA24" s="72">
        <v>24</v>
      </c>
      <c r="GB24" s="72">
        <v>6</v>
      </c>
      <c r="GC24" s="72">
        <v>7</v>
      </c>
      <c r="GD24" s="72">
        <v>5</v>
      </c>
      <c r="GE24" s="73">
        <v>48</v>
      </c>
      <c r="GF24" s="74">
        <v>67</v>
      </c>
      <c r="GG24" s="71">
        <v>516</v>
      </c>
      <c r="GH24" s="72">
        <v>596</v>
      </c>
      <c r="GI24" s="73">
        <v>1112</v>
      </c>
      <c r="GJ24" s="277"/>
      <c r="GK24" s="72">
        <v>675</v>
      </c>
      <c r="GL24" s="72">
        <v>703</v>
      </c>
      <c r="GM24" s="72">
        <v>539</v>
      </c>
      <c r="GN24" s="72">
        <v>433</v>
      </c>
      <c r="GO24" s="72">
        <v>334</v>
      </c>
      <c r="GP24" s="73">
        <v>2684</v>
      </c>
      <c r="GQ24" s="74">
        <v>3796</v>
      </c>
      <c r="GR24" s="127">
        <v>786</v>
      </c>
      <c r="GS24" s="83">
        <v>813</v>
      </c>
      <c r="GT24" s="84">
        <v>1599</v>
      </c>
      <c r="GU24" s="274"/>
      <c r="GV24" s="83">
        <v>1083</v>
      </c>
      <c r="GW24" s="83">
        <v>1113</v>
      </c>
      <c r="GX24" s="83">
        <v>824</v>
      </c>
      <c r="GY24" s="83">
        <v>644</v>
      </c>
      <c r="GZ24" s="83">
        <v>430</v>
      </c>
      <c r="HA24" s="85">
        <v>4094</v>
      </c>
      <c r="HB24" s="86">
        <v>5693</v>
      </c>
      <c r="HC24" s="71">
        <v>29</v>
      </c>
      <c r="HD24" s="72">
        <v>33</v>
      </c>
      <c r="HE24" s="73">
        <v>62</v>
      </c>
      <c r="HF24" s="277"/>
      <c r="HG24" s="72">
        <v>35</v>
      </c>
      <c r="HH24" s="72">
        <v>37</v>
      </c>
      <c r="HI24" s="72">
        <v>38</v>
      </c>
      <c r="HJ24" s="72">
        <v>26</v>
      </c>
      <c r="HK24" s="72">
        <v>17</v>
      </c>
      <c r="HL24" s="73">
        <v>153</v>
      </c>
      <c r="HM24" s="74">
        <v>215</v>
      </c>
      <c r="HN24" s="71">
        <v>83</v>
      </c>
      <c r="HO24" s="72">
        <v>83</v>
      </c>
      <c r="HP24" s="73">
        <v>166</v>
      </c>
      <c r="HQ24" s="277"/>
      <c r="HR24" s="72">
        <v>81</v>
      </c>
      <c r="HS24" s="72">
        <v>94</v>
      </c>
      <c r="HT24" s="72">
        <v>74</v>
      </c>
      <c r="HU24" s="72">
        <v>60</v>
      </c>
      <c r="HV24" s="72">
        <v>40</v>
      </c>
      <c r="HW24" s="73">
        <v>349</v>
      </c>
      <c r="HX24" s="74">
        <v>515</v>
      </c>
      <c r="HY24" s="71">
        <v>152</v>
      </c>
      <c r="HZ24" s="72">
        <v>139</v>
      </c>
      <c r="IA24" s="73">
        <v>291</v>
      </c>
      <c r="IB24" s="277"/>
      <c r="IC24" s="72">
        <v>167</v>
      </c>
      <c r="ID24" s="72">
        <v>159</v>
      </c>
      <c r="IE24" s="72">
        <v>115</v>
      </c>
      <c r="IF24" s="72">
        <v>78</v>
      </c>
      <c r="IG24" s="72">
        <v>47</v>
      </c>
      <c r="IH24" s="73">
        <v>566</v>
      </c>
      <c r="II24" s="74">
        <v>857</v>
      </c>
      <c r="IJ24" s="71">
        <v>232</v>
      </c>
      <c r="IK24" s="72">
        <v>206</v>
      </c>
      <c r="IL24" s="73">
        <v>438</v>
      </c>
      <c r="IM24" s="277">
        <v>0</v>
      </c>
      <c r="IN24" s="72">
        <v>296</v>
      </c>
      <c r="IO24" s="72">
        <v>251</v>
      </c>
      <c r="IP24" s="72">
        <v>192</v>
      </c>
      <c r="IQ24" s="72">
        <v>137</v>
      </c>
      <c r="IR24" s="72">
        <v>107</v>
      </c>
      <c r="IS24" s="73">
        <v>983</v>
      </c>
      <c r="IT24" s="74">
        <v>1421</v>
      </c>
      <c r="IU24" s="71">
        <v>195</v>
      </c>
      <c r="IV24" s="72">
        <v>235</v>
      </c>
      <c r="IW24" s="73">
        <v>430</v>
      </c>
      <c r="IX24" s="277"/>
      <c r="IY24" s="72">
        <v>302</v>
      </c>
      <c r="IZ24" s="72">
        <v>316</v>
      </c>
      <c r="JA24" s="72">
        <v>204</v>
      </c>
      <c r="JB24" s="72">
        <v>176</v>
      </c>
      <c r="JC24" s="72">
        <v>105</v>
      </c>
      <c r="JD24" s="73">
        <v>1103</v>
      </c>
      <c r="JE24" s="74">
        <v>1533</v>
      </c>
      <c r="JF24" s="71">
        <v>95</v>
      </c>
      <c r="JG24" s="72">
        <v>117</v>
      </c>
      <c r="JH24" s="73">
        <v>212</v>
      </c>
      <c r="JI24" s="277"/>
      <c r="JJ24" s="72">
        <v>202</v>
      </c>
      <c r="JK24" s="72">
        <v>256</v>
      </c>
      <c r="JL24" s="72">
        <v>201</v>
      </c>
      <c r="JM24" s="72">
        <v>167</v>
      </c>
      <c r="JN24" s="72">
        <v>114</v>
      </c>
      <c r="JO24" s="73">
        <v>940</v>
      </c>
      <c r="JP24" s="74">
        <v>1152</v>
      </c>
      <c r="JQ24" s="71">
        <v>11</v>
      </c>
      <c r="JR24" s="72">
        <v>28</v>
      </c>
      <c r="JS24" s="73">
        <v>39</v>
      </c>
      <c r="JT24" s="277"/>
      <c r="JU24" s="72">
        <v>18</v>
      </c>
      <c r="JV24" s="72">
        <v>43</v>
      </c>
      <c r="JW24" s="72">
        <v>12</v>
      </c>
      <c r="JX24" s="72">
        <v>13</v>
      </c>
      <c r="JY24" s="72">
        <v>18</v>
      </c>
      <c r="JZ24" s="73">
        <v>104</v>
      </c>
      <c r="KA24" s="74">
        <v>143</v>
      </c>
      <c r="KB24" s="71">
        <v>797</v>
      </c>
      <c r="KC24" s="72">
        <v>841</v>
      </c>
      <c r="KD24" s="73">
        <v>1638</v>
      </c>
      <c r="KE24" s="277"/>
      <c r="KF24" s="72">
        <v>1101</v>
      </c>
      <c r="KG24" s="72">
        <v>1156</v>
      </c>
      <c r="KH24" s="72">
        <v>836</v>
      </c>
      <c r="KI24" s="72">
        <v>657</v>
      </c>
      <c r="KJ24" s="72">
        <v>448</v>
      </c>
      <c r="KK24" s="73">
        <v>4198</v>
      </c>
      <c r="KL24" s="74">
        <v>5836</v>
      </c>
    </row>
    <row r="25" spans="1:298" ht="19.5" customHeight="1" x14ac:dyDescent="0.2">
      <c r="A25" s="130" t="s">
        <v>22</v>
      </c>
      <c r="B25" s="347">
        <v>84</v>
      </c>
      <c r="C25" s="83">
        <v>55</v>
      </c>
      <c r="D25" s="84">
        <v>139</v>
      </c>
      <c r="E25" s="274"/>
      <c r="F25" s="83">
        <v>189</v>
      </c>
      <c r="G25" s="83">
        <v>163</v>
      </c>
      <c r="H25" s="83">
        <v>89</v>
      </c>
      <c r="I25" s="83">
        <v>71</v>
      </c>
      <c r="J25" s="83">
        <v>51</v>
      </c>
      <c r="K25" s="85">
        <v>563</v>
      </c>
      <c r="L25" s="86">
        <v>702</v>
      </c>
      <c r="M25" s="71">
        <v>5</v>
      </c>
      <c r="N25" s="72">
        <v>2</v>
      </c>
      <c r="O25" s="73">
        <v>7</v>
      </c>
      <c r="P25" s="277"/>
      <c r="Q25" s="72">
        <v>5</v>
      </c>
      <c r="R25" s="72">
        <v>5</v>
      </c>
      <c r="S25" s="72">
        <v>1</v>
      </c>
      <c r="T25" s="72">
        <v>3</v>
      </c>
      <c r="U25" s="72">
        <v>5</v>
      </c>
      <c r="V25" s="73">
        <v>19</v>
      </c>
      <c r="W25" s="74">
        <v>26</v>
      </c>
      <c r="X25" s="71">
        <v>8</v>
      </c>
      <c r="Y25" s="72">
        <v>10</v>
      </c>
      <c r="Z25" s="73">
        <v>18</v>
      </c>
      <c r="AA25" s="277"/>
      <c r="AB25" s="72">
        <v>23</v>
      </c>
      <c r="AC25" s="72">
        <v>12</v>
      </c>
      <c r="AD25" s="72">
        <v>9</v>
      </c>
      <c r="AE25" s="72">
        <v>8</v>
      </c>
      <c r="AF25" s="72">
        <v>7</v>
      </c>
      <c r="AG25" s="73">
        <v>59</v>
      </c>
      <c r="AH25" s="74">
        <v>77</v>
      </c>
      <c r="AI25" s="71">
        <v>10</v>
      </c>
      <c r="AJ25" s="72">
        <v>7</v>
      </c>
      <c r="AK25" s="73">
        <v>17</v>
      </c>
      <c r="AL25" s="277"/>
      <c r="AM25" s="72">
        <v>33</v>
      </c>
      <c r="AN25" s="72">
        <v>20</v>
      </c>
      <c r="AO25" s="72">
        <v>15</v>
      </c>
      <c r="AP25" s="72">
        <v>6</v>
      </c>
      <c r="AQ25" s="72">
        <v>15</v>
      </c>
      <c r="AR25" s="73">
        <v>89</v>
      </c>
      <c r="AS25" s="74">
        <v>106</v>
      </c>
      <c r="AT25" s="71">
        <v>23</v>
      </c>
      <c r="AU25" s="72">
        <v>11</v>
      </c>
      <c r="AV25" s="73">
        <v>34</v>
      </c>
      <c r="AW25" s="277"/>
      <c r="AX25" s="72">
        <v>50</v>
      </c>
      <c r="AY25" s="72">
        <v>49</v>
      </c>
      <c r="AZ25" s="72">
        <v>24</v>
      </c>
      <c r="BA25" s="72">
        <v>16</v>
      </c>
      <c r="BB25" s="72">
        <v>10</v>
      </c>
      <c r="BC25" s="73">
        <v>149</v>
      </c>
      <c r="BD25" s="74">
        <v>183</v>
      </c>
      <c r="BE25" s="71">
        <v>22</v>
      </c>
      <c r="BF25" s="72">
        <v>17</v>
      </c>
      <c r="BG25" s="73">
        <v>39</v>
      </c>
      <c r="BH25" s="277"/>
      <c r="BI25" s="72">
        <v>51</v>
      </c>
      <c r="BJ25" s="72">
        <v>46</v>
      </c>
      <c r="BK25" s="72">
        <v>23</v>
      </c>
      <c r="BL25" s="72">
        <v>20</v>
      </c>
      <c r="BM25" s="72">
        <v>8</v>
      </c>
      <c r="BN25" s="73">
        <v>148</v>
      </c>
      <c r="BO25" s="74">
        <v>187</v>
      </c>
      <c r="BP25" s="71">
        <v>16</v>
      </c>
      <c r="BQ25" s="72">
        <v>8</v>
      </c>
      <c r="BR25" s="73">
        <v>24</v>
      </c>
      <c r="BS25" s="277"/>
      <c r="BT25" s="72">
        <v>27</v>
      </c>
      <c r="BU25" s="72">
        <v>31</v>
      </c>
      <c r="BV25" s="72">
        <v>17</v>
      </c>
      <c r="BW25" s="72">
        <v>18</v>
      </c>
      <c r="BX25" s="72">
        <v>6</v>
      </c>
      <c r="BY25" s="73">
        <v>99</v>
      </c>
      <c r="BZ25" s="74">
        <v>123</v>
      </c>
      <c r="CA25" s="71">
        <v>1</v>
      </c>
      <c r="CB25" s="72">
        <v>5</v>
      </c>
      <c r="CC25" s="73">
        <v>6</v>
      </c>
      <c r="CD25" s="277"/>
      <c r="CE25" s="72">
        <v>8</v>
      </c>
      <c r="CF25" s="72">
        <v>5</v>
      </c>
      <c r="CG25" s="72">
        <v>1</v>
      </c>
      <c r="CH25" s="72">
        <v>3</v>
      </c>
      <c r="CI25" s="72">
        <v>1</v>
      </c>
      <c r="CJ25" s="73">
        <v>18</v>
      </c>
      <c r="CK25" s="74">
        <v>24</v>
      </c>
      <c r="CL25" s="71">
        <v>85</v>
      </c>
      <c r="CM25" s="72">
        <v>60</v>
      </c>
      <c r="CN25" s="73">
        <v>145</v>
      </c>
      <c r="CO25" s="277"/>
      <c r="CP25" s="72">
        <v>197</v>
      </c>
      <c r="CQ25" s="72">
        <v>168</v>
      </c>
      <c r="CR25" s="72">
        <v>90</v>
      </c>
      <c r="CS25" s="72">
        <v>74</v>
      </c>
      <c r="CT25" s="72">
        <v>52</v>
      </c>
      <c r="CU25" s="73">
        <v>581</v>
      </c>
      <c r="CV25" s="74">
        <v>726</v>
      </c>
      <c r="CW25" s="127">
        <v>116</v>
      </c>
      <c r="CX25" s="83">
        <v>235</v>
      </c>
      <c r="CY25" s="84">
        <v>351</v>
      </c>
      <c r="CZ25" s="274"/>
      <c r="DA25" s="83">
        <v>373</v>
      </c>
      <c r="DB25" s="83">
        <v>302</v>
      </c>
      <c r="DC25" s="83">
        <v>184</v>
      </c>
      <c r="DD25" s="83">
        <v>201</v>
      </c>
      <c r="DE25" s="83">
        <v>114</v>
      </c>
      <c r="DF25" s="85">
        <v>1174</v>
      </c>
      <c r="DG25" s="86">
        <v>1525</v>
      </c>
      <c r="DH25" s="71">
        <v>6</v>
      </c>
      <c r="DI25" s="72">
        <v>8</v>
      </c>
      <c r="DJ25" s="73">
        <v>14</v>
      </c>
      <c r="DK25" s="277"/>
      <c r="DL25" s="72">
        <v>6</v>
      </c>
      <c r="DM25" s="72">
        <v>9</v>
      </c>
      <c r="DN25" s="72">
        <v>1</v>
      </c>
      <c r="DO25" s="72">
        <v>1</v>
      </c>
      <c r="DP25" s="72">
        <v>2</v>
      </c>
      <c r="DQ25" s="73">
        <v>19</v>
      </c>
      <c r="DR25" s="74">
        <v>33</v>
      </c>
      <c r="DS25" s="71">
        <v>6</v>
      </c>
      <c r="DT25" s="72">
        <v>11</v>
      </c>
      <c r="DU25" s="73">
        <v>17</v>
      </c>
      <c r="DV25" s="277"/>
      <c r="DW25" s="72">
        <v>27</v>
      </c>
      <c r="DX25" s="72">
        <v>14</v>
      </c>
      <c r="DY25" s="72">
        <v>9</v>
      </c>
      <c r="DZ25" s="72">
        <v>7</v>
      </c>
      <c r="EA25" s="72">
        <v>7</v>
      </c>
      <c r="EB25" s="73">
        <v>64</v>
      </c>
      <c r="EC25" s="74">
        <v>81</v>
      </c>
      <c r="ED25" s="71">
        <v>20</v>
      </c>
      <c r="EE25" s="72">
        <v>34</v>
      </c>
      <c r="EF25" s="73">
        <v>54</v>
      </c>
      <c r="EG25" s="277"/>
      <c r="EH25" s="72">
        <v>48</v>
      </c>
      <c r="EI25" s="72">
        <v>31</v>
      </c>
      <c r="EJ25" s="72">
        <v>14</v>
      </c>
      <c r="EK25" s="72">
        <v>17</v>
      </c>
      <c r="EL25" s="72">
        <v>13</v>
      </c>
      <c r="EM25" s="73">
        <v>123</v>
      </c>
      <c r="EN25" s="74">
        <v>177</v>
      </c>
      <c r="EO25" s="71">
        <v>38</v>
      </c>
      <c r="EP25" s="72">
        <v>61</v>
      </c>
      <c r="EQ25" s="73">
        <v>99</v>
      </c>
      <c r="ER25" s="277"/>
      <c r="ES25" s="72">
        <v>82</v>
      </c>
      <c r="ET25" s="72">
        <v>53</v>
      </c>
      <c r="EU25" s="72">
        <v>41</v>
      </c>
      <c r="EV25" s="72">
        <v>40</v>
      </c>
      <c r="EW25" s="72">
        <v>21</v>
      </c>
      <c r="EX25" s="73">
        <v>237</v>
      </c>
      <c r="EY25" s="74">
        <v>336</v>
      </c>
      <c r="EZ25" s="71">
        <v>35</v>
      </c>
      <c r="FA25" s="72">
        <v>80</v>
      </c>
      <c r="FB25" s="73">
        <v>115</v>
      </c>
      <c r="FC25" s="277"/>
      <c r="FD25" s="72">
        <v>116</v>
      </c>
      <c r="FE25" s="72">
        <v>87</v>
      </c>
      <c r="FF25" s="72">
        <v>40</v>
      </c>
      <c r="FG25" s="72">
        <v>48</v>
      </c>
      <c r="FH25" s="72">
        <v>33</v>
      </c>
      <c r="FI25" s="73">
        <v>324</v>
      </c>
      <c r="FJ25" s="74">
        <v>439</v>
      </c>
      <c r="FK25" s="71">
        <v>11</v>
      </c>
      <c r="FL25" s="72">
        <v>41</v>
      </c>
      <c r="FM25" s="73">
        <v>52</v>
      </c>
      <c r="FN25" s="277"/>
      <c r="FO25" s="72">
        <v>94</v>
      </c>
      <c r="FP25" s="72">
        <v>108</v>
      </c>
      <c r="FQ25" s="72">
        <v>79</v>
      </c>
      <c r="FR25" s="72">
        <v>88</v>
      </c>
      <c r="FS25" s="72">
        <v>38</v>
      </c>
      <c r="FT25" s="73">
        <v>407</v>
      </c>
      <c r="FU25" s="74">
        <v>459</v>
      </c>
      <c r="FV25" s="71">
        <v>1</v>
      </c>
      <c r="FW25" s="72">
        <v>2</v>
      </c>
      <c r="FX25" s="73">
        <v>3</v>
      </c>
      <c r="FY25" s="277"/>
      <c r="FZ25" s="72">
        <v>5</v>
      </c>
      <c r="GA25" s="72">
        <v>2</v>
      </c>
      <c r="GB25" s="72">
        <v>4</v>
      </c>
      <c r="GC25" s="72">
        <v>5</v>
      </c>
      <c r="GD25" s="72">
        <v>2</v>
      </c>
      <c r="GE25" s="73">
        <v>18</v>
      </c>
      <c r="GF25" s="74">
        <v>21</v>
      </c>
      <c r="GG25" s="71">
        <v>117</v>
      </c>
      <c r="GH25" s="72">
        <v>237</v>
      </c>
      <c r="GI25" s="73">
        <v>354</v>
      </c>
      <c r="GJ25" s="277"/>
      <c r="GK25" s="72">
        <v>378</v>
      </c>
      <c r="GL25" s="72">
        <v>304</v>
      </c>
      <c r="GM25" s="72">
        <v>188</v>
      </c>
      <c r="GN25" s="72">
        <v>206</v>
      </c>
      <c r="GO25" s="72">
        <v>116</v>
      </c>
      <c r="GP25" s="73">
        <v>1192</v>
      </c>
      <c r="GQ25" s="74">
        <v>1546</v>
      </c>
      <c r="GR25" s="127">
        <v>200</v>
      </c>
      <c r="GS25" s="83">
        <v>290</v>
      </c>
      <c r="GT25" s="84">
        <v>490</v>
      </c>
      <c r="GU25" s="274"/>
      <c r="GV25" s="83">
        <v>562</v>
      </c>
      <c r="GW25" s="83">
        <v>465</v>
      </c>
      <c r="GX25" s="83">
        <v>273</v>
      </c>
      <c r="GY25" s="83">
        <v>272</v>
      </c>
      <c r="GZ25" s="83">
        <v>165</v>
      </c>
      <c r="HA25" s="85">
        <v>1737</v>
      </c>
      <c r="HB25" s="86">
        <v>2227</v>
      </c>
      <c r="HC25" s="71">
        <v>11</v>
      </c>
      <c r="HD25" s="72">
        <v>10</v>
      </c>
      <c r="HE25" s="73">
        <v>21</v>
      </c>
      <c r="HF25" s="277"/>
      <c r="HG25" s="72">
        <v>11</v>
      </c>
      <c r="HH25" s="72">
        <v>14</v>
      </c>
      <c r="HI25" s="72">
        <v>2</v>
      </c>
      <c r="HJ25" s="72">
        <v>4</v>
      </c>
      <c r="HK25" s="72">
        <v>7</v>
      </c>
      <c r="HL25" s="73">
        <v>38</v>
      </c>
      <c r="HM25" s="74">
        <v>59</v>
      </c>
      <c r="HN25" s="71">
        <v>14</v>
      </c>
      <c r="HO25" s="72">
        <v>21</v>
      </c>
      <c r="HP25" s="73">
        <v>35</v>
      </c>
      <c r="HQ25" s="277"/>
      <c r="HR25" s="72">
        <v>50</v>
      </c>
      <c r="HS25" s="72">
        <v>26</v>
      </c>
      <c r="HT25" s="72">
        <v>18</v>
      </c>
      <c r="HU25" s="72">
        <v>15</v>
      </c>
      <c r="HV25" s="72">
        <v>14</v>
      </c>
      <c r="HW25" s="73">
        <v>123</v>
      </c>
      <c r="HX25" s="74">
        <v>158</v>
      </c>
      <c r="HY25" s="71">
        <v>30</v>
      </c>
      <c r="HZ25" s="72">
        <v>41</v>
      </c>
      <c r="IA25" s="73">
        <v>71</v>
      </c>
      <c r="IB25" s="277"/>
      <c r="IC25" s="72">
        <v>81</v>
      </c>
      <c r="ID25" s="72">
        <v>51</v>
      </c>
      <c r="IE25" s="72">
        <v>29</v>
      </c>
      <c r="IF25" s="72">
        <v>23</v>
      </c>
      <c r="IG25" s="72">
        <v>28</v>
      </c>
      <c r="IH25" s="73">
        <v>212</v>
      </c>
      <c r="II25" s="74">
        <v>283</v>
      </c>
      <c r="IJ25" s="71">
        <v>61</v>
      </c>
      <c r="IK25" s="72">
        <v>72</v>
      </c>
      <c r="IL25" s="73">
        <v>133</v>
      </c>
      <c r="IM25" s="277">
        <v>0</v>
      </c>
      <c r="IN25" s="72">
        <v>132</v>
      </c>
      <c r="IO25" s="72">
        <v>102</v>
      </c>
      <c r="IP25" s="72">
        <v>65</v>
      </c>
      <c r="IQ25" s="72">
        <v>56</v>
      </c>
      <c r="IR25" s="72">
        <v>31</v>
      </c>
      <c r="IS25" s="73">
        <v>386</v>
      </c>
      <c r="IT25" s="74">
        <v>519</v>
      </c>
      <c r="IU25" s="71">
        <v>57</v>
      </c>
      <c r="IV25" s="72">
        <v>97</v>
      </c>
      <c r="IW25" s="73">
        <v>154</v>
      </c>
      <c r="IX25" s="277"/>
      <c r="IY25" s="72">
        <v>167</v>
      </c>
      <c r="IZ25" s="72">
        <v>133</v>
      </c>
      <c r="JA25" s="72">
        <v>63</v>
      </c>
      <c r="JB25" s="72">
        <v>68</v>
      </c>
      <c r="JC25" s="72">
        <v>41</v>
      </c>
      <c r="JD25" s="73">
        <v>472</v>
      </c>
      <c r="JE25" s="74">
        <v>626</v>
      </c>
      <c r="JF25" s="71">
        <v>27</v>
      </c>
      <c r="JG25" s="72">
        <v>49</v>
      </c>
      <c r="JH25" s="73">
        <v>76</v>
      </c>
      <c r="JI25" s="277"/>
      <c r="JJ25" s="72">
        <v>121</v>
      </c>
      <c r="JK25" s="72">
        <v>139</v>
      </c>
      <c r="JL25" s="72">
        <v>96</v>
      </c>
      <c r="JM25" s="72">
        <v>106</v>
      </c>
      <c r="JN25" s="72">
        <v>44</v>
      </c>
      <c r="JO25" s="73">
        <v>506</v>
      </c>
      <c r="JP25" s="74">
        <v>582</v>
      </c>
      <c r="JQ25" s="71">
        <v>2</v>
      </c>
      <c r="JR25" s="72">
        <v>7</v>
      </c>
      <c r="JS25" s="73">
        <v>9</v>
      </c>
      <c r="JT25" s="277"/>
      <c r="JU25" s="72">
        <v>13</v>
      </c>
      <c r="JV25" s="72">
        <v>7</v>
      </c>
      <c r="JW25" s="72">
        <v>5</v>
      </c>
      <c r="JX25" s="72">
        <v>8</v>
      </c>
      <c r="JY25" s="72">
        <v>3</v>
      </c>
      <c r="JZ25" s="73">
        <v>36</v>
      </c>
      <c r="KA25" s="74">
        <v>45</v>
      </c>
      <c r="KB25" s="71">
        <v>202</v>
      </c>
      <c r="KC25" s="72">
        <v>297</v>
      </c>
      <c r="KD25" s="73">
        <v>499</v>
      </c>
      <c r="KE25" s="277"/>
      <c r="KF25" s="72">
        <v>575</v>
      </c>
      <c r="KG25" s="72">
        <v>472</v>
      </c>
      <c r="KH25" s="72">
        <v>278</v>
      </c>
      <c r="KI25" s="72">
        <v>280</v>
      </c>
      <c r="KJ25" s="72">
        <v>168</v>
      </c>
      <c r="KK25" s="73">
        <v>1773</v>
      </c>
      <c r="KL25" s="74">
        <v>2272</v>
      </c>
    </row>
    <row r="26" spans="1:298" ht="19.5" customHeight="1" x14ac:dyDescent="0.2">
      <c r="A26" s="130" t="s">
        <v>23</v>
      </c>
      <c r="B26" s="347">
        <v>177</v>
      </c>
      <c r="C26" s="83">
        <v>153</v>
      </c>
      <c r="D26" s="84">
        <v>330</v>
      </c>
      <c r="E26" s="274"/>
      <c r="F26" s="83">
        <v>312</v>
      </c>
      <c r="G26" s="83">
        <v>261</v>
      </c>
      <c r="H26" s="83">
        <v>173</v>
      </c>
      <c r="I26" s="83">
        <v>170</v>
      </c>
      <c r="J26" s="83">
        <v>89</v>
      </c>
      <c r="K26" s="85">
        <v>1005</v>
      </c>
      <c r="L26" s="86">
        <v>1335</v>
      </c>
      <c r="M26" s="71">
        <v>10</v>
      </c>
      <c r="N26" s="72">
        <v>13</v>
      </c>
      <c r="O26" s="73">
        <v>23</v>
      </c>
      <c r="P26" s="277"/>
      <c r="Q26" s="72">
        <v>8</v>
      </c>
      <c r="R26" s="72">
        <v>10</v>
      </c>
      <c r="S26" s="72">
        <v>7</v>
      </c>
      <c r="T26" s="72">
        <v>10</v>
      </c>
      <c r="U26" s="72">
        <v>3</v>
      </c>
      <c r="V26" s="73">
        <v>38</v>
      </c>
      <c r="W26" s="74">
        <v>61</v>
      </c>
      <c r="X26" s="71">
        <v>26</v>
      </c>
      <c r="Y26" s="72">
        <v>14</v>
      </c>
      <c r="Z26" s="73">
        <v>40</v>
      </c>
      <c r="AA26" s="277"/>
      <c r="AB26" s="72">
        <v>31</v>
      </c>
      <c r="AC26" s="72">
        <v>42</v>
      </c>
      <c r="AD26" s="72">
        <v>16</v>
      </c>
      <c r="AE26" s="72">
        <v>20</v>
      </c>
      <c r="AF26" s="72">
        <v>15</v>
      </c>
      <c r="AG26" s="73">
        <v>124</v>
      </c>
      <c r="AH26" s="74">
        <v>164</v>
      </c>
      <c r="AI26" s="71">
        <v>41</v>
      </c>
      <c r="AJ26" s="72">
        <v>32</v>
      </c>
      <c r="AK26" s="73">
        <v>73</v>
      </c>
      <c r="AL26" s="277"/>
      <c r="AM26" s="72">
        <v>67</v>
      </c>
      <c r="AN26" s="72">
        <v>54</v>
      </c>
      <c r="AO26" s="72">
        <v>20</v>
      </c>
      <c r="AP26" s="72">
        <v>23</v>
      </c>
      <c r="AQ26" s="72">
        <v>21</v>
      </c>
      <c r="AR26" s="73">
        <v>185</v>
      </c>
      <c r="AS26" s="74">
        <v>258</v>
      </c>
      <c r="AT26" s="71">
        <v>55</v>
      </c>
      <c r="AU26" s="72">
        <v>41</v>
      </c>
      <c r="AV26" s="73">
        <v>96</v>
      </c>
      <c r="AW26" s="277"/>
      <c r="AX26" s="72">
        <v>95</v>
      </c>
      <c r="AY26" s="72">
        <v>71</v>
      </c>
      <c r="AZ26" s="72">
        <v>51</v>
      </c>
      <c r="BA26" s="72">
        <v>50</v>
      </c>
      <c r="BB26" s="72">
        <v>22</v>
      </c>
      <c r="BC26" s="73">
        <v>289</v>
      </c>
      <c r="BD26" s="74">
        <v>385</v>
      </c>
      <c r="BE26" s="71">
        <v>37</v>
      </c>
      <c r="BF26" s="72">
        <v>38</v>
      </c>
      <c r="BG26" s="73">
        <v>75</v>
      </c>
      <c r="BH26" s="277"/>
      <c r="BI26" s="72">
        <v>80</v>
      </c>
      <c r="BJ26" s="72">
        <v>55</v>
      </c>
      <c r="BK26" s="72">
        <v>52</v>
      </c>
      <c r="BL26" s="72">
        <v>38</v>
      </c>
      <c r="BM26" s="72">
        <v>15</v>
      </c>
      <c r="BN26" s="73">
        <v>240</v>
      </c>
      <c r="BO26" s="74">
        <v>315</v>
      </c>
      <c r="BP26" s="71">
        <v>8</v>
      </c>
      <c r="BQ26" s="72">
        <v>15</v>
      </c>
      <c r="BR26" s="73">
        <v>23</v>
      </c>
      <c r="BS26" s="277"/>
      <c r="BT26" s="72">
        <v>31</v>
      </c>
      <c r="BU26" s="72">
        <v>29</v>
      </c>
      <c r="BV26" s="72">
        <v>27</v>
      </c>
      <c r="BW26" s="72">
        <v>29</v>
      </c>
      <c r="BX26" s="72">
        <v>13</v>
      </c>
      <c r="BY26" s="73">
        <v>129</v>
      </c>
      <c r="BZ26" s="74">
        <v>152</v>
      </c>
      <c r="CA26" s="71">
        <v>7</v>
      </c>
      <c r="CB26" s="72">
        <v>9</v>
      </c>
      <c r="CC26" s="73">
        <v>16</v>
      </c>
      <c r="CD26" s="277"/>
      <c r="CE26" s="72">
        <v>3</v>
      </c>
      <c r="CF26" s="72">
        <v>11</v>
      </c>
      <c r="CG26" s="72">
        <v>6</v>
      </c>
      <c r="CH26" s="72">
        <v>7</v>
      </c>
      <c r="CI26" s="72">
        <v>5</v>
      </c>
      <c r="CJ26" s="73">
        <v>32</v>
      </c>
      <c r="CK26" s="74">
        <v>48</v>
      </c>
      <c r="CL26" s="71">
        <v>184</v>
      </c>
      <c r="CM26" s="72">
        <v>162</v>
      </c>
      <c r="CN26" s="73">
        <v>346</v>
      </c>
      <c r="CO26" s="277"/>
      <c r="CP26" s="72">
        <v>315</v>
      </c>
      <c r="CQ26" s="72">
        <v>272</v>
      </c>
      <c r="CR26" s="72">
        <v>179</v>
      </c>
      <c r="CS26" s="72">
        <v>177</v>
      </c>
      <c r="CT26" s="72">
        <v>94</v>
      </c>
      <c r="CU26" s="73">
        <v>1037</v>
      </c>
      <c r="CV26" s="74">
        <v>1383</v>
      </c>
      <c r="CW26" s="127">
        <v>312</v>
      </c>
      <c r="CX26" s="83">
        <v>368</v>
      </c>
      <c r="CY26" s="84">
        <v>680</v>
      </c>
      <c r="CZ26" s="274"/>
      <c r="DA26" s="83">
        <v>512</v>
      </c>
      <c r="DB26" s="83">
        <v>434</v>
      </c>
      <c r="DC26" s="83">
        <v>263</v>
      </c>
      <c r="DD26" s="83">
        <v>316</v>
      </c>
      <c r="DE26" s="83">
        <v>216</v>
      </c>
      <c r="DF26" s="85">
        <v>1741</v>
      </c>
      <c r="DG26" s="86">
        <v>2421</v>
      </c>
      <c r="DH26" s="71">
        <v>3</v>
      </c>
      <c r="DI26" s="72">
        <v>18</v>
      </c>
      <c r="DJ26" s="73">
        <v>21</v>
      </c>
      <c r="DK26" s="277"/>
      <c r="DL26" s="72">
        <v>12</v>
      </c>
      <c r="DM26" s="72">
        <v>12</v>
      </c>
      <c r="DN26" s="72">
        <v>6</v>
      </c>
      <c r="DO26" s="72">
        <v>9</v>
      </c>
      <c r="DP26" s="72">
        <v>0</v>
      </c>
      <c r="DQ26" s="73">
        <v>39</v>
      </c>
      <c r="DR26" s="74">
        <v>60</v>
      </c>
      <c r="DS26" s="71">
        <v>27</v>
      </c>
      <c r="DT26" s="72">
        <v>29</v>
      </c>
      <c r="DU26" s="73">
        <v>56</v>
      </c>
      <c r="DV26" s="277"/>
      <c r="DW26" s="72">
        <v>31</v>
      </c>
      <c r="DX26" s="72">
        <v>36</v>
      </c>
      <c r="DY26" s="72">
        <v>22</v>
      </c>
      <c r="DZ26" s="72">
        <v>24</v>
      </c>
      <c r="EA26" s="72">
        <v>15</v>
      </c>
      <c r="EB26" s="73">
        <v>128</v>
      </c>
      <c r="EC26" s="74">
        <v>184</v>
      </c>
      <c r="ED26" s="71">
        <v>58</v>
      </c>
      <c r="EE26" s="72">
        <v>67</v>
      </c>
      <c r="EF26" s="73">
        <v>125</v>
      </c>
      <c r="EG26" s="277"/>
      <c r="EH26" s="72">
        <v>84</v>
      </c>
      <c r="EI26" s="72">
        <v>63</v>
      </c>
      <c r="EJ26" s="72">
        <v>35</v>
      </c>
      <c r="EK26" s="72">
        <v>32</v>
      </c>
      <c r="EL26" s="72">
        <v>36</v>
      </c>
      <c r="EM26" s="73">
        <v>250</v>
      </c>
      <c r="EN26" s="74">
        <v>375</v>
      </c>
      <c r="EO26" s="71">
        <v>122</v>
      </c>
      <c r="EP26" s="72">
        <v>104</v>
      </c>
      <c r="EQ26" s="73">
        <v>226</v>
      </c>
      <c r="ER26" s="277"/>
      <c r="ES26" s="72">
        <v>143</v>
      </c>
      <c r="ET26" s="72">
        <v>99</v>
      </c>
      <c r="EU26" s="72">
        <v>60</v>
      </c>
      <c r="EV26" s="72">
        <v>72</v>
      </c>
      <c r="EW26" s="72">
        <v>47</v>
      </c>
      <c r="EX26" s="73">
        <v>421</v>
      </c>
      <c r="EY26" s="74">
        <v>647</v>
      </c>
      <c r="EZ26" s="71">
        <v>77</v>
      </c>
      <c r="FA26" s="72">
        <v>103</v>
      </c>
      <c r="FB26" s="73">
        <v>180</v>
      </c>
      <c r="FC26" s="277"/>
      <c r="FD26" s="72">
        <v>142</v>
      </c>
      <c r="FE26" s="72">
        <v>115</v>
      </c>
      <c r="FF26" s="72">
        <v>71</v>
      </c>
      <c r="FG26" s="72">
        <v>66</v>
      </c>
      <c r="FH26" s="72">
        <v>51</v>
      </c>
      <c r="FI26" s="73">
        <v>445</v>
      </c>
      <c r="FJ26" s="74">
        <v>625</v>
      </c>
      <c r="FK26" s="71">
        <v>25</v>
      </c>
      <c r="FL26" s="72">
        <v>47</v>
      </c>
      <c r="FM26" s="73">
        <v>72</v>
      </c>
      <c r="FN26" s="277"/>
      <c r="FO26" s="72">
        <v>100</v>
      </c>
      <c r="FP26" s="72">
        <v>109</v>
      </c>
      <c r="FQ26" s="72">
        <v>69</v>
      </c>
      <c r="FR26" s="72">
        <v>113</v>
      </c>
      <c r="FS26" s="72">
        <v>67</v>
      </c>
      <c r="FT26" s="73">
        <v>458</v>
      </c>
      <c r="FU26" s="74">
        <v>530</v>
      </c>
      <c r="FV26" s="71">
        <v>5</v>
      </c>
      <c r="FW26" s="72">
        <v>8</v>
      </c>
      <c r="FX26" s="73">
        <v>13</v>
      </c>
      <c r="FY26" s="277"/>
      <c r="FZ26" s="72">
        <v>4</v>
      </c>
      <c r="GA26" s="72">
        <v>8</v>
      </c>
      <c r="GB26" s="72">
        <v>3</v>
      </c>
      <c r="GC26" s="72">
        <v>3</v>
      </c>
      <c r="GD26" s="72">
        <v>8</v>
      </c>
      <c r="GE26" s="73">
        <v>26</v>
      </c>
      <c r="GF26" s="74">
        <v>39</v>
      </c>
      <c r="GG26" s="71">
        <v>317</v>
      </c>
      <c r="GH26" s="72">
        <v>376</v>
      </c>
      <c r="GI26" s="73">
        <v>693</v>
      </c>
      <c r="GJ26" s="277"/>
      <c r="GK26" s="72">
        <v>516</v>
      </c>
      <c r="GL26" s="72">
        <v>442</v>
      </c>
      <c r="GM26" s="72">
        <v>266</v>
      </c>
      <c r="GN26" s="72">
        <v>319</v>
      </c>
      <c r="GO26" s="72">
        <v>224</v>
      </c>
      <c r="GP26" s="73">
        <v>1767</v>
      </c>
      <c r="GQ26" s="74">
        <v>2460</v>
      </c>
      <c r="GR26" s="127">
        <v>489</v>
      </c>
      <c r="GS26" s="83">
        <v>521</v>
      </c>
      <c r="GT26" s="84">
        <v>1010</v>
      </c>
      <c r="GU26" s="274"/>
      <c r="GV26" s="83">
        <v>824</v>
      </c>
      <c r="GW26" s="83">
        <v>695</v>
      </c>
      <c r="GX26" s="83">
        <v>436</v>
      </c>
      <c r="GY26" s="83">
        <v>486</v>
      </c>
      <c r="GZ26" s="83">
        <v>305</v>
      </c>
      <c r="HA26" s="85">
        <v>2746</v>
      </c>
      <c r="HB26" s="86">
        <v>3756</v>
      </c>
      <c r="HC26" s="71">
        <v>13</v>
      </c>
      <c r="HD26" s="72">
        <v>31</v>
      </c>
      <c r="HE26" s="73">
        <v>44</v>
      </c>
      <c r="HF26" s="277"/>
      <c r="HG26" s="72">
        <v>20</v>
      </c>
      <c r="HH26" s="72">
        <v>22</v>
      </c>
      <c r="HI26" s="72">
        <v>13</v>
      </c>
      <c r="HJ26" s="72">
        <v>19</v>
      </c>
      <c r="HK26" s="72">
        <v>3</v>
      </c>
      <c r="HL26" s="73">
        <v>77</v>
      </c>
      <c r="HM26" s="74">
        <v>121</v>
      </c>
      <c r="HN26" s="71">
        <v>53</v>
      </c>
      <c r="HO26" s="72">
        <v>43</v>
      </c>
      <c r="HP26" s="73">
        <v>96</v>
      </c>
      <c r="HQ26" s="277"/>
      <c r="HR26" s="72">
        <v>62</v>
      </c>
      <c r="HS26" s="72">
        <v>78</v>
      </c>
      <c r="HT26" s="72">
        <v>38</v>
      </c>
      <c r="HU26" s="72">
        <v>44</v>
      </c>
      <c r="HV26" s="72">
        <v>30</v>
      </c>
      <c r="HW26" s="73">
        <v>252</v>
      </c>
      <c r="HX26" s="74">
        <v>348</v>
      </c>
      <c r="HY26" s="71">
        <v>99</v>
      </c>
      <c r="HZ26" s="72">
        <v>99</v>
      </c>
      <c r="IA26" s="73">
        <v>198</v>
      </c>
      <c r="IB26" s="277"/>
      <c r="IC26" s="72">
        <v>151</v>
      </c>
      <c r="ID26" s="72">
        <v>117</v>
      </c>
      <c r="IE26" s="72">
        <v>55</v>
      </c>
      <c r="IF26" s="72">
        <v>55</v>
      </c>
      <c r="IG26" s="72">
        <v>57</v>
      </c>
      <c r="IH26" s="73">
        <v>435</v>
      </c>
      <c r="II26" s="74">
        <v>633</v>
      </c>
      <c r="IJ26" s="71">
        <v>177</v>
      </c>
      <c r="IK26" s="72">
        <v>145</v>
      </c>
      <c r="IL26" s="73">
        <v>322</v>
      </c>
      <c r="IM26" s="277">
        <v>0</v>
      </c>
      <c r="IN26" s="72">
        <v>238</v>
      </c>
      <c r="IO26" s="72">
        <v>170</v>
      </c>
      <c r="IP26" s="72">
        <v>111</v>
      </c>
      <c r="IQ26" s="72">
        <v>122</v>
      </c>
      <c r="IR26" s="72">
        <v>69</v>
      </c>
      <c r="IS26" s="73">
        <v>710</v>
      </c>
      <c r="IT26" s="74">
        <v>1032</v>
      </c>
      <c r="IU26" s="71">
        <v>114</v>
      </c>
      <c r="IV26" s="72">
        <v>141</v>
      </c>
      <c r="IW26" s="73">
        <v>255</v>
      </c>
      <c r="IX26" s="277"/>
      <c r="IY26" s="72">
        <v>222</v>
      </c>
      <c r="IZ26" s="72">
        <v>170</v>
      </c>
      <c r="JA26" s="72">
        <v>123</v>
      </c>
      <c r="JB26" s="72">
        <v>104</v>
      </c>
      <c r="JC26" s="72">
        <v>66</v>
      </c>
      <c r="JD26" s="73">
        <v>685</v>
      </c>
      <c r="JE26" s="74">
        <v>940</v>
      </c>
      <c r="JF26" s="71">
        <v>33</v>
      </c>
      <c r="JG26" s="72">
        <v>62</v>
      </c>
      <c r="JH26" s="73">
        <v>95</v>
      </c>
      <c r="JI26" s="277"/>
      <c r="JJ26" s="72">
        <v>131</v>
      </c>
      <c r="JK26" s="72">
        <v>138</v>
      </c>
      <c r="JL26" s="72">
        <v>96</v>
      </c>
      <c r="JM26" s="72">
        <v>142</v>
      </c>
      <c r="JN26" s="72">
        <v>80</v>
      </c>
      <c r="JO26" s="73">
        <v>587</v>
      </c>
      <c r="JP26" s="74">
        <v>682</v>
      </c>
      <c r="JQ26" s="71">
        <v>12</v>
      </c>
      <c r="JR26" s="72">
        <v>17</v>
      </c>
      <c r="JS26" s="73">
        <v>29</v>
      </c>
      <c r="JT26" s="277"/>
      <c r="JU26" s="72">
        <v>7</v>
      </c>
      <c r="JV26" s="72">
        <v>19</v>
      </c>
      <c r="JW26" s="72">
        <v>9</v>
      </c>
      <c r="JX26" s="72">
        <v>10</v>
      </c>
      <c r="JY26" s="72">
        <v>13</v>
      </c>
      <c r="JZ26" s="73">
        <v>58</v>
      </c>
      <c r="KA26" s="74">
        <v>87</v>
      </c>
      <c r="KB26" s="71">
        <v>501</v>
      </c>
      <c r="KC26" s="72">
        <v>538</v>
      </c>
      <c r="KD26" s="73">
        <v>1039</v>
      </c>
      <c r="KE26" s="277"/>
      <c r="KF26" s="72">
        <v>831</v>
      </c>
      <c r="KG26" s="72">
        <v>714</v>
      </c>
      <c r="KH26" s="72">
        <v>445</v>
      </c>
      <c r="KI26" s="72">
        <v>496</v>
      </c>
      <c r="KJ26" s="72">
        <v>318</v>
      </c>
      <c r="KK26" s="73">
        <v>2804</v>
      </c>
      <c r="KL26" s="74">
        <v>3843</v>
      </c>
    </row>
    <row r="27" spans="1:298" ht="19.5" customHeight="1" x14ac:dyDescent="0.2">
      <c r="A27" s="130" t="s">
        <v>24</v>
      </c>
      <c r="B27" s="347">
        <v>107</v>
      </c>
      <c r="C27" s="83">
        <v>70</v>
      </c>
      <c r="D27" s="84">
        <v>177</v>
      </c>
      <c r="E27" s="274"/>
      <c r="F27" s="83">
        <v>154</v>
      </c>
      <c r="G27" s="83">
        <v>81</v>
      </c>
      <c r="H27" s="83">
        <v>70</v>
      </c>
      <c r="I27" s="83">
        <v>61</v>
      </c>
      <c r="J27" s="83">
        <v>52</v>
      </c>
      <c r="K27" s="85">
        <v>418</v>
      </c>
      <c r="L27" s="86">
        <v>595</v>
      </c>
      <c r="M27" s="71">
        <v>1</v>
      </c>
      <c r="N27" s="72">
        <v>2</v>
      </c>
      <c r="O27" s="73">
        <v>3</v>
      </c>
      <c r="P27" s="277"/>
      <c r="Q27" s="72">
        <v>7</v>
      </c>
      <c r="R27" s="72">
        <v>3</v>
      </c>
      <c r="S27" s="72">
        <v>4</v>
      </c>
      <c r="T27" s="72">
        <v>0</v>
      </c>
      <c r="U27" s="72">
        <v>5</v>
      </c>
      <c r="V27" s="73">
        <v>19</v>
      </c>
      <c r="W27" s="74">
        <v>22</v>
      </c>
      <c r="X27" s="71">
        <v>8</v>
      </c>
      <c r="Y27" s="72">
        <v>6</v>
      </c>
      <c r="Z27" s="73">
        <v>14</v>
      </c>
      <c r="AA27" s="277"/>
      <c r="AB27" s="72">
        <v>10</v>
      </c>
      <c r="AC27" s="72">
        <v>9</v>
      </c>
      <c r="AD27" s="72">
        <v>4</v>
      </c>
      <c r="AE27" s="72">
        <v>6</v>
      </c>
      <c r="AF27" s="72">
        <v>5</v>
      </c>
      <c r="AG27" s="73">
        <v>34</v>
      </c>
      <c r="AH27" s="74">
        <v>48</v>
      </c>
      <c r="AI27" s="71">
        <v>13</v>
      </c>
      <c r="AJ27" s="72">
        <v>8</v>
      </c>
      <c r="AK27" s="73">
        <v>21</v>
      </c>
      <c r="AL27" s="277"/>
      <c r="AM27" s="72">
        <v>23</v>
      </c>
      <c r="AN27" s="72">
        <v>13</v>
      </c>
      <c r="AO27" s="72">
        <v>8</v>
      </c>
      <c r="AP27" s="72">
        <v>6</v>
      </c>
      <c r="AQ27" s="72">
        <v>9</v>
      </c>
      <c r="AR27" s="73">
        <v>59</v>
      </c>
      <c r="AS27" s="74">
        <v>80</v>
      </c>
      <c r="AT27" s="71">
        <v>24</v>
      </c>
      <c r="AU27" s="72">
        <v>17</v>
      </c>
      <c r="AV27" s="73">
        <v>41</v>
      </c>
      <c r="AW27" s="277"/>
      <c r="AX27" s="72">
        <v>34</v>
      </c>
      <c r="AY27" s="72">
        <v>16</v>
      </c>
      <c r="AZ27" s="72">
        <v>14</v>
      </c>
      <c r="BA27" s="72">
        <v>12</v>
      </c>
      <c r="BB27" s="72">
        <v>12</v>
      </c>
      <c r="BC27" s="73">
        <v>88</v>
      </c>
      <c r="BD27" s="74">
        <v>129</v>
      </c>
      <c r="BE27" s="71">
        <v>34</v>
      </c>
      <c r="BF27" s="72">
        <v>18</v>
      </c>
      <c r="BG27" s="73">
        <v>52</v>
      </c>
      <c r="BH27" s="277"/>
      <c r="BI27" s="72">
        <v>44</v>
      </c>
      <c r="BJ27" s="72">
        <v>27</v>
      </c>
      <c r="BK27" s="72">
        <v>21</v>
      </c>
      <c r="BL27" s="72">
        <v>18</v>
      </c>
      <c r="BM27" s="72">
        <v>13</v>
      </c>
      <c r="BN27" s="73">
        <v>123</v>
      </c>
      <c r="BO27" s="74">
        <v>175</v>
      </c>
      <c r="BP27" s="71">
        <v>27</v>
      </c>
      <c r="BQ27" s="72">
        <v>19</v>
      </c>
      <c r="BR27" s="73">
        <v>46</v>
      </c>
      <c r="BS27" s="277"/>
      <c r="BT27" s="72">
        <v>36</v>
      </c>
      <c r="BU27" s="72">
        <v>13</v>
      </c>
      <c r="BV27" s="72">
        <v>19</v>
      </c>
      <c r="BW27" s="72">
        <v>19</v>
      </c>
      <c r="BX27" s="72">
        <v>8</v>
      </c>
      <c r="BY27" s="73">
        <v>95</v>
      </c>
      <c r="BZ27" s="74">
        <v>141</v>
      </c>
      <c r="CA27" s="71">
        <v>7</v>
      </c>
      <c r="CB27" s="72">
        <v>4</v>
      </c>
      <c r="CC27" s="73">
        <v>11</v>
      </c>
      <c r="CD27" s="277"/>
      <c r="CE27" s="72">
        <v>3</v>
      </c>
      <c r="CF27" s="72">
        <v>6</v>
      </c>
      <c r="CG27" s="72">
        <v>0</v>
      </c>
      <c r="CH27" s="72">
        <v>2</v>
      </c>
      <c r="CI27" s="72">
        <v>0</v>
      </c>
      <c r="CJ27" s="73">
        <v>11</v>
      </c>
      <c r="CK27" s="74">
        <v>22</v>
      </c>
      <c r="CL27" s="71">
        <v>114</v>
      </c>
      <c r="CM27" s="72">
        <v>74</v>
      </c>
      <c r="CN27" s="73">
        <v>188</v>
      </c>
      <c r="CO27" s="277"/>
      <c r="CP27" s="72">
        <v>157</v>
      </c>
      <c r="CQ27" s="72">
        <v>87</v>
      </c>
      <c r="CR27" s="72">
        <v>70</v>
      </c>
      <c r="CS27" s="72">
        <v>63</v>
      </c>
      <c r="CT27" s="72">
        <v>52</v>
      </c>
      <c r="CU27" s="73">
        <v>429</v>
      </c>
      <c r="CV27" s="74">
        <v>617</v>
      </c>
      <c r="CW27" s="127">
        <v>216</v>
      </c>
      <c r="CX27" s="83">
        <v>144</v>
      </c>
      <c r="CY27" s="84">
        <v>360</v>
      </c>
      <c r="CZ27" s="274"/>
      <c r="DA27" s="83">
        <v>290</v>
      </c>
      <c r="DB27" s="83">
        <v>181</v>
      </c>
      <c r="DC27" s="83">
        <v>155</v>
      </c>
      <c r="DD27" s="83">
        <v>161</v>
      </c>
      <c r="DE27" s="83">
        <v>111</v>
      </c>
      <c r="DF27" s="85">
        <v>898</v>
      </c>
      <c r="DG27" s="86">
        <v>1258</v>
      </c>
      <c r="DH27" s="71">
        <v>5</v>
      </c>
      <c r="DI27" s="72">
        <v>1</v>
      </c>
      <c r="DJ27" s="73">
        <v>6</v>
      </c>
      <c r="DK27" s="277"/>
      <c r="DL27" s="72">
        <v>3</v>
      </c>
      <c r="DM27" s="72">
        <v>3</v>
      </c>
      <c r="DN27" s="72">
        <v>3</v>
      </c>
      <c r="DO27" s="72">
        <v>0</v>
      </c>
      <c r="DP27" s="72">
        <v>3</v>
      </c>
      <c r="DQ27" s="73">
        <v>12</v>
      </c>
      <c r="DR27" s="74">
        <v>18</v>
      </c>
      <c r="DS27" s="71">
        <v>17</v>
      </c>
      <c r="DT27" s="72">
        <v>7</v>
      </c>
      <c r="DU27" s="73">
        <v>24</v>
      </c>
      <c r="DV27" s="277"/>
      <c r="DW27" s="72">
        <v>9</v>
      </c>
      <c r="DX27" s="72">
        <v>8</v>
      </c>
      <c r="DY27" s="72">
        <v>6</v>
      </c>
      <c r="DZ27" s="72">
        <v>6</v>
      </c>
      <c r="EA27" s="72">
        <v>1</v>
      </c>
      <c r="EB27" s="73">
        <v>30</v>
      </c>
      <c r="EC27" s="74">
        <v>54</v>
      </c>
      <c r="ED27" s="71">
        <v>25</v>
      </c>
      <c r="EE27" s="72">
        <v>22</v>
      </c>
      <c r="EF27" s="73">
        <v>47</v>
      </c>
      <c r="EG27" s="277"/>
      <c r="EH27" s="72">
        <v>32</v>
      </c>
      <c r="EI27" s="72">
        <v>16</v>
      </c>
      <c r="EJ27" s="72">
        <v>9</v>
      </c>
      <c r="EK27" s="72">
        <v>11</v>
      </c>
      <c r="EL27" s="72">
        <v>2</v>
      </c>
      <c r="EM27" s="73">
        <v>70</v>
      </c>
      <c r="EN27" s="74">
        <v>117</v>
      </c>
      <c r="EO27" s="71">
        <v>58</v>
      </c>
      <c r="EP27" s="72">
        <v>25</v>
      </c>
      <c r="EQ27" s="73">
        <v>83</v>
      </c>
      <c r="ER27" s="277"/>
      <c r="ES27" s="72">
        <v>74</v>
      </c>
      <c r="ET27" s="72">
        <v>35</v>
      </c>
      <c r="EU27" s="72">
        <v>18</v>
      </c>
      <c r="EV27" s="72">
        <v>20</v>
      </c>
      <c r="EW27" s="72">
        <v>24</v>
      </c>
      <c r="EX27" s="73">
        <v>171</v>
      </c>
      <c r="EY27" s="74">
        <v>254</v>
      </c>
      <c r="EZ27" s="71">
        <v>69</v>
      </c>
      <c r="FA27" s="72">
        <v>59</v>
      </c>
      <c r="FB27" s="73">
        <v>128</v>
      </c>
      <c r="FC27" s="277"/>
      <c r="FD27" s="72">
        <v>86</v>
      </c>
      <c r="FE27" s="72">
        <v>49</v>
      </c>
      <c r="FF27" s="72">
        <v>45</v>
      </c>
      <c r="FG27" s="72">
        <v>38</v>
      </c>
      <c r="FH27" s="72">
        <v>23</v>
      </c>
      <c r="FI27" s="73">
        <v>241</v>
      </c>
      <c r="FJ27" s="74">
        <v>369</v>
      </c>
      <c r="FK27" s="71">
        <v>42</v>
      </c>
      <c r="FL27" s="72">
        <v>30</v>
      </c>
      <c r="FM27" s="73">
        <v>72</v>
      </c>
      <c r="FN27" s="277"/>
      <c r="FO27" s="72">
        <v>86</v>
      </c>
      <c r="FP27" s="72">
        <v>70</v>
      </c>
      <c r="FQ27" s="72">
        <v>74</v>
      </c>
      <c r="FR27" s="72">
        <v>86</v>
      </c>
      <c r="FS27" s="72">
        <v>58</v>
      </c>
      <c r="FT27" s="73">
        <v>374</v>
      </c>
      <c r="FU27" s="74">
        <v>446</v>
      </c>
      <c r="FV27" s="71">
        <v>3</v>
      </c>
      <c r="FW27" s="72">
        <v>2</v>
      </c>
      <c r="FX27" s="73">
        <v>5</v>
      </c>
      <c r="FY27" s="277"/>
      <c r="FZ27" s="72">
        <v>2</v>
      </c>
      <c r="GA27" s="72">
        <v>4</v>
      </c>
      <c r="GB27" s="72">
        <v>1</v>
      </c>
      <c r="GC27" s="72">
        <v>1</v>
      </c>
      <c r="GD27" s="72">
        <v>1</v>
      </c>
      <c r="GE27" s="73">
        <v>9</v>
      </c>
      <c r="GF27" s="74">
        <v>14</v>
      </c>
      <c r="GG27" s="71">
        <v>219</v>
      </c>
      <c r="GH27" s="72">
        <v>146</v>
      </c>
      <c r="GI27" s="73">
        <v>365</v>
      </c>
      <c r="GJ27" s="277"/>
      <c r="GK27" s="72">
        <v>292</v>
      </c>
      <c r="GL27" s="72">
        <v>185</v>
      </c>
      <c r="GM27" s="72">
        <v>156</v>
      </c>
      <c r="GN27" s="72">
        <v>162</v>
      </c>
      <c r="GO27" s="72">
        <v>112</v>
      </c>
      <c r="GP27" s="73">
        <v>907</v>
      </c>
      <c r="GQ27" s="74">
        <v>1272</v>
      </c>
      <c r="GR27" s="127">
        <v>323</v>
      </c>
      <c r="GS27" s="83">
        <v>214</v>
      </c>
      <c r="GT27" s="84">
        <v>537</v>
      </c>
      <c r="GU27" s="274"/>
      <c r="GV27" s="83">
        <v>444</v>
      </c>
      <c r="GW27" s="83">
        <v>262</v>
      </c>
      <c r="GX27" s="83">
        <v>225</v>
      </c>
      <c r="GY27" s="83">
        <v>222</v>
      </c>
      <c r="GZ27" s="83">
        <v>163</v>
      </c>
      <c r="HA27" s="85">
        <v>1316</v>
      </c>
      <c r="HB27" s="86">
        <v>1853</v>
      </c>
      <c r="HC27" s="71">
        <v>6</v>
      </c>
      <c r="HD27" s="72">
        <v>3</v>
      </c>
      <c r="HE27" s="73">
        <v>9</v>
      </c>
      <c r="HF27" s="277"/>
      <c r="HG27" s="72">
        <v>10</v>
      </c>
      <c r="HH27" s="72">
        <v>6</v>
      </c>
      <c r="HI27" s="72">
        <v>7</v>
      </c>
      <c r="HJ27" s="72">
        <v>0</v>
      </c>
      <c r="HK27" s="72">
        <v>8</v>
      </c>
      <c r="HL27" s="73">
        <v>31</v>
      </c>
      <c r="HM27" s="74">
        <v>40</v>
      </c>
      <c r="HN27" s="71">
        <v>25</v>
      </c>
      <c r="HO27" s="72">
        <v>13</v>
      </c>
      <c r="HP27" s="73">
        <v>38</v>
      </c>
      <c r="HQ27" s="277"/>
      <c r="HR27" s="72">
        <v>19</v>
      </c>
      <c r="HS27" s="72">
        <v>17</v>
      </c>
      <c r="HT27" s="72">
        <v>10</v>
      </c>
      <c r="HU27" s="72">
        <v>12</v>
      </c>
      <c r="HV27" s="72">
        <v>6</v>
      </c>
      <c r="HW27" s="73">
        <v>64</v>
      </c>
      <c r="HX27" s="74">
        <v>102</v>
      </c>
      <c r="HY27" s="71">
        <v>38</v>
      </c>
      <c r="HZ27" s="72">
        <v>30</v>
      </c>
      <c r="IA27" s="73">
        <v>68</v>
      </c>
      <c r="IB27" s="277"/>
      <c r="IC27" s="72">
        <v>55</v>
      </c>
      <c r="ID27" s="72">
        <v>29</v>
      </c>
      <c r="IE27" s="72">
        <v>17</v>
      </c>
      <c r="IF27" s="72">
        <v>17</v>
      </c>
      <c r="IG27" s="72">
        <v>11</v>
      </c>
      <c r="IH27" s="73">
        <v>129</v>
      </c>
      <c r="II27" s="74">
        <v>197</v>
      </c>
      <c r="IJ27" s="71">
        <v>82</v>
      </c>
      <c r="IK27" s="72">
        <v>42</v>
      </c>
      <c r="IL27" s="73">
        <v>124</v>
      </c>
      <c r="IM27" s="277">
        <v>0</v>
      </c>
      <c r="IN27" s="72">
        <v>108</v>
      </c>
      <c r="IO27" s="72">
        <v>51</v>
      </c>
      <c r="IP27" s="72">
        <v>32</v>
      </c>
      <c r="IQ27" s="72">
        <v>32</v>
      </c>
      <c r="IR27" s="72">
        <v>36</v>
      </c>
      <c r="IS27" s="73">
        <v>259</v>
      </c>
      <c r="IT27" s="74">
        <v>383</v>
      </c>
      <c r="IU27" s="71">
        <v>103</v>
      </c>
      <c r="IV27" s="72">
        <v>77</v>
      </c>
      <c r="IW27" s="73">
        <v>180</v>
      </c>
      <c r="IX27" s="277"/>
      <c r="IY27" s="72">
        <v>130</v>
      </c>
      <c r="IZ27" s="72">
        <v>76</v>
      </c>
      <c r="JA27" s="72">
        <v>66</v>
      </c>
      <c r="JB27" s="72">
        <v>56</v>
      </c>
      <c r="JC27" s="72">
        <v>36</v>
      </c>
      <c r="JD27" s="73">
        <v>364</v>
      </c>
      <c r="JE27" s="74">
        <v>544</v>
      </c>
      <c r="JF27" s="71">
        <v>69</v>
      </c>
      <c r="JG27" s="72">
        <v>49</v>
      </c>
      <c r="JH27" s="73">
        <v>118</v>
      </c>
      <c r="JI27" s="277"/>
      <c r="JJ27" s="72">
        <v>122</v>
      </c>
      <c r="JK27" s="72">
        <v>83</v>
      </c>
      <c r="JL27" s="72">
        <v>93</v>
      </c>
      <c r="JM27" s="72">
        <v>105</v>
      </c>
      <c r="JN27" s="72">
        <v>66</v>
      </c>
      <c r="JO27" s="73">
        <v>469</v>
      </c>
      <c r="JP27" s="74">
        <v>587</v>
      </c>
      <c r="JQ27" s="71">
        <v>10</v>
      </c>
      <c r="JR27" s="72">
        <v>6</v>
      </c>
      <c r="JS27" s="73">
        <v>16</v>
      </c>
      <c r="JT27" s="277"/>
      <c r="JU27" s="72">
        <v>5</v>
      </c>
      <c r="JV27" s="72">
        <v>10</v>
      </c>
      <c r="JW27" s="72">
        <v>1</v>
      </c>
      <c r="JX27" s="72">
        <v>3</v>
      </c>
      <c r="JY27" s="72">
        <v>1</v>
      </c>
      <c r="JZ27" s="73">
        <v>20</v>
      </c>
      <c r="KA27" s="74">
        <v>36</v>
      </c>
      <c r="KB27" s="71">
        <v>333</v>
      </c>
      <c r="KC27" s="72">
        <v>220</v>
      </c>
      <c r="KD27" s="73">
        <v>553</v>
      </c>
      <c r="KE27" s="277"/>
      <c r="KF27" s="72">
        <v>449</v>
      </c>
      <c r="KG27" s="72">
        <v>272</v>
      </c>
      <c r="KH27" s="72">
        <v>226</v>
      </c>
      <c r="KI27" s="72">
        <v>225</v>
      </c>
      <c r="KJ27" s="72">
        <v>164</v>
      </c>
      <c r="KK27" s="73">
        <v>1336</v>
      </c>
      <c r="KL27" s="74">
        <v>1889</v>
      </c>
    </row>
    <row r="28" spans="1:298" ht="19.5" customHeight="1" x14ac:dyDescent="0.2">
      <c r="A28" s="130" t="s">
        <v>25</v>
      </c>
      <c r="B28" s="347">
        <v>80</v>
      </c>
      <c r="C28" s="83">
        <v>93</v>
      </c>
      <c r="D28" s="84">
        <v>173</v>
      </c>
      <c r="E28" s="274"/>
      <c r="F28" s="83">
        <v>211</v>
      </c>
      <c r="G28" s="83">
        <v>109</v>
      </c>
      <c r="H28" s="83">
        <v>105</v>
      </c>
      <c r="I28" s="83">
        <v>114</v>
      </c>
      <c r="J28" s="83">
        <v>51</v>
      </c>
      <c r="K28" s="85">
        <v>590</v>
      </c>
      <c r="L28" s="86">
        <v>763</v>
      </c>
      <c r="M28" s="71">
        <v>1</v>
      </c>
      <c r="N28" s="72">
        <v>5</v>
      </c>
      <c r="O28" s="73">
        <v>6</v>
      </c>
      <c r="P28" s="277"/>
      <c r="Q28" s="72">
        <v>8</v>
      </c>
      <c r="R28" s="72">
        <v>8</v>
      </c>
      <c r="S28" s="72">
        <v>2</v>
      </c>
      <c r="T28" s="72">
        <v>5</v>
      </c>
      <c r="U28" s="72">
        <v>2</v>
      </c>
      <c r="V28" s="73">
        <v>25</v>
      </c>
      <c r="W28" s="74">
        <v>31</v>
      </c>
      <c r="X28" s="71">
        <v>8</v>
      </c>
      <c r="Y28" s="72">
        <v>11</v>
      </c>
      <c r="Z28" s="73">
        <v>19</v>
      </c>
      <c r="AA28" s="277"/>
      <c r="AB28" s="72">
        <v>19</v>
      </c>
      <c r="AC28" s="72">
        <v>17</v>
      </c>
      <c r="AD28" s="72">
        <v>12</v>
      </c>
      <c r="AE28" s="72">
        <v>12</v>
      </c>
      <c r="AF28" s="72">
        <v>8</v>
      </c>
      <c r="AG28" s="73">
        <v>68</v>
      </c>
      <c r="AH28" s="74">
        <v>87</v>
      </c>
      <c r="AI28" s="71">
        <v>17</v>
      </c>
      <c r="AJ28" s="72">
        <v>22</v>
      </c>
      <c r="AK28" s="73">
        <v>39</v>
      </c>
      <c r="AL28" s="277"/>
      <c r="AM28" s="72">
        <v>33</v>
      </c>
      <c r="AN28" s="72">
        <v>15</v>
      </c>
      <c r="AO28" s="72">
        <v>16</v>
      </c>
      <c r="AP28" s="72">
        <v>26</v>
      </c>
      <c r="AQ28" s="72">
        <v>13</v>
      </c>
      <c r="AR28" s="73">
        <v>103</v>
      </c>
      <c r="AS28" s="74">
        <v>142</v>
      </c>
      <c r="AT28" s="71">
        <v>24</v>
      </c>
      <c r="AU28" s="72">
        <v>30</v>
      </c>
      <c r="AV28" s="73">
        <v>54</v>
      </c>
      <c r="AW28" s="277"/>
      <c r="AX28" s="72">
        <v>65</v>
      </c>
      <c r="AY28" s="72">
        <v>34</v>
      </c>
      <c r="AZ28" s="72">
        <v>31</v>
      </c>
      <c r="BA28" s="72">
        <v>31</v>
      </c>
      <c r="BB28" s="72">
        <v>13</v>
      </c>
      <c r="BC28" s="73">
        <v>174</v>
      </c>
      <c r="BD28" s="74">
        <v>228</v>
      </c>
      <c r="BE28" s="71">
        <v>22</v>
      </c>
      <c r="BF28" s="72">
        <v>13</v>
      </c>
      <c r="BG28" s="73">
        <v>35</v>
      </c>
      <c r="BH28" s="277"/>
      <c r="BI28" s="72">
        <v>56</v>
      </c>
      <c r="BJ28" s="72">
        <v>26</v>
      </c>
      <c r="BK28" s="72">
        <v>29</v>
      </c>
      <c r="BL28" s="72">
        <v>22</v>
      </c>
      <c r="BM28" s="72">
        <v>8</v>
      </c>
      <c r="BN28" s="73">
        <v>141</v>
      </c>
      <c r="BO28" s="74">
        <v>176</v>
      </c>
      <c r="BP28" s="71">
        <v>8</v>
      </c>
      <c r="BQ28" s="72">
        <v>12</v>
      </c>
      <c r="BR28" s="73">
        <v>20</v>
      </c>
      <c r="BS28" s="277"/>
      <c r="BT28" s="72">
        <v>30</v>
      </c>
      <c r="BU28" s="72">
        <v>9</v>
      </c>
      <c r="BV28" s="72">
        <v>15</v>
      </c>
      <c r="BW28" s="72">
        <v>18</v>
      </c>
      <c r="BX28" s="72">
        <v>7</v>
      </c>
      <c r="BY28" s="73">
        <v>79</v>
      </c>
      <c r="BZ28" s="74">
        <v>99</v>
      </c>
      <c r="CA28" s="71">
        <v>3</v>
      </c>
      <c r="CB28" s="72">
        <v>3</v>
      </c>
      <c r="CC28" s="73">
        <v>6</v>
      </c>
      <c r="CD28" s="277"/>
      <c r="CE28" s="72">
        <v>3</v>
      </c>
      <c r="CF28" s="72">
        <v>9</v>
      </c>
      <c r="CG28" s="72">
        <v>1</v>
      </c>
      <c r="CH28" s="72">
        <v>4</v>
      </c>
      <c r="CI28" s="72">
        <v>2</v>
      </c>
      <c r="CJ28" s="73">
        <v>19</v>
      </c>
      <c r="CK28" s="74">
        <v>25</v>
      </c>
      <c r="CL28" s="71">
        <v>83</v>
      </c>
      <c r="CM28" s="72">
        <v>96</v>
      </c>
      <c r="CN28" s="73">
        <v>179</v>
      </c>
      <c r="CO28" s="277"/>
      <c r="CP28" s="72">
        <v>214</v>
      </c>
      <c r="CQ28" s="72">
        <v>118</v>
      </c>
      <c r="CR28" s="72">
        <v>106</v>
      </c>
      <c r="CS28" s="72">
        <v>118</v>
      </c>
      <c r="CT28" s="72">
        <v>53</v>
      </c>
      <c r="CU28" s="73">
        <v>609</v>
      </c>
      <c r="CV28" s="74">
        <v>788</v>
      </c>
      <c r="CW28" s="127">
        <v>178</v>
      </c>
      <c r="CX28" s="83">
        <v>172</v>
      </c>
      <c r="CY28" s="84">
        <v>350</v>
      </c>
      <c r="CZ28" s="274"/>
      <c r="DA28" s="83">
        <v>319</v>
      </c>
      <c r="DB28" s="83">
        <v>203</v>
      </c>
      <c r="DC28" s="83">
        <v>144</v>
      </c>
      <c r="DD28" s="83">
        <v>195</v>
      </c>
      <c r="DE28" s="83">
        <v>115</v>
      </c>
      <c r="DF28" s="85">
        <v>976</v>
      </c>
      <c r="DG28" s="86">
        <v>1326</v>
      </c>
      <c r="DH28" s="71">
        <v>4</v>
      </c>
      <c r="DI28" s="72">
        <v>8</v>
      </c>
      <c r="DJ28" s="73">
        <v>12</v>
      </c>
      <c r="DK28" s="277"/>
      <c r="DL28" s="72">
        <v>8</v>
      </c>
      <c r="DM28" s="72">
        <v>7</v>
      </c>
      <c r="DN28" s="72">
        <v>3</v>
      </c>
      <c r="DO28" s="72">
        <v>4</v>
      </c>
      <c r="DP28" s="72">
        <v>5</v>
      </c>
      <c r="DQ28" s="73">
        <v>27</v>
      </c>
      <c r="DR28" s="74">
        <v>39</v>
      </c>
      <c r="DS28" s="71">
        <v>19</v>
      </c>
      <c r="DT28" s="72">
        <v>15</v>
      </c>
      <c r="DU28" s="73">
        <v>34</v>
      </c>
      <c r="DV28" s="277"/>
      <c r="DW28" s="72">
        <v>21</v>
      </c>
      <c r="DX28" s="72">
        <v>12</v>
      </c>
      <c r="DY28" s="72">
        <v>19</v>
      </c>
      <c r="DZ28" s="72">
        <v>13</v>
      </c>
      <c r="EA28" s="72">
        <v>6</v>
      </c>
      <c r="EB28" s="73">
        <v>71</v>
      </c>
      <c r="EC28" s="74">
        <v>105</v>
      </c>
      <c r="ED28" s="71">
        <v>39</v>
      </c>
      <c r="EE28" s="72">
        <v>26</v>
      </c>
      <c r="EF28" s="73">
        <v>65</v>
      </c>
      <c r="EG28" s="277"/>
      <c r="EH28" s="72">
        <v>40</v>
      </c>
      <c r="EI28" s="72">
        <v>25</v>
      </c>
      <c r="EJ28" s="72">
        <v>17</v>
      </c>
      <c r="EK28" s="72">
        <v>28</v>
      </c>
      <c r="EL28" s="72">
        <v>18</v>
      </c>
      <c r="EM28" s="73">
        <v>128</v>
      </c>
      <c r="EN28" s="74">
        <v>193</v>
      </c>
      <c r="EO28" s="71">
        <v>49</v>
      </c>
      <c r="EP28" s="72">
        <v>43</v>
      </c>
      <c r="EQ28" s="73">
        <v>92</v>
      </c>
      <c r="ER28" s="277"/>
      <c r="ES28" s="72">
        <v>77</v>
      </c>
      <c r="ET28" s="72">
        <v>51</v>
      </c>
      <c r="EU28" s="72">
        <v>24</v>
      </c>
      <c r="EV28" s="72">
        <v>41</v>
      </c>
      <c r="EW28" s="72">
        <v>15</v>
      </c>
      <c r="EX28" s="73">
        <v>208</v>
      </c>
      <c r="EY28" s="74">
        <v>300</v>
      </c>
      <c r="EZ28" s="71">
        <v>44</v>
      </c>
      <c r="FA28" s="72">
        <v>46</v>
      </c>
      <c r="FB28" s="73">
        <v>90</v>
      </c>
      <c r="FC28" s="277"/>
      <c r="FD28" s="72">
        <v>94</v>
      </c>
      <c r="FE28" s="72">
        <v>50</v>
      </c>
      <c r="FF28" s="72">
        <v>43</v>
      </c>
      <c r="FG28" s="72">
        <v>50</v>
      </c>
      <c r="FH28" s="72">
        <v>36</v>
      </c>
      <c r="FI28" s="73">
        <v>273</v>
      </c>
      <c r="FJ28" s="74">
        <v>363</v>
      </c>
      <c r="FK28" s="71">
        <v>23</v>
      </c>
      <c r="FL28" s="72">
        <v>34</v>
      </c>
      <c r="FM28" s="73">
        <v>57</v>
      </c>
      <c r="FN28" s="277"/>
      <c r="FO28" s="72">
        <v>79</v>
      </c>
      <c r="FP28" s="72">
        <v>58</v>
      </c>
      <c r="FQ28" s="72">
        <v>38</v>
      </c>
      <c r="FR28" s="72">
        <v>59</v>
      </c>
      <c r="FS28" s="72">
        <v>35</v>
      </c>
      <c r="FT28" s="73">
        <v>269</v>
      </c>
      <c r="FU28" s="74">
        <v>326</v>
      </c>
      <c r="FV28" s="71">
        <v>0</v>
      </c>
      <c r="FW28" s="72">
        <v>5</v>
      </c>
      <c r="FX28" s="73">
        <v>5</v>
      </c>
      <c r="FY28" s="277"/>
      <c r="FZ28" s="72">
        <v>3</v>
      </c>
      <c r="GA28" s="72">
        <v>4</v>
      </c>
      <c r="GB28" s="72">
        <v>4</v>
      </c>
      <c r="GC28" s="72">
        <v>2</v>
      </c>
      <c r="GD28" s="72">
        <v>7</v>
      </c>
      <c r="GE28" s="73">
        <v>20</v>
      </c>
      <c r="GF28" s="74">
        <v>25</v>
      </c>
      <c r="GG28" s="71">
        <v>178</v>
      </c>
      <c r="GH28" s="72">
        <v>177</v>
      </c>
      <c r="GI28" s="73">
        <v>355</v>
      </c>
      <c r="GJ28" s="277"/>
      <c r="GK28" s="72">
        <v>322</v>
      </c>
      <c r="GL28" s="72">
        <v>207</v>
      </c>
      <c r="GM28" s="72">
        <v>148</v>
      </c>
      <c r="GN28" s="72">
        <v>197</v>
      </c>
      <c r="GO28" s="72">
        <v>122</v>
      </c>
      <c r="GP28" s="73">
        <v>996</v>
      </c>
      <c r="GQ28" s="74">
        <v>1351</v>
      </c>
      <c r="GR28" s="127">
        <v>258</v>
      </c>
      <c r="GS28" s="83">
        <v>265</v>
      </c>
      <c r="GT28" s="84">
        <v>523</v>
      </c>
      <c r="GU28" s="274"/>
      <c r="GV28" s="83">
        <v>530</v>
      </c>
      <c r="GW28" s="83">
        <v>312</v>
      </c>
      <c r="GX28" s="83">
        <v>249</v>
      </c>
      <c r="GY28" s="83">
        <v>309</v>
      </c>
      <c r="GZ28" s="83">
        <v>166</v>
      </c>
      <c r="HA28" s="85">
        <v>1566</v>
      </c>
      <c r="HB28" s="86">
        <v>2089</v>
      </c>
      <c r="HC28" s="71">
        <v>5</v>
      </c>
      <c r="HD28" s="72">
        <v>13</v>
      </c>
      <c r="HE28" s="73">
        <v>18</v>
      </c>
      <c r="HF28" s="277"/>
      <c r="HG28" s="72">
        <v>16</v>
      </c>
      <c r="HH28" s="72">
        <v>15</v>
      </c>
      <c r="HI28" s="72">
        <v>5</v>
      </c>
      <c r="HJ28" s="72">
        <v>9</v>
      </c>
      <c r="HK28" s="72">
        <v>7</v>
      </c>
      <c r="HL28" s="73">
        <v>52</v>
      </c>
      <c r="HM28" s="74">
        <v>70</v>
      </c>
      <c r="HN28" s="71">
        <v>27</v>
      </c>
      <c r="HO28" s="72">
        <v>26</v>
      </c>
      <c r="HP28" s="73">
        <v>53</v>
      </c>
      <c r="HQ28" s="277"/>
      <c r="HR28" s="72">
        <v>40</v>
      </c>
      <c r="HS28" s="72">
        <v>29</v>
      </c>
      <c r="HT28" s="72">
        <v>31</v>
      </c>
      <c r="HU28" s="72">
        <v>25</v>
      </c>
      <c r="HV28" s="72">
        <v>14</v>
      </c>
      <c r="HW28" s="73">
        <v>139</v>
      </c>
      <c r="HX28" s="74">
        <v>192</v>
      </c>
      <c r="HY28" s="71">
        <v>56</v>
      </c>
      <c r="HZ28" s="72">
        <v>48</v>
      </c>
      <c r="IA28" s="73">
        <v>104</v>
      </c>
      <c r="IB28" s="277"/>
      <c r="IC28" s="72">
        <v>73</v>
      </c>
      <c r="ID28" s="72">
        <v>40</v>
      </c>
      <c r="IE28" s="72">
        <v>33</v>
      </c>
      <c r="IF28" s="72">
        <v>54</v>
      </c>
      <c r="IG28" s="72">
        <v>31</v>
      </c>
      <c r="IH28" s="73">
        <v>231</v>
      </c>
      <c r="II28" s="74">
        <v>335</v>
      </c>
      <c r="IJ28" s="71">
        <v>73</v>
      </c>
      <c r="IK28" s="72">
        <v>73</v>
      </c>
      <c r="IL28" s="73">
        <v>146</v>
      </c>
      <c r="IM28" s="277">
        <v>0</v>
      </c>
      <c r="IN28" s="72">
        <v>142</v>
      </c>
      <c r="IO28" s="72">
        <v>85</v>
      </c>
      <c r="IP28" s="72">
        <v>55</v>
      </c>
      <c r="IQ28" s="72">
        <v>72</v>
      </c>
      <c r="IR28" s="72">
        <v>28</v>
      </c>
      <c r="IS28" s="73">
        <v>382</v>
      </c>
      <c r="IT28" s="74">
        <v>528</v>
      </c>
      <c r="IU28" s="71">
        <v>66</v>
      </c>
      <c r="IV28" s="72">
        <v>59</v>
      </c>
      <c r="IW28" s="73">
        <v>125</v>
      </c>
      <c r="IX28" s="277"/>
      <c r="IY28" s="72">
        <v>150</v>
      </c>
      <c r="IZ28" s="72">
        <v>76</v>
      </c>
      <c r="JA28" s="72">
        <v>72</v>
      </c>
      <c r="JB28" s="72">
        <v>72</v>
      </c>
      <c r="JC28" s="72">
        <v>44</v>
      </c>
      <c r="JD28" s="73">
        <v>414</v>
      </c>
      <c r="JE28" s="74">
        <v>539</v>
      </c>
      <c r="JF28" s="71">
        <v>31</v>
      </c>
      <c r="JG28" s="72">
        <v>46</v>
      </c>
      <c r="JH28" s="73">
        <v>77</v>
      </c>
      <c r="JI28" s="277"/>
      <c r="JJ28" s="72">
        <v>109</v>
      </c>
      <c r="JK28" s="72">
        <v>67</v>
      </c>
      <c r="JL28" s="72">
        <v>53</v>
      </c>
      <c r="JM28" s="72">
        <v>77</v>
      </c>
      <c r="JN28" s="72">
        <v>42</v>
      </c>
      <c r="JO28" s="73">
        <v>348</v>
      </c>
      <c r="JP28" s="74">
        <v>425</v>
      </c>
      <c r="JQ28" s="71">
        <v>3</v>
      </c>
      <c r="JR28" s="72">
        <v>8</v>
      </c>
      <c r="JS28" s="73">
        <v>11</v>
      </c>
      <c r="JT28" s="277"/>
      <c r="JU28" s="72">
        <v>6</v>
      </c>
      <c r="JV28" s="72">
        <v>13</v>
      </c>
      <c r="JW28" s="72">
        <v>5</v>
      </c>
      <c r="JX28" s="72">
        <v>6</v>
      </c>
      <c r="JY28" s="72">
        <v>9</v>
      </c>
      <c r="JZ28" s="73">
        <v>39</v>
      </c>
      <c r="KA28" s="74">
        <v>50</v>
      </c>
      <c r="KB28" s="71">
        <v>261</v>
      </c>
      <c r="KC28" s="72">
        <v>273</v>
      </c>
      <c r="KD28" s="73">
        <v>534</v>
      </c>
      <c r="KE28" s="277"/>
      <c r="KF28" s="72">
        <v>536</v>
      </c>
      <c r="KG28" s="72">
        <v>325</v>
      </c>
      <c r="KH28" s="72">
        <v>254</v>
      </c>
      <c r="KI28" s="72">
        <v>315</v>
      </c>
      <c r="KJ28" s="72">
        <v>175</v>
      </c>
      <c r="KK28" s="73">
        <v>1605</v>
      </c>
      <c r="KL28" s="74">
        <v>2139</v>
      </c>
    </row>
    <row r="29" spans="1:298" ht="19.5" customHeight="1" x14ac:dyDescent="0.2">
      <c r="A29" s="130" t="s">
        <v>26</v>
      </c>
      <c r="B29" s="347">
        <v>93</v>
      </c>
      <c r="C29" s="83">
        <v>59</v>
      </c>
      <c r="D29" s="84">
        <v>152</v>
      </c>
      <c r="E29" s="274"/>
      <c r="F29" s="83">
        <v>145</v>
      </c>
      <c r="G29" s="83">
        <v>108</v>
      </c>
      <c r="H29" s="83">
        <v>93</v>
      </c>
      <c r="I29" s="83">
        <v>66</v>
      </c>
      <c r="J29" s="83">
        <v>32</v>
      </c>
      <c r="K29" s="85">
        <v>444</v>
      </c>
      <c r="L29" s="86">
        <v>596</v>
      </c>
      <c r="M29" s="71">
        <v>4</v>
      </c>
      <c r="N29" s="72">
        <v>2</v>
      </c>
      <c r="O29" s="73">
        <v>6</v>
      </c>
      <c r="P29" s="277"/>
      <c r="Q29" s="72">
        <v>8</v>
      </c>
      <c r="R29" s="72">
        <v>5</v>
      </c>
      <c r="S29" s="72">
        <v>6</v>
      </c>
      <c r="T29" s="72">
        <v>1</v>
      </c>
      <c r="U29" s="72">
        <v>1</v>
      </c>
      <c r="V29" s="73">
        <v>21</v>
      </c>
      <c r="W29" s="74">
        <v>27</v>
      </c>
      <c r="X29" s="71">
        <v>10</v>
      </c>
      <c r="Y29" s="72">
        <v>4</v>
      </c>
      <c r="Z29" s="73">
        <v>14</v>
      </c>
      <c r="AA29" s="277"/>
      <c r="AB29" s="72">
        <v>14</v>
      </c>
      <c r="AC29" s="72">
        <v>10</v>
      </c>
      <c r="AD29" s="72">
        <v>8</v>
      </c>
      <c r="AE29" s="72">
        <v>6</v>
      </c>
      <c r="AF29" s="72">
        <v>6</v>
      </c>
      <c r="AG29" s="73">
        <v>44</v>
      </c>
      <c r="AH29" s="74">
        <v>58</v>
      </c>
      <c r="AI29" s="71">
        <v>19</v>
      </c>
      <c r="AJ29" s="72">
        <v>12</v>
      </c>
      <c r="AK29" s="73">
        <v>31</v>
      </c>
      <c r="AL29" s="277"/>
      <c r="AM29" s="72">
        <v>20</v>
      </c>
      <c r="AN29" s="72">
        <v>15</v>
      </c>
      <c r="AO29" s="72">
        <v>16</v>
      </c>
      <c r="AP29" s="72">
        <v>11</v>
      </c>
      <c r="AQ29" s="72">
        <v>7</v>
      </c>
      <c r="AR29" s="73">
        <v>69</v>
      </c>
      <c r="AS29" s="74">
        <v>100</v>
      </c>
      <c r="AT29" s="71">
        <v>21</v>
      </c>
      <c r="AU29" s="72">
        <v>11</v>
      </c>
      <c r="AV29" s="73">
        <v>32</v>
      </c>
      <c r="AW29" s="277"/>
      <c r="AX29" s="72">
        <v>35</v>
      </c>
      <c r="AY29" s="72">
        <v>22</v>
      </c>
      <c r="AZ29" s="72">
        <v>22</v>
      </c>
      <c r="BA29" s="72">
        <v>12</v>
      </c>
      <c r="BB29" s="72">
        <v>7</v>
      </c>
      <c r="BC29" s="73">
        <v>98</v>
      </c>
      <c r="BD29" s="74">
        <v>130</v>
      </c>
      <c r="BE29" s="71">
        <v>23</v>
      </c>
      <c r="BF29" s="72">
        <v>17</v>
      </c>
      <c r="BG29" s="73">
        <v>40</v>
      </c>
      <c r="BH29" s="277"/>
      <c r="BI29" s="72">
        <v>35</v>
      </c>
      <c r="BJ29" s="72">
        <v>30</v>
      </c>
      <c r="BK29" s="72">
        <v>21</v>
      </c>
      <c r="BL29" s="72">
        <v>18</v>
      </c>
      <c r="BM29" s="72">
        <v>6</v>
      </c>
      <c r="BN29" s="73">
        <v>110</v>
      </c>
      <c r="BO29" s="74">
        <v>150</v>
      </c>
      <c r="BP29" s="71">
        <v>16</v>
      </c>
      <c r="BQ29" s="72">
        <v>13</v>
      </c>
      <c r="BR29" s="73">
        <v>29</v>
      </c>
      <c r="BS29" s="277"/>
      <c r="BT29" s="72">
        <v>33</v>
      </c>
      <c r="BU29" s="72">
        <v>26</v>
      </c>
      <c r="BV29" s="72">
        <v>20</v>
      </c>
      <c r="BW29" s="72">
        <v>18</v>
      </c>
      <c r="BX29" s="72">
        <v>5</v>
      </c>
      <c r="BY29" s="73">
        <v>102</v>
      </c>
      <c r="BZ29" s="74">
        <v>131</v>
      </c>
      <c r="CA29" s="71">
        <v>2</v>
      </c>
      <c r="CB29" s="72">
        <v>1</v>
      </c>
      <c r="CC29" s="73">
        <v>3</v>
      </c>
      <c r="CD29" s="277"/>
      <c r="CE29" s="72">
        <v>4</v>
      </c>
      <c r="CF29" s="72">
        <v>2</v>
      </c>
      <c r="CG29" s="72">
        <v>1</v>
      </c>
      <c r="CH29" s="72">
        <v>4</v>
      </c>
      <c r="CI29" s="72">
        <v>2</v>
      </c>
      <c r="CJ29" s="73">
        <v>13</v>
      </c>
      <c r="CK29" s="74">
        <v>16</v>
      </c>
      <c r="CL29" s="71">
        <v>95</v>
      </c>
      <c r="CM29" s="72">
        <v>60</v>
      </c>
      <c r="CN29" s="73">
        <v>155</v>
      </c>
      <c r="CO29" s="277"/>
      <c r="CP29" s="72">
        <v>149</v>
      </c>
      <c r="CQ29" s="72">
        <v>110</v>
      </c>
      <c r="CR29" s="72">
        <v>94</v>
      </c>
      <c r="CS29" s="72">
        <v>70</v>
      </c>
      <c r="CT29" s="72">
        <v>34</v>
      </c>
      <c r="CU29" s="73">
        <v>457</v>
      </c>
      <c r="CV29" s="74">
        <v>612</v>
      </c>
      <c r="CW29" s="127">
        <v>180</v>
      </c>
      <c r="CX29" s="83">
        <v>172</v>
      </c>
      <c r="CY29" s="84">
        <v>352</v>
      </c>
      <c r="CZ29" s="274"/>
      <c r="DA29" s="83">
        <v>259</v>
      </c>
      <c r="DB29" s="83">
        <v>191</v>
      </c>
      <c r="DC29" s="83">
        <v>142</v>
      </c>
      <c r="DD29" s="83">
        <v>153</v>
      </c>
      <c r="DE29" s="83">
        <v>131</v>
      </c>
      <c r="DF29" s="85">
        <v>876</v>
      </c>
      <c r="DG29" s="86">
        <v>1228</v>
      </c>
      <c r="DH29" s="71">
        <v>6</v>
      </c>
      <c r="DI29" s="72">
        <v>4</v>
      </c>
      <c r="DJ29" s="73">
        <v>10</v>
      </c>
      <c r="DK29" s="277"/>
      <c r="DL29" s="72">
        <v>5</v>
      </c>
      <c r="DM29" s="72">
        <v>4</v>
      </c>
      <c r="DN29" s="72">
        <v>3</v>
      </c>
      <c r="DO29" s="72">
        <v>1</v>
      </c>
      <c r="DP29" s="72">
        <v>3</v>
      </c>
      <c r="DQ29" s="73">
        <v>16</v>
      </c>
      <c r="DR29" s="74">
        <v>26</v>
      </c>
      <c r="DS29" s="71">
        <v>11</v>
      </c>
      <c r="DT29" s="72">
        <v>9</v>
      </c>
      <c r="DU29" s="73">
        <v>20</v>
      </c>
      <c r="DV29" s="277"/>
      <c r="DW29" s="72">
        <v>15</v>
      </c>
      <c r="DX29" s="72">
        <v>11</v>
      </c>
      <c r="DY29" s="72">
        <v>6</v>
      </c>
      <c r="DZ29" s="72">
        <v>5</v>
      </c>
      <c r="EA29" s="72">
        <v>6</v>
      </c>
      <c r="EB29" s="73">
        <v>43</v>
      </c>
      <c r="EC29" s="74">
        <v>63</v>
      </c>
      <c r="ED29" s="71">
        <v>34</v>
      </c>
      <c r="EE29" s="72">
        <v>20</v>
      </c>
      <c r="EF29" s="73">
        <v>54</v>
      </c>
      <c r="EG29" s="277"/>
      <c r="EH29" s="72">
        <v>37</v>
      </c>
      <c r="EI29" s="72">
        <v>20</v>
      </c>
      <c r="EJ29" s="72">
        <v>14</v>
      </c>
      <c r="EK29" s="72">
        <v>7</v>
      </c>
      <c r="EL29" s="72">
        <v>12</v>
      </c>
      <c r="EM29" s="73">
        <v>90</v>
      </c>
      <c r="EN29" s="74">
        <v>144</v>
      </c>
      <c r="EO29" s="71">
        <v>45</v>
      </c>
      <c r="EP29" s="72">
        <v>46</v>
      </c>
      <c r="EQ29" s="73">
        <v>91</v>
      </c>
      <c r="ER29" s="277"/>
      <c r="ES29" s="72">
        <v>54</v>
      </c>
      <c r="ET29" s="72">
        <v>31</v>
      </c>
      <c r="EU29" s="72">
        <v>28</v>
      </c>
      <c r="EV29" s="72">
        <v>19</v>
      </c>
      <c r="EW29" s="72">
        <v>25</v>
      </c>
      <c r="EX29" s="73">
        <v>157</v>
      </c>
      <c r="EY29" s="74">
        <v>248</v>
      </c>
      <c r="EZ29" s="71">
        <v>51</v>
      </c>
      <c r="FA29" s="72">
        <v>54</v>
      </c>
      <c r="FB29" s="73">
        <v>105</v>
      </c>
      <c r="FC29" s="277"/>
      <c r="FD29" s="72">
        <v>80</v>
      </c>
      <c r="FE29" s="72">
        <v>44</v>
      </c>
      <c r="FF29" s="72">
        <v>32</v>
      </c>
      <c r="FG29" s="72">
        <v>46</v>
      </c>
      <c r="FH29" s="72">
        <v>22</v>
      </c>
      <c r="FI29" s="73">
        <v>224</v>
      </c>
      <c r="FJ29" s="74">
        <v>329</v>
      </c>
      <c r="FK29" s="71">
        <v>33</v>
      </c>
      <c r="FL29" s="72">
        <v>39</v>
      </c>
      <c r="FM29" s="73">
        <v>72</v>
      </c>
      <c r="FN29" s="277"/>
      <c r="FO29" s="72">
        <v>68</v>
      </c>
      <c r="FP29" s="72">
        <v>81</v>
      </c>
      <c r="FQ29" s="72">
        <v>59</v>
      </c>
      <c r="FR29" s="72">
        <v>75</v>
      </c>
      <c r="FS29" s="72">
        <v>63</v>
      </c>
      <c r="FT29" s="73">
        <v>346</v>
      </c>
      <c r="FU29" s="74">
        <v>418</v>
      </c>
      <c r="FV29" s="71">
        <v>2</v>
      </c>
      <c r="FW29" s="72">
        <v>2</v>
      </c>
      <c r="FX29" s="73">
        <v>4</v>
      </c>
      <c r="FY29" s="277"/>
      <c r="FZ29" s="72">
        <v>4</v>
      </c>
      <c r="GA29" s="72">
        <v>5</v>
      </c>
      <c r="GB29" s="72">
        <v>1</v>
      </c>
      <c r="GC29" s="72">
        <v>3</v>
      </c>
      <c r="GD29" s="72">
        <v>2</v>
      </c>
      <c r="GE29" s="73">
        <v>15</v>
      </c>
      <c r="GF29" s="74">
        <v>19</v>
      </c>
      <c r="GG29" s="71">
        <v>182</v>
      </c>
      <c r="GH29" s="72">
        <v>174</v>
      </c>
      <c r="GI29" s="73">
        <v>356</v>
      </c>
      <c r="GJ29" s="277"/>
      <c r="GK29" s="72">
        <v>263</v>
      </c>
      <c r="GL29" s="72">
        <v>196</v>
      </c>
      <c r="GM29" s="72">
        <v>143</v>
      </c>
      <c r="GN29" s="72">
        <v>156</v>
      </c>
      <c r="GO29" s="72">
        <v>133</v>
      </c>
      <c r="GP29" s="73">
        <v>891</v>
      </c>
      <c r="GQ29" s="74">
        <v>1247</v>
      </c>
      <c r="GR29" s="127">
        <v>273</v>
      </c>
      <c r="GS29" s="83">
        <v>231</v>
      </c>
      <c r="GT29" s="84">
        <v>504</v>
      </c>
      <c r="GU29" s="274"/>
      <c r="GV29" s="83">
        <v>404</v>
      </c>
      <c r="GW29" s="83">
        <v>299</v>
      </c>
      <c r="GX29" s="83">
        <v>235</v>
      </c>
      <c r="GY29" s="83">
        <v>219</v>
      </c>
      <c r="GZ29" s="83">
        <v>163</v>
      </c>
      <c r="HA29" s="85">
        <v>1320</v>
      </c>
      <c r="HB29" s="86">
        <v>1824</v>
      </c>
      <c r="HC29" s="71">
        <v>10</v>
      </c>
      <c r="HD29" s="72">
        <v>6</v>
      </c>
      <c r="HE29" s="73">
        <v>16</v>
      </c>
      <c r="HF29" s="277"/>
      <c r="HG29" s="72">
        <v>13</v>
      </c>
      <c r="HH29" s="72">
        <v>9</v>
      </c>
      <c r="HI29" s="72">
        <v>9</v>
      </c>
      <c r="HJ29" s="72">
        <v>2</v>
      </c>
      <c r="HK29" s="72">
        <v>4</v>
      </c>
      <c r="HL29" s="73">
        <v>37</v>
      </c>
      <c r="HM29" s="74">
        <v>53</v>
      </c>
      <c r="HN29" s="71">
        <v>21</v>
      </c>
      <c r="HO29" s="72">
        <v>13</v>
      </c>
      <c r="HP29" s="73">
        <v>34</v>
      </c>
      <c r="HQ29" s="277"/>
      <c r="HR29" s="72">
        <v>29</v>
      </c>
      <c r="HS29" s="72">
        <v>21</v>
      </c>
      <c r="HT29" s="72">
        <v>14</v>
      </c>
      <c r="HU29" s="72">
        <v>11</v>
      </c>
      <c r="HV29" s="72">
        <v>12</v>
      </c>
      <c r="HW29" s="73">
        <v>87</v>
      </c>
      <c r="HX29" s="74">
        <v>121</v>
      </c>
      <c r="HY29" s="71">
        <v>53</v>
      </c>
      <c r="HZ29" s="72">
        <v>32</v>
      </c>
      <c r="IA29" s="73">
        <v>85</v>
      </c>
      <c r="IB29" s="277"/>
      <c r="IC29" s="72">
        <v>57</v>
      </c>
      <c r="ID29" s="72">
        <v>35</v>
      </c>
      <c r="IE29" s="72">
        <v>30</v>
      </c>
      <c r="IF29" s="72">
        <v>18</v>
      </c>
      <c r="IG29" s="72">
        <v>19</v>
      </c>
      <c r="IH29" s="73">
        <v>159</v>
      </c>
      <c r="II29" s="74">
        <v>244</v>
      </c>
      <c r="IJ29" s="71">
        <v>66</v>
      </c>
      <c r="IK29" s="72">
        <v>57</v>
      </c>
      <c r="IL29" s="73">
        <v>123</v>
      </c>
      <c r="IM29" s="277">
        <v>0</v>
      </c>
      <c r="IN29" s="72">
        <v>89</v>
      </c>
      <c r="IO29" s="72">
        <v>53</v>
      </c>
      <c r="IP29" s="72">
        <v>50</v>
      </c>
      <c r="IQ29" s="72">
        <v>31</v>
      </c>
      <c r="IR29" s="72">
        <v>32</v>
      </c>
      <c r="IS29" s="73">
        <v>255</v>
      </c>
      <c r="IT29" s="74">
        <v>378</v>
      </c>
      <c r="IU29" s="71">
        <v>74</v>
      </c>
      <c r="IV29" s="72">
        <v>71</v>
      </c>
      <c r="IW29" s="73">
        <v>145</v>
      </c>
      <c r="IX29" s="277"/>
      <c r="IY29" s="72">
        <v>115</v>
      </c>
      <c r="IZ29" s="72">
        <v>74</v>
      </c>
      <c r="JA29" s="72">
        <v>53</v>
      </c>
      <c r="JB29" s="72">
        <v>64</v>
      </c>
      <c r="JC29" s="72">
        <v>28</v>
      </c>
      <c r="JD29" s="73">
        <v>334</v>
      </c>
      <c r="JE29" s="74">
        <v>479</v>
      </c>
      <c r="JF29" s="71">
        <v>49</v>
      </c>
      <c r="JG29" s="72">
        <v>52</v>
      </c>
      <c r="JH29" s="73">
        <v>101</v>
      </c>
      <c r="JI29" s="277"/>
      <c r="JJ29" s="72">
        <v>101</v>
      </c>
      <c r="JK29" s="72">
        <v>107</v>
      </c>
      <c r="JL29" s="72">
        <v>79</v>
      </c>
      <c r="JM29" s="72">
        <v>93</v>
      </c>
      <c r="JN29" s="72">
        <v>68</v>
      </c>
      <c r="JO29" s="73">
        <v>448</v>
      </c>
      <c r="JP29" s="74">
        <v>549</v>
      </c>
      <c r="JQ29" s="71">
        <v>4</v>
      </c>
      <c r="JR29" s="72">
        <v>3</v>
      </c>
      <c r="JS29" s="73">
        <v>7</v>
      </c>
      <c r="JT29" s="277"/>
      <c r="JU29" s="72">
        <v>8</v>
      </c>
      <c r="JV29" s="72">
        <v>7</v>
      </c>
      <c r="JW29" s="72">
        <v>2</v>
      </c>
      <c r="JX29" s="72">
        <v>7</v>
      </c>
      <c r="JY29" s="72">
        <v>4</v>
      </c>
      <c r="JZ29" s="73">
        <v>28</v>
      </c>
      <c r="KA29" s="74">
        <v>35</v>
      </c>
      <c r="KB29" s="71">
        <v>277</v>
      </c>
      <c r="KC29" s="72">
        <v>234</v>
      </c>
      <c r="KD29" s="73">
        <v>511</v>
      </c>
      <c r="KE29" s="277"/>
      <c r="KF29" s="72">
        <v>412</v>
      </c>
      <c r="KG29" s="72">
        <v>306</v>
      </c>
      <c r="KH29" s="72">
        <v>237</v>
      </c>
      <c r="KI29" s="72">
        <v>226</v>
      </c>
      <c r="KJ29" s="72">
        <v>167</v>
      </c>
      <c r="KK29" s="73">
        <v>1348</v>
      </c>
      <c r="KL29" s="74">
        <v>1859</v>
      </c>
    </row>
    <row r="30" spans="1:298" ht="19.5" customHeight="1" x14ac:dyDescent="0.2">
      <c r="A30" s="130" t="s">
        <v>27</v>
      </c>
      <c r="B30" s="347">
        <v>81</v>
      </c>
      <c r="C30" s="83">
        <v>104</v>
      </c>
      <c r="D30" s="84">
        <v>185</v>
      </c>
      <c r="E30" s="274"/>
      <c r="F30" s="83">
        <v>103</v>
      </c>
      <c r="G30" s="83">
        <v>85</v>
      </c>
      <c r="H30" s="83">
        <v>77</v>
      </c>
      <c r="I30" s="83">
        <v>66</v>
      </c>
      <c r="J30" s="83">
        <v>27</v>
      </c>
      <c r="K30" s="85">
        <v>358</v>
      </c>
      <c r="L30" s="86">
        <v>543</v>
      </c>
      <c r="M30" s="71">
        <v>4</v>
      </c>
      <c r="N30" s="72">
        <v>2</v>
      </c>
      <c r="O30" s="73">
        <v>6</v>
      </c>
      <c r="P30" s="277"/>
      <c r="Q30" s="72">
        <v>1</v>
      </c>
      <c r="R30" s="72">
        <v>8</v>
      </c>
      <c r="S30" s="72">
        <v>2</v>
      </c>
      <c r="T30" s="72">
        <v>0</v>
      </c>
      <c r="U30" s="72">
        <v>1</v>
      </c>
      <c r="V30" s="73">
        <v>12</v>
      </c>
      <c r="W30" s="74">
        <v>18</v>
      </c>
      <c r="X30" s="71">
        <v>10</v>
      </c>
      <c r="Y30" s="72">
        <v>11</v>
      </c>
      <c r="Z30" s="73">
        <v>21</v>
      </c>
      <c r="AA30" s="277"/>
      <c r="AB30" s="72">
        <v>11</v>
      </c>
      <c r="AC30" s="72">
        <v>15</v>
      </c>
      <c r="AD30" s="72">
        <v>11</v>
      </c>
      <c r="AE30" s="72">
        <v>8</v>
      </c>
      <c r="AF30" s="72">
        <v>2</v>
      </c>
      <c r="AG30" s="73">
        <v>47</v>
      </c>
      <c r="AH30" s="74">
        <v>68</v>
      </c>
      <c r="AI30" s="71">
        <v>11</v>
      </c>
      <c r="AJ30" s="72">
        <v>16</v>
      </c>
      <c r="AK30" s="73">
        <v>27</v>
      </c>
      <c r="AL30" s="277"/>
      <c r="AM30" s="72">
        <v>14</v>
      </c>
      <c r="AN30" s="72">
        <v>17</v>
      </c>
      <c r="AO30" s="72">
        <v>12</v>
      </c>
      <c r="AP30" s="72">
        <v>5</v>
      </c>
      <c r="AQ30" s="72">
        <v>6</v>
      </c>
      <c r="AR30" s="73">
        <v>54</v>
      </c>
      <c r="AS30" s="74">
        <v>81</v>
      </c>
      <c r="AT30" s="71">
        <v>23</v>
      </c>
      <c r="AU30" s="72">
        <v>28</v>
      </c>
      <c r="AV30" s="73">
        <v>51</v>
      </c>
      <c r="AW30" s="277"/>
      <c r="AX30" s="72">
        <v>32</v>
      </c>
      <c r="AY30" s="72">
        <v>12</v>
      </c>
      <c r="AZ30" s="72">
        <v>14</v>
      </c>
      <c r="BA30" s="72">
        <v>12</v>
      </c>
      <c r="BB30" s="72">
        <v>9</v>
      </c>
      <c r="BC30" s="73">
        <v>79</v>
      </c>
      <c r="BD30" s="74">
        <v>130</v>
      </c>
      <c r="BE30" s="71">
        <v>19</v>
      </c>
      <c r="BF30" s="72">
        <v>25</v>
      </c>
      <c r="BG30" s="73">
        <v>44</v>
      </c>
      <c r="BH30" s="277"/>
      <c r="BI30" s="72">
        <v>26</v>
      </c>
      <c r="BJ30" s="72">
        <v>23</v>
      </c>
      <c r="BK30" s="72">
        <v>20</v>
      </c>
      <c r="BL30" s="72">
        <v>20</v>
      </c>
      <c r="BM30" s="72">
        <v>4</v>
      </c>
      <c r="BN30" s="73">
        <v>93</v>
      </c>
      <c r="BO30" s="74">
        <v>137</v>
      </c>
      <c r="BP30" s="71">
        <v>14</v>
      </c>
      <c r="BQ30" s="72">
        <v>22</v>
      </c>
      <c r="BR30" s="73">
        <v>36</v>
      </c>
      <c r="BS30" s="277"/>
      <c r="BT30" s="72">
        <v>19</v>
      </c>
      <c r="BU30" s="72">
        <v>10</v>
      </c>
      <c r="BV30" s="72">
        <v>18</v>
      </c>
      <c r="BW30" s="72">
        <v>21</v>
      </c>
      <c r="BX30" s="72">
        <v>5</v>
      </c>
      <c r="BY30" s="73">
        <v>73</v>
      </c>
      <c r="BZ30" s="74">
        <v>109</v>
      </c>
      <c r="CA30" s="71">
        <v>1</v>
      </c>
      <c r="CB30" s="72">
        <v>2</v>
      </c>
      <c r="CC30" s="73">
        <v>3</v>
      </c>
      <c r="CD30" s="277"/>
      <c r="CE30" s="72">
        <v>4</v>
      </c>
      <c r="CF30" s="72">
        <v>2</v>
      </c>
      <c r="CG30" s="72">
        <v>5</v>
      </c>
      <c r="CH30" s="72">
        <v>2</v>
      </c>
      <c r="CI30" s="72">
        <v>2</v>
      </c>
      <c r="CJ30" s="73">
        <v>15</v>
      </c>
      <c r="CK30" s="74">
        <v>18</v>
      </c>
      <c r="CL30" s="71">
        <v>82</v>
      </c>
      <c r="CM30" s="72">
        <v>106</v>
      </c>
      <c r="CN30" s="73">
        <v>188</v>
      </c>
      <c r="CO30" s="277"/>
      <c r="CP30" s="72">
        <v>107</v>
      </c>
      <c r="CQ30" s="72">
        <v>87</v>
      </c>
      <c r="CR30" s="72">
        <v>82</v>
      </c>
      <c r="CS30" s="72">
        <v>68</v>
      </c>
      <c r="CT30" s="72">
        <v>29</v>
      </c>
      <c r="CU30" s="73">
        <v>373</v>
      </c>
      <c r="CV30" s="74">
        <v>561</v>
      </c>
      <c r="CW30" s="127">
        <v>233</v>
      </c>
      <c r="CX30" s="83">
        <v>160</v>
      </c>
      <c r="CY30" s="84">
        <v>393</v>
      </c>
      <c r="CZ30" s="274"/>
      <c r="DA30" s="83">
        <v>195</v>
      </c>
      <c r="DB30" s="83">
        <v>154</v>
      </c>
      <c r="DC30" s="83">
        <v>163</v>
      </c>
      <c r="DD30" s="83">
        <v>137</v>
      </c>
      <c r="DE30" s="83">
        <v>99</v>
      </c>
      <c r="DF30" s="85">
        <v>748</v>
      </c>
      <c r="DG30" s="86">
        <v>1141</v>
      </c>
      <c r="DH30" s="71">
        <v>4</v>
      </c>
      <c r="DI30" s="72">
        <v>4</v>
      </c>
      <c r="DJ30" s="73">
        <v>8</v>
      </c>
      <c r="DK30" s="277"/>
      <c r="DL30" s="72">
        <v>0</v>
      </c>
      <c r="DM30" s="72">
        <v>2</v>
      </c>
      <c r="DN30" s="72">
        <v>1</v>
      </c>
      <c r="DO30" s="72">
        <v>3</v>
      </c>
      <c r="DP30" s="72">
        <v>1</v>
      </c>
      <c r="DQ30" s="73">
        <v>7</v>
      </c>
      <c r="DR30" s="74">
        <v>15</v>
      </c>
      <c r="DS30" s="71">
        <v>15</v>
      </c>
      <c r="DT30" s="72">
        <v>12</v>
      </c>
      <c r="DU30" s="73">
        <v>27</v>
      </c>
      <c r="DV30" s="277"/>
      <c r="DW30" s="72">
        <v>9</v>
      </c>
      <c r="DX30" s="72">
        <v>9</v>
      </c>
      <c r="DY30" s="72">
        <v>12</v>
      </c>
      <c r="DZ30" s="72">
        <v>8</v>
      </c>
      <c r="EA30" s="72">
        <v>3</v>
      </c>
      <c r="EB30" s="73">
        <v>41</v>
      </c>
      <c r="EC30" s="74">
        <v>68</v>
      </c>
      <c r="ED30" s="71">
        <v>30</v>
      </c>
      <c r="EE30" s="72">
        <v>15</v>
      </c>
      <c r="EF30" s="73">
        <v>45</v>
      </c>
      <c r="EG30" s="277"/>
      <c r="EH30" s="72">
        <v>20</v>
      </c>
      <c r="EI30" s="72">
        <v>22</v>
      </c>
      <c r="EJ30" s="72">
        <v>8</v>
      </c>
      <c r="EK30" s="72">
        <v>12</v>
      </c>
      <c r="EL30" s="72">
        <v>11</v>
      </c>
      <c r="EM30" s="73">
        <v>73</v>
      </c>
      <c r="EN30" s="74">
        <v>118</v>
      </c>
      <c r="EO30" s="71">
        <v>61</v>
      </c>
      <c r="EP30" s="72">
        <v>43</v>
      </c>
      <c r="EQ30" s="73">
        <v>104</v>
      </c>
      <c r="ER30" s="277"/>
      <c r="ES30" s="72">
        <v>37</v>
      </c>
      <c r="ET30" s="72">
        <v>26</v>
      </c>
      <c r="EU30" s="72">
        <v>27</v>
      </c>
      <c r="EV30" s="72">
        <v>23</v>
      </c>
      <c r="EW30" s="72">
        <v>26</v>
      </c>
      <c r="EX30" s="73">
        <v>139</v>
      </c>
      <c r="EY30" s="74">
        <v>243</v>
      </c>
      <c r="EZ30" s="71">
        <v>78</v>
      </c>
      <c r="FA30" s="72">
        <v>48</v>
      </c>
      <c r="FB30" s="73">
        <v>126</v>
      </c>
      <c r="FC30" s="277"/>
      <c r="FD30" s="72">
        <v>63</v>
      </c>
      <c r="FE30" s="72">
        <v>44</v>
      </c>
      <c r="FF30" s="72">
        <v>41</v>
      </c>
      <c r="FG30" s="72">
        <v>26</v>
      </c>
      <c r="FH30" s="72">
        <v>26</v>
      </c>
      <c r="FI30" s="73">
        <v>200</v>
      </c>
      <c r="FJ30" s="74">
        <v>326</v>
      </c>
      <c r="FK30" s="71">
        <v>45</v>
      </c>
      <c r="FL30" s="72">
        <v>38</v>
      </c>
      <c r="FM30" s="73">
        <v>83</v>
      </c>
      <c r="FN30" s="277"/>
      <c r="FO30" s="72">
        <v>66</v>
      </c>
      <c r="FP30" s="72">
        <v>51</v>
      </c>
      <c r="FQ30" s="72">
        <v>74</v>
      </c>
      <c r="FR30" s="72">
        <v>65</v>
      </c>
      <c r="FS30" s="72">
        <v>32</v>
      </c>
      <c r="FT30" s="73">
        <v>288</v>
      </c>
      <c r="FU30" s="74">
        <v>371</v>
      </c>
      <c r="FV30" s="71">
        <v>0</v>
      </c>
      <c r="FW30" s="72">
        <v>3</v>
      </c>
      <c r="FX30" s="73">
        <v>3</v>
      </c>
      <c r="FY30" s="277"/>
      <c r="FZ30" s="72">
        <v>3</v>
      </c>
      <c r="GA30" s="72">
        <v>2</v>
      </c>
      <c r="GB30" s="72">
        <v>1</v>
      </c>
      <c r="GC30" s="72">
        <v>1</v>
      </c>
      <c r="GD30" s="72">
        <v>3</v>
      </c>
      <c r="GE30" s="73">
        <v>10</v>
      </c>
      <c r="GF30" s="74">
        <v>13</v>
      </c>
      <c r="GG30" s="71">
        <v>233</v>
      </c>
      <c r="GH30" s="72">
        <v>163</v>
      </c>
      <c r="GI30" s="73">
        <v>396</v>
      </c>
      <c r="GJ30" s="277"/>
      <c r="GK30" s="72">
        <v>198</v>
      </c>
      <c r="GL30" s="72">
        <v>156</v>
      </c>
      <c r="GM30" s="72">
        <v>164</v>
      </c>
      <c r="GN30" s="72">
        <v>138</v>
      </c>
      <c r="GO30" s="72">
        <v>102</v>
      </c>
      <c r="GP30" s="73">
        <v>758</v>
      </c>
      <c r="GQ30" s="74">
        <v>1154</v>
      </c>
      <c r="GR30" s="127">
        <v>314</v>
      </c>
      <c r="GS30" s="83">
        <v>264</v>
      </c>
      <c r="GT30" s="84">
        <v>578</v>
      </c>
      <c r="GU30" s="274"/>
      <c r="GV30" s="83">
        <v>298</v>
      </c>
      <c r="GW30" s="83">
        <v>239</v>
      </c>
      <c r="GX30" s="83">
        <v>240</v>
      </c>
      <c r="GY30" s="83">
        <v>203</v>
      </c>
      <c r="GZ30" s="83">
        <v>126</v>
      </c>
      <c r="HA30" s="85">
        <v>1106</v>
      </c>
      <c r="HB30" s="86">
        <v>1684</v>
      </c>
      <c r="HC30" s="71">
        <v>8</v>
      </c>
      <c r="HD30" s="72">
        <v>6</v>
      </c>
      <c r="HE30" s="73">
        <v>14</v>
      </c>
      <c r="HF30" s="277"/>
      <c r="HG30" s="72">
        <v>1</v>
      </c>
      <c r="HH30" s="72">
        <v>10</v>
      </c>
      <c r="HI30" s="72">
        <v>3</v>
      </c>
      <c r="HJ30" s="72">
        <v>3</v>
      </c>
      <c r="HK30" s="72">
        <v>2</v>
      </c>
      <c r="HL30" s="73">
        <v>19</v>
      </c>
      <c r="HM30" s="74">
        <v>33</v>
      </c>
      <c r="HN30" s="71">
        <v>25</v>
      </c>
      <c r="HO30" s="72">
        <v>23</v>
      </c>
      <c r="HP30" s="73">
        <v>48</v>
      </c>
      <c r="HQ30" s="277"/>
      <c r="HR30" s="72">
        <v>20</v>
      </c>
      <c r="HS30" s="72">
        <v>24</v>
      </c>
      <c r="HT30" s="72">
        <v>23</v>
      </c>
      <c r="HU30" s="72">
        <v>16</v>
      </c>
      <c r="HV30" s="72">
        <v>5</v>
      </c>
      <c r="HW30" s="73">
        <v>88</v>
      </c>
      <c r="HX30" s="74">
        <v>136</v>
      </c>
      <c r="HY30" s="71">
        <v>41</v>
      </c>
      <c r="HZ30" s="72">
        <v>31</v>
      </c>
      <c r="IA30" s="73">
        <v>72</v>
      </c>
      <c r="IB30" s="277"/>
      <c r="IC30" s="72">
        <v>34</v>
      </c>
      <c r="ID30" s="72">
        <v>39</v>
      </c>
      <c r="IE30" s="72">
        <v>20</v>
      </c>
      <c r="IF30" s="72">
        <v>17</v>
      </c>
      <c r="IG30" s="72">
        <v>17</v>
      </c>
      <c r="IH30" s="73">
        <v>127</v>
      </c>
      <c r="II30" s="74">
        <v>199</v>
      </c>
      <c r="IJ30" s="71">
        <v>84</v>
      </c>
      <c r="IK30" s="72">
        <v>71</v>
      </c>
      <c r="IL30" s="73">
        <v>155</v>
      </c>
      <c r="IM30" s="277">
        <v>0</v>
      </c>
      <c r="IN30" s="72">
        <v>69</v>
      </c>
      <c r="IO30" s="72">
        <v>38</v>
      </c>
      <c r="IP30" s="72">
        <v>41</v>
      </c>
      <c r="IQ30" s="72">
        <v>35</v>
      </c>
      <c r="IR30" s="72">
        <v>35</v>
      </c>
      <c r="IS30" s="73">
        <v>218</v>
      </c>
      <c r="IT30" s="74">
        <v>373</v>
      </c>
      <c r="IU30" s="71">
        <v>97</v>
      </c>
      <c r="IV30" s="72">
        <v>73</v>
      </c>
      <c r="IW30" s="73">
        <v>170</v>
      </c>
      <c r="IX30" s="277"/>
      <c r="IY30" s="72">
        <v>89</v>
      </c>
      <c r="IZ30" s="72">
        <v>67</v>
      </c>
      <c r="JA30" s="72">
        <v>61</v>
      </c>
      <c r="JB30" s="72">
        <v>46</v>
      </c>
      <c r="JC30" s="72">
        <v>30</v>
      </c>
      <c r="JD30" s="73">
        <v>293</v>
      </c>
      <c r="JE30" s="74">
        <v>463</v>
      </c>
      <c r="JF30" s="71">
        <v>59</v>
      </c>
      <c r="JG30" s="72">
        <v>60</v>
      </c>
      <c r="JH30" s="73">
        <v>119</v>
      </c>
      <c r="JI30" s="277"/>
      <c r="JJ30" s="72">
        <v>85</v>
      </c>
      <c r="JK30" s="72">
        <v>61</v>
      </c>
      <c r="JL30" s="72">
        <v>92</v>
      </c>
      <c r="JM30" s="72">
        <v>86</v>
      </c>
      <c r="JN30" s="72">
        <v>37</v>
      </c>
      <c r="JO30" s="73">
        <v>361</v>
      </c>
      <c r="JP30" s="74">
        <v>480</v>
      </c>
      <c r="JQ30" s="71">
        <v>1</v>
      </c>
      <c r="JR30" s="72">
        <v>5</v>
      </c>
      <c r="JS30" s="73">
        <v>6</v>
      </c>
      <c r="JT30" s="277"/>
      <c r="JU30" s="72">
        <v>7</v>
      </c>
      <c r="JV30" s="72">
        <v>4</v>
      </c>
      <c r="JW30" s="72">
        <v>6</v>
      </c>
      <c r="JX30" s="72">
        <v>3</v>
      </c>
      <c r="JY30" s="72">
        <v>5</v>
      </c>
      <c r="JZ30" s="73">
        <v>25</v>
      </c>
      <c r="KA30" s="74">
        <v>31</v>
      </c>
      <c r="KB30" s="71">
        <v>315</v>
      </c>
      <c r="KC30" s="72">
        <v>269</v>
      </c>
      <c r="KD30" s="73">
        <v>584</v>
      </c>
      <c r="KE30" s="277"/>
      <c r="KF30" s="72">
        <v>305</v>
      </c>
      <c r="KG30" s="72">
        <v>243</v>
      </c>
      <c r="KH30" s="72">
        <v>246</v>
      </c>
      <c r="KI30" s="72">
        <v>206</v>
      </c>
      <c r="KJ30" s="72">
        <v>131</v>
      </c>
      <c r="KK30" s="73">
        <v>1131</v>
      </c>
      <c r="KL30" s="74">
        <v>1715</v>
      </c>
    </row>
    <row r="31" spans="1:298" ht="19.5" customHeight="1" x14ac:dyDescent="0.2">
      <c r="A31" s="130" t="s">
        <v>28</v>
      </c>
      <c r="B31" s="347">
        <v>17</v>
      </c>
      <c r="C31" s="83">
        <v>16</v>
      </c>
      <c r="D31" s="84">
        <v>33</v>
      </c>
      <c r="E31" s="274"/>
      <c r="F31" s="83">
        <v>33</v>
      </c>
      <c r="G31" s="83">
        <v>46</v>
      </c>
      <c r="H31" s="83">
        <v>23</v>
      </c>
      <c r="I31" s="83">
        <v>15</v>
      </c>
      <c r="J31" s="83">
        <v>8</v>
      </c>
      <c r="K31" s="85">
        <v>125</v>
      </c>
      <c r="L31" s="86">
        <v>158</v>
      </c>
      <c r="M31" s="71">
        <v>0</v>
      </c>
      <c r="N31" s="72">
        <v>2</v>
      </c>
      <c r="O31" s="73">
        <v>2</v>
      </c>
      <c r="P31" s="277"/>
      <c r="Q31" s="72">
        <v>1</v>
      </c>
      <c r="R31" s="72">
        <v>1</v>
      </c>
      <c r="S31" s="72">
        <v>2</v>
      </c>
      <c r="T31" s="72">
        <v>0</v>
      </c>
      <c r="U31" s="72">
        <v>2</v>
      </c>
      <c r="V31" s="73">
        <v>6</v>
      </c>
      <c r="W31" s="74">
        <v>8</v>
      </c>
      <c r="X31" s="71">
        <v>2</v>
      </c>
      <c r="Y31" s="72">
        <v>3</v>
      </c>
      <c r="Z31" s="73">
        <v>5</v>
      </c>
      <c r="AA31" s="277"/>
      <c r="AB31" s="72">
        <v>2</v>
      </c>
      <c r="AC31" s="72">
        <v>8</v>
      </c>
      <c r="AD31" s="72">
        <v>3</v>
      </c>
      <c r="AE31" s="72">
        <v>2</v>
      </c>
      <c r="AF31" s="72">
        <v>0</v>
      </c>
      <c r="AG31" s="73">
        <v>15</v>
      </c>
      <c r="AH31" s="74">
        <v>20</v>
      </c>
      <c r="AI31" s="71">
        <v>5</v>
      </c>
      <c r="AJ31" s="72">
        <v>4</v>
      </c>
      <c r="AK31" s="73">
        <v>9</v>
      </c>
      <c r="AL31" s="277"/>
      <c r="AM31" s="72">
        <v>5</v>
      </c>
      <c r="AN31" s="72">
        <v>8</v>
      </c>
      <c r="AO31" s="72">
        <v>2</v>
      </c>
      <c r="AP31" s="72">
        <v>3</v>
      </c>
      <c r="AQ31" s="72">
        <v>1</v>
      </c>
      <c r="AR31" s="73">
        <v>19</v>
      </c>
      <c r="AS31" s="74">
        <v>28</v>
      </c>
      <c r="AT31" s="71">
        <v>6</v>
      </c>
      <c r="AU31" s="72">
        <v>4</v>
      </c>
      <c r="AV31" s="73">
        <v>10</v>
      </c>
      <c r="AW31" s="277"/>
      <c r="AX31" s="72">
        <v>8</v>
      </c>
      <c r="AY31" s="72">
        <v>8</v>
      </c>
      <c r="AZ31" s="72">
        <v>2</v>
      </c>
      <c r="BA31" s="72">
        <v>3</v>
      </c>
      <c r="BB31" s="72">
        <v>2</v>
      </c>
      <c r="BC31" s="73">
        <v>23</v>
      </c>
      <c r="BD31" s="74">
        <v>33</v>
      </c>
      <c r="BE31" s="71">
        <v>3</v>
      </c>
      <c r="BF31" s="72">
        <v>3</v>
      </c>
      <c r="BG31" s="73">
        <v>6</v>
      </c>
      <c r="BH31" s="277"/>
      <c r="BI31" s="72">
        <v>14</v>
      </c>
      <c r="BJ31" s="72">
        <v>4</v>
      </c>
      <c r="BK31" s="72">
        <v>7</v>
      </c>
      <c r="BL31" s="72">
        <v>5</v>
      </c>
      <c r="BM31" s="72">
        <v>2</v>
      </c>
      <c r="BN31" s="73">
        <v>32</v>
      </c>
      <c r="BO31" s="74">
        <v>38</v>
      </c>
      <c r="BP31" s="71">
        <v>1</v>
      </c>
      <c r="BQ31" s="72">
        <v>0</v>
      </c>
      <c r="BR31" s="73">
        <v>1</v>
      </c>
      <c r="BS31" s="277"/>
      <c r="BT31" s="72">
        <v>3</v>
      </c>
      <c r="BU31" s="72">
        <v>17</v>
      </c>
      <c r="BV31" s="72">
        <v>7</v>
      </c>
      <c r="BW31" s="72">
        <v>2</v>
      </c>
      <c r="BX31" s="72">
        <v>1</v>
      </c>
      <c r="BY31" s="73">
        <v>30</v>
      </c>
      <c r="BZ31" s="74">
        <v>31</v>
      </c>
      <c r="CA31" s="71">
        <v>0</v>
      </c>
      <c r="CB31" s="72">
        <v>1</v>
      </c>
      <c r="CC31" s="73">
        <v>1</v>
      </c>
      <c r="CD31" s="277"/>
      <c r="CE31" s="72">
        <v>0</v>
      </c>
      <c r="CF31" s="72">
        <v>1</v>
      </c>
      <c r="CG31" s="72">
        <v>0</v>
      </c>
      <c r="CH31" s="72">
        <v>1</v>
      </c>
      <c r="CI31" s="72">
        <v>3</v>
      </c>
      <c r="CJ31" s="73">
        <v>5</v>
      </c>
      <c r="CK31" s="74">
        <v>6</v>
      </c>
      <c r="CL31" s="71">
        <v>17</v>
      </c>
      <c r="CM31" s="72">
        <v>17</v>
      </c>
      <c r="CN31" s="73">
        <v>34</v>
      </c>
      <c r="CO31" s="277"/>
      <c r="CP31" s="72">
        <v>33</v>
      </c>
      <c r="CQ31" s="72">
        <v>47</v>
      </c>
      <c r="CR31" s="72">
        <v>23</v>
      </c>
      <c r="CS31" s="72">
        <v>16</v>
      </c>
      <c r="CT31" s="72">
        <v>11</v>
      </c>
      <c r="CU31" s="73">
        <v>130</v>
      </c>
      <c r="CV31" s="74">
        <v>164</v>
      </c>
      <c r="CW31" s="127">
        <v>24</v>
      </c>
      <c r="CX31" s="83">
        <v>30</v>
      </c>
      <c r="CY31" s="84">
        <v>54</v>
      </c>
      <c r="CZ31" s="274"/>
      <c r="DA31" s="83">
        <v>55</v>
      </c>
      <c r="DB31" s="83">
        <v>71</v>
      </c>
      <c r="DC31" s="83">
        <v>43</v>
      </c>
      <c r="DD31" s="83">
        <v>48</v>
      </c>
      <c r="DE31" s="83">
        <v>35</v>
      </c>
      <c r="DF31" s="85">
        <v>252</v>
      </c>
      <c r="DG31" s="86">
        <v>306</v>
      </c>
      <c r="DH31" s="71">
        <v>3</v>
      </c>
      <c r="DI31" s="72">
        <v>3</v>
      </c>
      <c r="DJ31" s="73">
        <v>6</v>
      </c>
      <c r="DK31" s="277"/>
      <c r="DL31" s="72">
        <v>2</v>
      </c>
      <c r="DM31" s="72">
        <v>2</v>
      </c>
      <c r="DN31" s="72">
        <v>1</v>
      </c>
      <c r="DO31" s="72">
        <v>0</v>
      </c>
      <c r="DP31" s="72">
        <v>0</v>
      </c>
      <c r="DQ31" s="73">
        <v>5</v>
      </c>
      <c r="DR31" s="74">
        <v>11</v>
      </c>
      <c r="DS31" s="71">
        <v>2</v>
      </c>
      <c r="DT31" s="72">
        <v>3</v>
      </c>
      <c r="DU31" s="73">
        <v>5</v>
      </c>
      <c r="DV31" s="277"/>
      <c r="DW31" s="72">
        <v>2</v>
      </c>
      <c r="DX31" s="72">
        <v>4</v>
      </c>
      <c r="DY31" s="72">
        <v>0</v>
      </c>
      <c r="DZ31" s="72">
        <v>3</v>
      </c>
      <c r="EA31" s="72">
        <v>0</v>
      </c>
      <c r="EB31" s="73">
        <v>9</v>
      </c>
      <c r="EC31" s="74">
        <v>14</v>
      </c>
      <c r="ED31" s="71">
        <v>7</v>
      </c>
      <c r="EE31" s="72">
        <v>4</v>
      </c>
      <c r="EF31" s="73">
        <v>11</v>
      </c>
      <c r="EG31" s="277"/>
      <c r="EH31" s="72">
        <v>10</v>
      </c>
      <c r="EI31" s="72">
        <v>6</v>
      </c>
      <c r="EJ31" s="72">
        <v>7</v>
      </c>
      <c r="EK31" s="72">
        <v>5</v>
      </c>
      <c r="EL31" s="72">
        <v>4</v>
      </c>
      <c r="EM31" s="73">
        <v>32</v>
      </c>
      <c r="EN31" s="74">
        <v>43</v>
      </c>
      <c r="EO31" s="71">
        <v>8</v>
      </c>
      <c r="EP31" s="72">
        <v>6</v>
      </c>
      <c r="EQ31" s="73">
        <v>14</v>
      </c>
      <c r="ER31" s="277"/>
      <c r="ES31" s="72">
        <v>12</v>
      </c>
      <c r="ET31" s="72">
        <v>23</v>
      </c>
      <c r="EU31" s="72">
        <v>4</v>
      </c>
      <c r="EV31" s="72">
        <v>6</v>
      </c>
      <c r="EW31" s="72">
        <v>8</v>
      </c>
      <c r="EX31" s="73">
        <v>53</v>
      </c>
      <c r="EY31" s="74">
        <v>67</v>
      </c>
      <c r="EZ31" s="71">
        <v>3</v>
      </c>
      <c r="FA31" s="72">
        <v>10</v>
      </c>
      <c r="FB31" s="73">
        <v>13</v>
      </c>
      <c r="FC31" s="277"/>
      <c r="FD31" s="72">
        <v>17</v>
      </c>
      <c r="FE31" s="72">
        <v>12</v>
      </c>
      <c r="FF31" s="72">
        <v>12</v>
      </c>
      <c r="FG31" s="72">
        <v>18</v>
      </c>
      <c r="FH31" s="72">
        <v>7</v>
      </c>
      <c r="FI31" s="73">
        <v>66</v>
      </c>
      <c r="FJ31" s="74">
        <v>79</v>
      </c>
      <c r="FK31" s="71">
        <v>1</v>
      </c>
      <c r="FL31" s="72">
        <v>4</v>
      </c>
      <c r="FM31" s="73">
        <v>5</v>
      </c>
      <c r="FN31" s="277"/>
      <c r="FO31" s="72">
        <v>12</v>
      </c>
      <c r="FP31" s="72">
        <v>24</v>
      </c>
      <c r="FQ31" s="72">
        <v>19</v>
      </c>
      <c r="FR31" s="72">
        <v>16</v>
      </c>
      <c r="FS31" s="72">
        <v>16</v>
      </c>
      <c r="FT31" s="73">
        <v>87</v>
      </c>
      <c r="FU31" s="74">
        <v>92</v>
      </c>
      <c r="FV31" s="71">
        <v>0</v>
      </c>
      <c r="FW31" s="72">
        <v>0</v>
      </c>
      <c r="FX31" s="73">
        <v>0</v>
      </c>
      <c r="FY31" s="277"/>
      <c r="FZ31" s="72">
        <v>1</v>
      </c>
      <c r="GA31" s="72">
        <v>1</v>
      </c>
      <c r="GB31" s="72">
        <v>0</v>
      </c>
      <c r="GC31" s="72">
        <v>2</v>
      </c>
      <c r="GD31" s="72">
        <v>1</v>
      </c>
      <c r="GE31" s="73">
        <v>5</v>
      </c>
      <c r="GF31" s="74">
        <v>5</v>
      </c>
      <c r="GG31" s="71">
        <v>24</v>
      </c>
      <c r="GH31" s="72">
        <v>30</v>
      </c>
      <c r="GI31" s="73">
        <v>54</v>
      </c>
      <c r="GJ31" s="277"/>
      <c r="GK31" s="72">
        <v>56</v>
      </c>
      <c r="GL31" s="72">
        <v>72</v>
      </c>
      <c r="GM31" s="72">
        <v>43</v>
      </c>
      <c r="GN31" s="72">
        <v>50</v>
      </c>
      <c r="GO31" s="72">
        <v>36</v>
      </c>
      <c r="GP31" s="73">
        <v>257</v>
      </c>
      <c r="GQ31" s="74">
        <v>311</v>
      </c>
      <c r="GR31" s="127">
        <v>41</v>
      </c>
      <c r="GS31" s="83">
        <v>46</v>
      </c>
      <c r="GT31" s="84">
        <v>87</v>
      </c>
      <c r="GU31" s="274"/>
      <c r="GV31" s="83">
        <v>88</v>
      </c>
      <c r="GW31" s="83">
        <v>117</v>
      </c>
      <c r="GX31" s="83">
        <v>66</v>
      </c>
      <c r="GY31" s="83">
        <v>63</v>
      </c>
      <c r="GZ31" s="83">
        <v>43</v>
      </c>
      <c r="HA31" s="85">
        <v>377</v>
      </c>
      <c r="HB31" s="86">
        <v>464</v>
      </c>
      <c r="HC31" s="71">
        <v>3</v>
      </c>
      <c r="HD31" s="72">
        <v>5</v>
      </c>
      <c r="HE31" s="73">
        <v>8</v>
      </c>
      <c r="HF31" s="277"/>
      <c r="HG31" s="72">
        <v>3</v>
      </c>
      <c r="HH31" s="72">
        <v>3</v>
      </c>
      <c r="HI31" s="72">
        <v>3</v>
      </c>
      <c r="HJ31" s="72">
        <v>0</v>
      </c>
      <c r="HK31" s="72">
        <v>2</v>
      </c>
      <c r="HL31" s="73">
        <v>11</v>
      </c>
      <c r="HM31" s="74">
        <v>19</v>
      </c>
      <c r="HN31" s="71">
        <v>4</v>
      </c>
      <c r="HO31" s="72">
        <v>6</v>
      </c>
      <c r="HP31" s="73">
        <v>10</v>
      </c>
      <c r="HQ31" s="277"/>
      <c r="HR31" s="72">
        <v>4</v>
      </c>
      <c r="HS31" s="72">
        <v>12</v>
      </c>
      <c r="HT31" s="72">
        <v>3</v>
      </c>
      <c r="HU31" s="72">
        <v>5</v>
      </c>
      <c r="HV31" s="72">
        <v>0</v>
      </c>
      <c r="HW31" s="73">
        <v>24</v>
      </c>
      <c r="HX31" s="74">
        <v>34</v>
      </c>
      <c r="HY31" s="71">
        <v>12</v>
      </c>
      <c r="HZ31" s="72">
        <v>8</v>
      </c>
      <c r="IA31" s="73">
        <v>20</v>
      </c>
      <c r="IB31" s="277"/>
      <c r="IC31" s="72">
        <v>15</v>
      </c>
      <c r="ID31" s="72">
        <v>14</v>
      </c>
      <c r="IE31" s="72">
        <v>9</v>
      </c>
      <c r="IF31" s="72">
        <v>8</v>
      </c>
      <c r="IG31" s="72">
        <v>5</v>
      </c>
      <c r="IH31" s="73">
        <v>51</v>
      </c>
      <c r="II31" s="74">
        <v>71</v>
      </c>
      <c r="IJ31" s="71">
        <v>14</v>
      </c>
      <c r="IK31" s="72">
        <v>10</v>
      </c>
      <c r="IL31" s="73">
        <v>24</v>
      </c>
      <c r="IM31" s="277">
        <v>0</v>
      </c>
      <c r="IN31" s="72">
        <v>20</v>
      </c>
      <c r="IO31" s="72">
        <v>31</v>
      </c>
      <c r="IP31" s="72">
        <v>6</v>
      </c>
      <c r="IQ31" s="72">
        <v>9</v>
      </c>
      <c r="IR31" s="72">
        <v>10</v>
      </c>
      <c r="IS31" s="73">
        <v>76</v>
      </c>
      <c r="IT31" s="74">
        <v>100</v>
      </c>
      <c r="IU31" s="71">
        <v>6</v>
      </c>
      <c r="IV31" s="72">
        <v>13</v>
      </c>
      <c r="IW31" s="73">
        <v>19</v>
      </c>
      <c r="IX31" s="277"/>
      <c r="IY31" s="72">
        <v>31</v>
      </c>
      <c r="IZ31" s="72">
        <v>16</v>
      </c>
      <c r="JA31" s="72">
        <v>19</v>
      </c>
      <c r="JB31" s="72">
        <v>23</v>
      </c>
      <c r="JC31" s="72">
        <v>9</v>
      </c>
      <c r="JD31" s="73">
        <v>98</v>
      </c>
      <c r="JE31" s="74">
        <v>117</v>
      </c>
      <c r="JF31" s="71">
        <v>2</v>
      </c>
      <c r="JG31" s="72">
        <v>4</v>
      </c>
      <c r="JH31" s="73">
        <v>6</v>
      </c>
      <c r="JI31" s="277"/>
      <c r="JJ31" s="72">
        <v>15</v>
      </c>
      <c r="JK31" s="72">
        <v>41</v>
      </c>
      <c r="JL31" s="72">
        <v>26</v>
      </c>
      <c r="JM31" s="72">
        <v>18</v>
      </c>
      <c r="JN31" s="72">
        <v>17</v>
      </c>
      <c r="JO31" s="73">
        <v>117</v>
      </c>
      <c r="JP31" s="74">
        <v>123</v>
      </c>
      <c r="JQ31" s="71">
        <v>0</v>
      </c>
      <c r="JR31" s="72">
        <v>1</v>
      </c>
      <c r="JS31" s="73">
        <v>1</v>
      </c>
      <c r="JT31" s="277"/>
      <c r="JU31" s="72">
        <v>1</v>
      </c>
      <c r="JV31" s="72">
        <v>2</v>
      </c>
      <c r="JW31" s="72">
        <v>0</v>
      </c>
      <c r="JX31" s="72">
        <v>3</v>
      </c>
      <c r="JY31" s="72">
        <v>4</v>
      </c>
      <c r="JZ31" s="73">
        <v>10</v>
      </c>
      <c r="KA31" s="74">
        <v>11</v>
      </c>
      <c r="KB31" s="71">
        <v>41</v>
      </c>
      <c r="KC31" s="72">
        <v>47</v>
      </c>
      <c r="KD31" s="73">
        <v>88</v>
      </c>
      <c r="KE31" s="277"/>
      <c r="KF31" s="72">
        <v>89</v>
      </c>
      <c r="KG31" s="72">
        <v>119</v>
      </c>
      <c r="KH31" s="72">
        <v>66</v>
      </c>
      <c r="KI31" s="72">
        <v>66</v>
      </c>
      <c r="KJ31" s="72">
        <v>47</v>
      </c>
      <c r="KK31" s="73">
        <v>387</v>
      </c>
      <c r="KL31" s="74">
        <v>475</v>
      </c>
    </row>
    <row r="32" spans="1:298" ht="19.5" customHeight="1" x14ac:dyDescent="0.2">
      <c r="A32" s="130" t="s">
        <v>29</v>
      </c>
      <c r="B32" s="347">
        <v>20</v>
      </c>
      <c r="C32" s="83">
        <v>24</v>
      </c>
      <c r="D32" s="84">
        <v>44</v>
      </c>
      <c r="E32" s="274"/>
      <c r="F32" s="83">
        <v>41</v>
      </c>
      <c r="G32" s="83">
        <v>58</v>
      </c>
      <c r="H32" s="83">
        <v>44</v>
      </c>
      <c r="I32" s="83">
        <v>41</v>
      </c>
      <c r="J32" s="83">
        <v>15</v>
      </c>
      <c r="K32" s="85">
        <v>199</v>
      </c>
      <c r="L32" s="86">
        <v>243</v>
      </c>
      <c r="M32" s="71">
        <v>1</v>
      </c>
      <c r="N32" s="72">
        <v>2</v>
      </c>
      <c r="O32" s="73">
        <v>3</v>
      </c>
      <c r="P32" s="277"/>
      <c r="Q32" s="72">
        <v>2</v>
      </c>
      <c r="R32" s="72">
        <v>1</v>
      </c>
      <c r="S32" s="72">
        <v>5</v>
      </c>
      <c r="T32" s="72">
        <v>0</v>
      </c>
      <c r="U32" s="72">
        <v>1</v>
      </c>
      <c r="V32" s="73">
        <v>9</v>
      </c>
      <c r="W32" s="74">
        <v>12</v>
      </c>
      <c r="X32" s="71">
        <v>3</v>
      </c>
      <c r="Y32" s="72">
        <v>3</v>
      </c>
      <c r="Z32" s="73">
        <v>6</v>
      </c>
      <c r="AA32" s="277"/>
      <c r="AB32" s="72">
        <v>6</v>
      </c>
      <c r="AC32" s="72">
        <v>10</v>
      </c>
      <c r="AD32" s="72">
        <v>3</v>
      </c>
      <c r="AE32" s="72">
        <v>5</v>
      </c>
      <c r="AF32" s="72">
        <v>2</v>
      </c>
      <c r="AG32" s="73">
        <v>26</v>
      </c>
      <c r="AH32" s="74">
        <v>32</v>
      </c>
      <c r="AI32" s="71">
        <v>8</v>
      </c>
      <c r="AJ32" s="72">
        <v>8</v>
      </c>
      <c r="AK32" s="73">
        <v>16</v>
      </c>
      <c r="AL32" s="277"/>
      <c r="AM32" s="72">
        <v>5</v>
      </c>
      <c r="AN32" s="72">
        <v>6</v>
      </c>
      <c r="AO32" s="72">
        <v>8</v>
      </c>
      <c r="AP32" s="72">
        <v>11</v>
      </c>
      <c r="AQ32" s="72">
        <v>1</v>
      </c>
      <c r="AR32" s="73">
        <v>31</v>
      </c>
      <c r="AS32" s="74">
        <v>47</v>
      </c>
      <c r="AT32" s="71">
        <v>4</v>
      </c>
      <c r="AU32" s="72">
        <v>4</v>
      </c>
      <c r="AV32" s="73">
        <v>8</v>
      </c>
      <c r="AW32" s="277"/>
      <c r="AX32" s="72">
        <v>8</v>
      </c>
      <c r="AY32" s="72">
        <v>16</v>
      </c>
      <c r="AZ32" s="72">
        <v>8</v>
      </c>
      <c r="BA32" s="72">
        <v>10</v>
      </c>
      <c r="BB32" s="72">
        <v>6</v>
      </c>
      <c r="BC32" s="73">
        <v>48</v>
      </c>
      <c r="BD32" s="74">
        <v>56</v>
      </c>
      <c r="BE32" s="71">
        <v>2</v>
      </c>
      <c r="BF32" s="72">
        <v>4</v>
      </c>
      <c r="BG32" s="73">
        <v>6</v>
      </c>
      <c r="BH32" s="277"/>
      <c r="BI32" s="72">
        <v>14</v>
      </c>
      <c r="BJ32" s="72">
        <v>12</v>
      </c>
      <c r="BK32" s="72">
        <v>13</v>
      </c>
      <c r="BL32" s="72">
        <v>11</v>
      </c>
      <c r="BM32" s="72">
        <v>3</v>
      </c>
      <c r="BN32" s="73">
        <v>53</v>
      </c>
      <c r="BO32" s="74">
        <v>59</v>
      </c>
      <c r="BP32" s="71">
        <v>2</v>
      </c>
      <c r="BQ32" s="72">
        <v>3</v>
      </c>
      <c r="BR32" s="73">
        <v>5</v>
      </c>
      <c r="BS32" s="277"/>
      <c r="BT32" s="72">
        <v>6</v>
      </c>
      <c r="BU32" s="72">
        <v>13</v>
      </c>
      <c r="BV32" s="72">
        <v>7</v>
      </c>
      <c r="BW32" s="72">
        <v>4</v>
      </c>
      <c r="BX32" s="72">
        <v>2</v>
      </c>
      <c r="BY32" s="73">
        <v>32</v>
      </c>
      <c r="BZ32" s="74">
        <v>37</v>
      </c>
      <c r="CA32" s="71">
        <v>1</v>
      </c>
      <c r="CB32" s="72">
        <v>2</v>
      </c>
      <c r="CC32" s="73">
        <v>3</v>
      </c>
      <c r="CD32" s="277"/>
      <c r="CE32" s="72">
        <v>2</v>
      </c>
      <c r="CF32" s="72">
        <v>3</v>
      </c>
      <c r="CG32" s="72">
        <v>2</v>
      </c>
      <c r="CH32" s="72">
        <v>1</v>
      </c>
      <c r="CI32" s="72">
        <v>1</v>
      </c>
      <c r="CJ32" s="73">
        <v>9</v>
      </c>
      <c r="CK32" s="74">
        <v>12</v>
      </c>
      <c r="CL32" s="71">
        <v>21</v>
      </c>
      <c r="CM32" s="72">
        <v>26</v>
      </c>
      <c r="CN32" s="73">
        <v>47</v>
      </c>
      <c r="CO32" s="277"/>
      <c r="CP32" s="72">
        <v>43</v>
      </c>
      <c r="CQ32" s="72">
        <v>61</v>
      </c>
      <c r="CR32" s="72">
        <v>46</v>
      </c>
      <c r="CS32" s="72">
        <v>42</v>
      </c>
      <c r="CT32" s="72">
        <v>16</v>
      </c>
      <c r="CU32" s="73">
        <v>208</v>
      </c>
      <c r="CV32" s="74">
        <v>255</v>
      </c>
      <c r="CW32" s="127">
        <v>37</v>
      </c>
      <c r="CX32" s="83">
        <v>52</v>
      </c>
      <c r="CY32" s="84">
        <v>89</v>
      </c>
      <c r="CZ32" s="274"/>
      <c r="DA32" s="83">
        <v>83</v>
      </c>
      <c r="DB32" s="83">
        <v>70</v>
      </c>
      <c r="DC32" s="83">
        <v>58</v>
      </c>
      <c r="DD32" s="83">
        <v>76</v>
      </c>
      <c r="DE32" s="83">
        <v>53</v>
      </c>
      <c r="DF32" s="85">
        <v>340</v>
      </c>
      <c r="DG32" s="86">
        <v>429</v>
      </c>
      <c r="DH32" s="71">
        <v>1</v>
      </c>
      <c r="DI32" s="72">
        <v>3</v>
      </c>
      <c r="DJ32" s="73">
        <v>4</v>
      </c>
      <c r="DK32" s="277"/>
      <c r="DL32" s="72">
        <v>1</v>
      </c>
      <c r="DM32" s="72">
        <v>2</v>
      </c>
      <c r="DN32" s="72">
        <v>1</v>
      </c>
      <c r="DO32" s="72">
        <v>3</v>
      </c>
      <c r="DP32" s="72">
        <v>2</v>
      </c>
      <c r="DQ32" s="73">
        <v>9</v>
      </c>
      <c r="DR32" s="74">
        <v>13</v>
      </c>
      <c r="DS32" s="71">
        <v>5</v>
      </c>
      <c r="DT32" s="72">
        <v>2</v>
      </c>
      <c r="DU32" s="73">
        <v>7</v>
      </c>
      <c r="DV32" s="277"/>
      <c r="DW32" s="72">
        <v>5</v>
      </c>
      <c r="DX32" s="72">
        <v>3</v>
      </c>
      <c r="DY32" s="72">
        <v>6</v>
      </c>
      <c r="DZ32" s="72">
        <v>3</v>
      </c>
      <c r="EA32" s="72">
        <v>3</v>
      </c>
      <c r="EB32" s="73">
        <v>20</v>
      </c>
      <c r="EC32" s="74">
        <v>27</v>
      </c>
      <c r="ED32" s="71">
        <v>7</v>
      </c>
      <c r="EE32" s="72">
        <v>11</v>
      </c>
      <c r="EF32" s="73">
        <v>18</v>
      </c>
      <c r="EG32" s="277"/>
      <c r="EH32" s="72">
        <v>10</v>
      </c>
      <c r="EI32" s="72">
        <v>7</v>
      </c>
      <c r="EJ32" s="72">
        <v>3</v>
      </c>
      <c r="EK32" s="72">
        <v>8</v>
      </c>
      <c r="EL32" s="72">
        <v>5</v>
      </c>
      <c r="EM32" s="73">
        <v>33</v>
      </c>
      <c r="EN32" s="74">
        <v>51</v>
      </c>
      <c r="EO32" s="71">
        <v>6</v>
      </c>
      <c r="EP32" s="72">
        <v>13</v>
      </c>
      <c r="EQ32" s="73">
        <v>19</v>
      </c>
      <c r="ER32" s="277"/>
      <c r="ES32" s="72">
        <v>23</v>
      </c>
      <c r="ET32" s="72">
        <v>15</v>
      </c>
      <c r="EU32" s="72">
        <v>10</v>
      </c>
      <c r="EV32" s="72">
        <v>16</v>
      </c>
      <c r="EW32" s="72">
        <v>8</v>
      </c>
      <c r="EX32" s="73">
        <v>72</v>
      </c>
      <c r="EY32" s="74">
        <v>91</v>
      </c>
      <c r="EZ32" s="71">
        <v>13</v>
      </c>
      <c r="FA32" s="72">
        <v>16</v>
      </c>
      <c r="FB32" s="73">
        <v>29</v>
      </c>
      <c r="FC32" s="277"/>
      <c r="FD32" s="72">
        <v>29</v>
      </c>
      <c r="FE32" s="72">
        <v>16</v>
      </c>
      <c r="FF32" s="72">
        <v>18</v>
      </c>
      <c r="FG32" s="72">
        <v>22</v>
      </c>
      <c r="FH32" s="72">
        <v>12</v>
      </c>
      <c r="FI32" s="73">
        <v>97</v>
      </c>
      <c r="FJ32" s="74">
        <v>126</v>
      </c>
      <c r="FK32" s="71">
        <v>5</v>
      </c>
      <c r="FL32" s="72">
        <v>7</v>
      </c>
      <c r="FM32" s="73">
        <v>12</v>
      </c>
      <c r="FN32" s="277"/>
      <c r="FO32" s="72">
        <v>15</v>
      </c>
      <c r="FP32" s="72">
        <v>27</v>
      </c>
      <c r="FQ32" s="72">
        <v>20</v>
      </c>
      <c r="FR32" s="72">
        <v>24</v>
      </c>
      <c r="FS32" s="72">
        <v>23</v>
      </c>
      <c r="FT32" s="73">
        <v>109</v>
      </c>
      <c r="FU32" s="74">
        <v>121</v>
      </c>
      <c r="FV32" s="71">
        <v>1</v>
      </c>
      <c r="FW32" s="72">
        <v>1</v>
      </c>
      <c r="FX32" s="73">
        <v>2</v>
      </c>
      <c r="FY32" s="277"/>
      <c r="FZ32" s="72">
        <v>1</v>
      </c>
      <c r="GA32" s="72">
        <v>1</v>
      </c>
      <c r="GB32" s="72">
        <v>0</v>
      </c>
      <c r="GC32" s="72">
        <v>0</v>
      </c>
      <c r="GD32" s="72">
        <v>0</v>
      </c>
      <c r="GE32" s="73">
        <v>2</v>
      </c>
      <c r="GF32" s="74">
        <v>4</v>
      </c>
      <c r="GG32" s="71">
        <v>38</v>
      </c>
      <c r="GH32" s="72">
        <v>53</v>
      </c>
      <c r="GI32" s="73">
        <v>91</v>
      </c>
      <c r="GJ32" s="277"/>
      <c r="GK32" s="72">
        <v>84</v>
      </c>
      <c r="GL32" s="72">
        <v>71</v>
      </c>
      <c r="GM32" s="72">
        <v>58</v>
      </c>
      <c r="GN32" s="72">
        <v>76</v>
      </c>
      <c r="GO32" s="72">
        <v>53</v>
      </c>
      <c r="GP32" s="73">
        <v>342</v>
      </c>
      <c r="GQ32" s="74">
        <v>433</v>
      </c>
      <c r="GR32" s="127">
        <v>57</v>
      </c>
      <c r="GS32" s="83">
        <v>76</v>
      </c>
      <c r="GT32" s="84">
        <v>133</v>
      </c>
      <c r="GU32" s="274"/>
      <c r="GV32" s="83">
        <v>124</v>
      </c>
      <c r="GW32" s="83">
        <v>128</v>
      </c>
      <c r="GX32" s="83">
        <v>102</v>
      </c>
      <c r="GY32" s="83">
        <v>117</v>
      </c>
      <c r="GZ32" s="83">
        <v>68</v>
      </c>
      <c r="HA32" s="85">
        <v>539</v>
      </c>
      <c r="HB32" s="86">
        <v>672</v>
      </c>
      <c r="HC32" s="71">
        <v>2</v>
      </c>
      <c r="HD32" s="72">
        <v>5</v>
      </c>
      <c r="HE32" s="73">
        <v>7</v>
      </c>
      <c r="HF32" s="277"/>
      <c r="HG32" s="72">
        <v>3</v>
      </c>
      <c r="HH32" s="72">
        <v>3</v>
      </c>
      <c r="HI32" s="72">
        <v>6</v>
      </c>
      <c r="HJ32" s="72">
        <v>3</v>
      </c>
      <c r="HK32" s="72">
        <v>3</v>
      </c>
      <c r="HL32" s="73">
        <v>18</v>
      </c>
      <c r="HM32" s="74">
        <v>25</v>
      </c>
      <c r="HN32" s="71">
        <v>8</v>
      </c>
      <c r="HO32" s="72">
        <v>5</v>
      </c>
      <c r="HP32" s="73">
        <v>13</v>
      </c>
      <c r="HQ32" s="277"/>
      <c r="HR32" s="72">
        <v>11</v>
      </c>
      <c r="HS32" s="72">
        <v>13</v>
      </c>
      <c r="HT32" s="72">
        <v>9</v>
      </c>
      <c r="HU32" s="72">
        <v>8</v>
      </c>
      <c r="HV32" s="72">
        <v>5</v>
      </c>
      <c r="HW32" s="73">
        <v>46</v>
      </c>
      <c r="HX32" s="74">
        <v>59</v>
      </c>
      <c r="HY32" s="71">
        <v>15</v>
      </c>
      <c r="HZ32" s="72">
        <v>19</v>
      </c>
      <c r="IA32" s="73">
        <v>34</v>
      </c>
      <c r="IB32" s="277"/>
      <c r="IC32" s="72">
        <v>15</v>
      </c>
      <c r="ID32" s="72">
        <v>13</v>
      </c>
      <c r="IE32" s="72">
        <v>11</v>
      </c>
      <c r="IF32" s="72">
        <v>19</v>
      </c>
      <c r="IG32" s="72">
        <v>6</v>
      </c>
      <c r="IH32" s="73">
        <v>64</v>
      </c>
      <c r="II32" s="74">
        <v>98</v>
      </c>
      <c r="IJ32" s="71">
        <v>10</v>
      </c>
      <c r="IK32" s="72">
        <v>17</v>
      </c>
      <c r="IL32" s="73">
        <v>27</v>
      </c>
      <c r="IM32" s="277">
        <v>0</v>
      </c>
      <c r="IN32" s="72">
        <v>31</v>
      </c>
      <c r="IO32" s="72">
        <v>31</v>
      </c>
      <c r="IP32" s="72">
        <v>18</v>
      </c>
      <c r="IQ32" s="72">
        <v>26</v>
      </c>
      <c r="IR32" s="72">
        <v>14</v>
      </c>
      <c r="IS32" s="73">
        <v>120</v>
      </c>
      <c r="IT32" s="74">
        <v>147</v>
      </c>
      <c r="IU32" s="71">
        <v>15</v>
      </c>
      <c r="IV32" s="72">
        <v>20</v>
      </c>
      <c r="IW32" s="73">
        <v>35</v>
      </c>
      <c r="IX32" s="277"/>
      <c r="IY32" s="72">
        <v>43</v>
      </c>
      <c r="IZ32" s="72">
        <v>28</v>
      </c>
      <c r="JA32" s="72">
        <v>31</v>
      </c>
      <c r="JB32" s="72">
        <v>33</v>
      </c>
      <c r="JC32" s="72">
        <v>15</v>
      </c>
      <c r="JD32" s="73">
        <v>150</v>
      </c>
      <c r="JE32" s="74">
        <v>185</v>
      </c>
      <c r="JF32" s="71">
        <v>7</v>
      </c>
      <c r="JG32" s="72">
        <v>10</v>
      </c>
      <c r="JH32" s="73">
        <v>17</v>
      </c>
      <c r="JI32" s="277"/>
      <c r="JJ32" s="72">
        <v>21</v>
      </c>
      <c r="JK32" s="72">
        <v>40</v>
      </c>
      <c r="JL32" s="72">
        <v>27</v>
      </c>
      <c r="JM32" s="72">
        <v>28</v>
      </c>
      <c r="JN32" s="72">
        <v>25</v>
      </c>
      <c r="JO32" s="73">
        <v>141</v>
      </c>
      <c r="JP32" s="74">
        <v>158</v>
      </c>
      <c r="JQ32" s="71">
        <v>2</v>
      </c>
      <c r="JR32" s="72">
        <v>3</v>
      </c>
      <c r="JS32" s="73">
        <v>5</v>
      </c>
      <c r="JT32" s="277"/>
      <c r="JU32" s="72">
        <v>3</v>
      </c>
      <c r="JV32" s="72">
        <v>4</v>
      </c>
      <c r="JW32" s="72">
        <v>2</v>
      </c>
      <c r="JX32" s="72">
        <v>1</v>
      </c>
      <c r="JY32" s="72">
        <v>1</v>
      </c>
      <c r="JZ32" s="73">
        <v>11</v>
      </c>
      <c r="KA32" s="74">
        <v>16</v>
      </c>
      <c r="KB32" s="71">
        <v>59</v>
      </c>
      <c r="KC32" s="72">
        <v>79</v>
      </c>
      <c r="KD32" s="73">
        <v>138</v>
      </c>
      <c r="KE32" s="277"/>
      <c r="KF32" s="72">
        <v>127</v>
      </c>
      <c r="KG32" s="72">
        <v>132</v>
      </c>
      <c r="KH32" s="72">
        <v>104</v>
      </c>
      <c r="KI32" s="72">
        <v>118</v>
      </c>
      <c r="KJ32" s="72">
        <v>69</v>
      </c>
      <c r="KK32" s="73">
        <v>550</v>
      </c>
      <c r="KL32" s="74">
        <v>688</v>
      </c>
    </row>
    <row r="33" spans="1:298" ht="19.5" customHeight="1" x14ac:dyDescent="0.2">
      <c r="A33" s="130" t="s">
        <v>30</v>
      </c>
      <c r="B33" s="347">
        <v>13</v>
      </c>
      <c r="C33" s="83">
        <v>11</v>
      </c>
      <c r="D33" s="84">
        <v>24</v>
      </c>
      <c r="E33" s="274"/>
      <c r="F33" s="83">
        <v>44</v>
      </c>
      <c r="G33" s="83">
        <v>42</v>
      </c>
      <c r="H33" s="83">
        <v>30</v>
      </c>
      <c r="I33" s="83">
        <v>31</v>
      </c>
      <c r="J33" s="83">
        <v>8</v>
      </c>
      <c r="K33" s="85">
        <v>155</v>
      </c>
      <c r="L33" s="86">
        <v>179</v>
      </c>
      <c r="M33" s="71">
        <v>2</v>
      </c>
      <c r="N33" s="72">
        <v>0</v>
      </c>
      <c r="O33" s="73">
        <v>2</v>
      </c>
      <c r="P33" s="277"/>
      <c r="Q33" s="72">
        <v>4</v>
      </c>
      <c r="R33" s="72">
        <v>3</v>
      </c>
      <c r="S33" s="72">
        <v>2</v>
      </c>
      <c r="T33" s="72">
        <v>1</v>
      </c>
      <c r="U33" s="72">
        <v>0</v>
      </c>
      <c r="V33" s="73">
        <v>10</v>
      </c>
      <c r="W33" s="74">
        <v>12</v>
      </c>
      <c r="X33" s="71">
        <v>4</v>
      </c>
      <c r="Y33" s="72">
        <v>1</v>
      </c>
      <c r="Z33" s="73">
        <v>5</v>
      </c>
      <c r="AA33" s="277"/>
      <c r="AB33" s="72">
        <v>7</v>
      </c>
      <c r="AC33" s="72">
        <v>4</v>
      </c>
      <c r="AD33" s="72">
        <v>1</v>
      </c>
      <c r="AE33" s="72">
        <v>4</v>
      </c>
      <c r="AF33" s="72">
        <v>2</v>
      </c>
      <c r="AG33" s="73">
        <v>18</v>
      </c>
      <c r="AH33" s="74">
        <v>23</v>
      </c>
      <c r="AI33" s="71">
        <v>0</v>
      </c>
      <c r="AJ33" s="72">
        <v>3</v>
      </c>
      <c r="AK33" s="73">
        <v>3</v>
      </c>
      <c r="AL33" s="277"/>
      <c r="AM33" s="72">
        <v>4</v>
      </c>
      <c r="AN33" s="72">
        <v>3</v>
      </c>
      <c r="AO33" s="72">
        <v>5</v>
      </c>
      <c r="AP33" s="72">
        <v>4</v>
      </c>
      <c r="AQ33" s="72">
        <v>0</v>
      </c>
      <c r="AR33" s="73">
        <v>16</v>
      </c>
      <c r="AS33" s="74">
        <v>19</v>
      </c>
      <c r="AT33" s="71">
        <v>2</v>
      </c>
      <c r="AU33" s="72">
        <v>3</v>
      </c>
      <c r="AV33" s="73">
        <v>5</v>
      </c>
      <c r="AW33" s="277"/>
      <c r="AX33" s="72">
        <v>11</v>
      </c>
      <c r="AY33" s="72">
        <v>11</v>
      </c>
      <c r="AZ33" s="72">
        <v>10</v>
      </c>
      <c r="BA33" s="72">
        <v>7</v>
      </c>
      <c r="BB33" s="72">
        <v>3</v>
      </c>
      <c r="BC33" s="73">
        <v>42</v>
      </c>
      <c r="BD33" s="74">
        <v>47</v>
      </c>
      <c r="BE33" s="71">
        <v>5</v>
      </c>
      <c r="BF33" s="72">
        <v>3</v>
      </c>
      <c r="BG33" s="73">
        <v>8</v>
      </c>
      <c r="BH33" s="277"/>
      <c r="BI33" s="72">
        <v>9</v>
      </c>
      <c r="BJ33" s="72">
        <v>12</v>
      </c>
      <c r="BK33" s="72">
        <v>6</v>
      </c>
      <c r="BL33" s="72">
        <v>6</v>
      </c>
      <c r="BM33" s="72">
        <v>2</v>
      </c>
      <c r="BN33" s="73">
        <v>35</v>
      </c>
      <c r="BO33" s="74">
        <v>43</v>
      </c>
      <c r="BP33" s="71">
        <v>0</v>
      </c>
      <c r="BQ33" s="72">
        <v>1</v>
      </c>
      <c r="BR33" s="73">
        <v>1</v>
      </c>
      <c r="BS33" s="277"/>
      <c r="BT33" s="72">
        <v>9</v>
      </c>
      <c r="BU33" s="72">
        <v>9</v>
      </c>
      <c r="BV33" s="72">
        <v>6</v>
      </c>
      <c r="BW33" s="72">
        <v>9</v>
      </c>
      <c r="BX33" s="72">
        <v>1</v>
      </c>
      <c r="BY33" s="73">
        <v>34</v>
      </c>
      <c r="BZ33" s="74">
        <v>35</v>
      </c>
      <c r="CA33" s="71">
        <v>0</v>
      </c>
      <c r="CB33" s="72">
        <v>0</v>
      </c>
      <c r="CC33" s="73">
        <v>0</v>
      </c>
      <c r="CD33" s="277"/>
      <c r="CE33" s="72">
        <v>1</v>
      </c>
      <c r="CF33" s="72">
        <v>0</v>
      </c>
      <c r="CG33" s="72">
        <v>2</v>
      </c>
      <c r="CH33" s="72">
        <v>1</v>
      </c>
      <c r="CI33" s="72">
        <v>1</v>
      </c>
      <c r="CJ33" s="73">
        <v>5</v>
      </c>
      <c r="CK33" s="74">
        <v>5</v>
      </c>
      <c r="CL33" s="71">
        <v>13</v>
      </c>
      <c r="CM33" s="72">
        <v>11</v>
      </c>
      <c r="CN33" s="73">
        <v>24</v>
      </c>
      <c r="CO33" s="277"/>
      <c r="CP33" s="72">
        <v>45</v>
      </c>
      <c r="CQ33" s="72">
        <v>42</v>
      </c>
      <c r="CR33" s="72">
        <v>32</v>
      </c>
      <c r="CS33" s="72">
        <v>32</v>
      </c>
      <c r="CT33" s="72">
        <v>9</v>
      </c>
      <c r="CU33" s="73">
        <v>160</v>
      </c>
      <c r="CV33" s="74">
        <v>184</v>
      </c>
      <c r="CW33" s="127">
        <v>38</v>
      </c>
      <c r="CX33" s="83">
        <v>39</v>
      </c>
      <c r="CY33" s="84">
        <v>77</v>
      </c>
      <c r="CZ33" s="274"/>
      <c r="DA33" s="83">
        <v>93</v>
      </c>
      <c r="DB33" s="83">
        <v>71</v>
      </c>
      <c r="DC33" s="83">
        <v>79</v>
      </c>
      <c r="DD33" s="83">
        <v>63</v>
      </c>
      <c r="DE33" s="83">
        <v>43</v>
      </c>
      <c r="DF33" s="85">
        <v>349</v>
      </c>
      <c r="DG33" s="86">
        <v>426</v>
      </c>
      <c r="DH33" s="71">
        <v>0</v>
      </c>
      <c r="DI33" s="72">
        <v>0</v>
      </c>
      <c r="DJ33" s="73">
        <v>0</v>
      </c>
      <c r="DK33" s="277"/>
      <c r="DL33" s="72">
        <v>1</v>
      </c>
      <c r="DM33" s="72">
        <v>1</v>
      </c>
      <c r="DN33" s="72">
        <v>2</v>
      </c>
      <c r="DO33" s="72">
        <v>1</v>
      </c>
      <c r="DP33" s="72">
        <v>2</v>
      </c>
      <c r="DQ33" s="73">
        <v>7</v>
      </c>
      <c r="DR33" s="74">
        <v>7</v>
      </c>
      <c r="DS33" s="71">
        <v>4</v>
      </c>
      <c r="DT33" s="72">
        <v>4</v>
      </c>
      <c r="DU33" s="73">
        <v>8</v>
      </c>
      <c r="DV33" s="277"/>
      <c r="DW33" s="72">
        <v>2</v>
      </c>
      <c r="DX33" s="72">
        <v>5</v>
      </c>
      <c r="DY33" s="72">
        <v>4</v>
      </c>
      <c r="DZ33" s="72">
        <v>1</v>
      </c>
      <c r="EA33" s="72">
        <v>4</v>
      </c>
      <c r="EB33" s="73">
        <v>16</v>
      </c>
      <c r="EC33" s="74">
        <v>24</v>
      </c>
      <c r="ED33" s="71">
        <v>10</v>
      </c>
      <c r="EE33" s="72">
        <v>2</v>
      </c>
      <c r="EF33" s="73">
        <v>12</v>
      </c>
      <c r="EG33" s="277"/>
      <c r="EH33" s="72">
        <v>12</v>
      </c>
      <c r="EI33" s="72">
        <v>4</v>
      </c>
      <c r="EJ33" s="72">
        <v>11</v>
      </c>
      <c r="EK33" s="72">
        <v>6</v>
      </c>
      <c r="EL33" s="72">
        <v>3</v>
      </c>
      <c r="EM33" s="73">
        <v>36</v>
      </c>
      <c r="EN33" s="74">
        <v>48</v>
      </c>
      <c r="EO33" s="71">
        <v>8</v>
      </c>
      <c r="EP33" s="72">
        <v>15</v>
      </c>
      <c r="EQ33" s="73">
        <v>23</v>
      </c>
      <c r="ER33" s="277"/>
      <c r="ES33" s="72">
        <v>32</v>
      </c>
      <c r="ET33" s="72">
        <v>16</v>
      </c>
      <c r="EU33" s="72">
        <v>12</v>
      </c>
      <c r="EV33" s="72">
        <v>7</v>
      </c>
      <c r="EW33" s="72">
        <v>14</v>
      </c>
      <c r="EX33" s="73">
        <v>81</v>
      </c>
      <c r="EY33" s="74">
        <v>104</v>
      </c>
      <c r="EZ33" s="71">
        <v>11</v>
      </c>
      <c r="FA33" s="72">
        <v>9</v>
      </c>
      <c r="FB33" s="73">
        <v>20</v>
      </c>
      <c r="FC33" s="277"/>
      <c r="FD33" s="72">
        <v>18</v>
      </c>
      <c r="FE33" s="72">
        <v>20</v>
      </c>
      <c r="FF33" s="72">
        <v>18</v>
      </c>
      <c r="FG33" s="72">
        <v>23</v>
      </c>
      <c r="FH33" s="72">
        <v>7</v>
      </c>
      <c r="FI33" s="73">
        <v>86</v>
      </c>
      <c r="FJ33" s="74">
        <v>106</v>
      </c>
      <c r="FK33" s="71">
        <v>5</v>
      </c>
      <c r="FL33" s="72">
        <v>9</v>
      </c>
      <c r="FM33" s="73">
        <v>14</v>
      </c>
      <c r="FN33" s="277"/>
      <c r="FO33" s="72">
        <v>28</v>
      </c>
      <c r="FP33" s="72">
        <v>25</v>
      </c>
      <c r="FQ33" s="72">
        <v>32</v>
      </c>
      <c r="FR33" s="72">
        <v>25</v>
      </c>
      <c r="FS33" s="72">
        <v>13</v>
      </c>
      <c r="FT33" s="73">
        <v>123</v>
      </c>
      <c r="FU33" s="74">
        <v>137</v>
      </c>
      <c r="FV33" s="71">
        <v>0</v>
      </c>
      <c r="FW33" s="72">
        <v>0</v>
      </c>
      <c r="FX33" s="73">
        <v>0</v>
      </c>
      <c r="FY33" s="277"/>
      <c r="FZ33" s="72">
        <v>0</v>
      </c>
      <c r="GA33" s="72">
        <v>0</v>
      </c>
      <c r="GB33" s="72">
        <v>0</v>
      </c>
      <c r="GC33" s="72">
        <v>1</v>
      </c>
      <c r="GD33" s="72">
        <v>1</v>
      </c>
      <c r="GE33" s="73">
        <v>2</v>
      </c>
      <c r="GF33" s="74">
        <v>2</v>
      </c>
      <c r="GG33" s="71">
        <v>38</v>
      </c>
      <c r="GH33" s="72">
        <v>39</v>
      </c>
      <c r="GI33" s="73">
        <v>77</v>
      </c>
      <c r="GJ33" s="277"/>
      <c r="GK33" s="72">
        <v>93</v>
      </c>
      <c r="GL33" s="72">
        <v>71</v>
      </c>
      <c r="GM33" s="72">
        <v>79</v>
      </c>
      <c r="GN33" s="72">
        <v>64</v>
      </c>
      <c r="GO33" s="72">
        <v>44</v>
      </c>
      <c r="GP33" s="73">
        <v>351</v>
      </c>
      <c r="GQ33" s="74">
        <v>428</v>
      </c>
      <c r="GR33" s="127">
        <v>51</v>
      </c>
      <c r="GS33" s="83">
        <v>50</v>
      </c>
      <c r="GT33" s="84">
        <v>101</v>
      </c>
      <c r="GU33" s="274"/>
      <c r="GV33" s="83">
        <v>137</v>
      </c>
      <c r="GW33" s="83">
        <v>113</v>
      </c>
      <c r="GX33" s="83">
        <v>109</v>
      </c>
      <c r="GY33" s="83">
        <v>94</v>
      </c>
      <c r="GZ33" s="83">
        <v>51</v>
      </c>
      <c r="HA33" s="85">
        <v>504</v>
      </c>
      <c r="HB33" s="86">
        <v>605</v>
      </c>
      <c r="HC33" s="71">
        <v>2</v>
      </c>
      <c r="HD33" s="72">
        <v>0</v>
      </c>
      <c r="HE33" s="73">
        <v>2</v>
      </c>
      <c r="HF33" s="277"/>
      <c r="HG33" s="72">
        <v>5</v>
      </c>
      <c r="HH33" s="72">
        <v>4</v>
      </c>
      <c r="HI33" s="72">
        <v>4</v>
      </c>
      <c r="HJ33" s="72">
        <v>2</v>
      </c>
      <c r="HK33" s="72">
        <v>2</v>
      </c>
      <c r="HL33" s="73">
        <v>17</v>
      </c>
      <c r="HM33" s="74">
        <v>19</v>
      </c>
      <c r="HN33" s="71">
        <v>8</v>
      </c>
      <c r="HO33" s="72">
        <v>5</v>
      </c>
      <c r="HP33" s="73">
        <v>13</v>
      </c>
      <c r="HQ33" s="277"/>
      <c r="HR33" s="72">
        <v>9</v>
      </c>
      <c r="HS33" s="72">
        <v>9</v>
      </c>
      <c r="HT33" s="72">
        <v>5</v>
      </c>
      <c r="HU33" s="72">
        <v>5</v>
      </c>
      <c r="HV33" s="72">
        <v>6</v>
      </c>
      <c r="HW33" s="73">
        <v>34</v>
      </c>
      <c r="HX33" s="74">
        <v>47</v>
      </c>
      <c r="HY33" s="71">
        <v>10</v>
      </c>
      <c r="HZ33" s="72">
        <v>5</v>
      </c>
      <c r="IA33" s="73">
        <v>15</v>
      </c>
      <c r="IB33" s="277"/>
      <c r="IC33" s="72">
        <v>16</v>
      </c>
      <c r="ID33" s="72">
        <v>7</v>
      </c>
      <c r="IE33" s="72">
        <v>16</v>
      </c>
      <c r="IF33" s="72">
        <v>10</v>
      </c>
      <c r="IG33" s="72">
        <v>3</v>
      </c>
      <c r="IH33" s="73">
        <v>52</v>
      </c>
      <c r="II33" s="74">
        <v>67</v>
      </c>
      <c r="IJ33" s="71">
        <v>10</v>
      </c>
      <c r="IK33" s="72">
        <v>18</v>
      </c>
      <c r="IL33" s="73">
        <v>28</v>
      </c>
      <c r="IM33" s="277">
        <v>0</v>
      </c>
      <c r="IN33" s="72">
        <v>43</v>
      </c>
      <c r="IO33" s="72">
        <v>27</v>
      </c>
      <c r="IP33" s="72">
        <v>22</v>
      </c>
      <c r="IQ33" s="72">
        <v>14</v>
      </c>
      <c r="IR33" s="72">
        <v>17</v>
      </c>
      <c r="IS33" s="73">
        <v>123</v>
      </c>
      <c r="IT33" s="74">
        <v>151</v>
      </c>
      <c r="IU33" s="71">
        <v>16</v>
      </c>
      <c r="IV33" s="72">
        <v>12</v>
      </c>
      <c r="IW33" s="73">
        <v>28</v>
      </c>
      <c r="IX33" s="277"/>
      <c r="IY33" s="72">
        <v>27</v>
      </c>
      <c r="IZ33" s="72">
        <v>32</v>
      </c>
      <c r="JA33" s="72">
        <v>24</v>
      </c>
      <c r="JB33" s="72">
        <v>29</v>
      </c>
      <c r="JC33" s="72">
        <v>9</v>
      </c>
      <c r="JD33" s="73">
        <v>121</v>
      </c>
      <c r="JE33" s="74">
        <v>149</v>
      </c>
      <c r="JF33" s="71">
        <v>5</v>
      </c>
      <c r="JG33" s="72">
        <v>10</v>
      </c>
      <c r="JH33" s="73">
        <v>15</v>
      </c>
      <c r="JI33" s="277"/>
      <c r="JJ33" s="72">
        <v>37</v>
      </c>
      <c r="JK33" s="72">
        <v>34</v>
      </c>
      <c r="JL33" s="72">
        <v>38</v>
      </c>
      <c r="JM33" s="72">
        <v>34</v>
      </c>
      <c r="JN33" s="72">
        <v>14</v>
      </c>
      <c r="JO33" s="73">
        <v>157</v>
      </c>
      <c r="JP33" s="74">
        <v>172</v>
      </c>
      <c r="JQ33" s="71">
        <v>0</v>
      </c>
      <c r="JR33" s="72">
        <v>0</v>
      </c>
      <c r="JS33" s="73">
        <v>0</v>
      </c>
      <c r="JT33" s="277"/>
      <c r="JU33" s="72">
        <v>1</v>
      </c>
      <c r="JV33" s="72">
        <v>0</v>
      </c>
      <c r="JW33" s="72">
        <v>2</v>
      </c>
      <c r="JX33" s="72">
        <v>2</v>
      </c>
      <c r="JY33" s="72">
        <v>2</v>
      </c>
      <c r="JZ33" s="73">
        <v>7</v>
      </c>
      <c r="KA33" s="74">
        <v>7</v>
      </c>
      <c r="KB33" s="71">
        <v>51</v>
      </c>
      <c r="KC33" s="72">
        <v>50</v>
      </c>
      <c r="KD33" s="73">
        <v>101</v>
      </c>
      <c r="KE33" s="277"/>
      <c r="KF33" s="72">
        <v>138</v>
      </c>
      <c r="KG33" s="72">
        <v>113</v>
      </c>
      <c r="KH33" s="72">
        <v>111</v>
      </c>
      <c r="KI33" s="72">
        <v>96</v>
      </c>
      <c r="KJ33" s="72">
        <v>53</v>
      </c>
      <c r="KK33" s="73">
        <v>511</v>
      </c>
      <c r="KL33" s="74">
        <v>612</v>
      </c>
    </row>
    <row r="34" spans="1:298" ht="19.5" customHeight="1" x14ac:dyDescent="0.2">
      <c r="A34" s="130" t="s">
        <v>31</v>
      </c>
      <c r="B34" s="347">
        <v>22</v>
      </c>
      <c r="C34" s="83">
        <v>38</v>
      </c>
      <c r="D34" s="84">
        <v>60</v>
      </c>
      <c r="E34" s="274"/>
      <c r="F34" s="83">
        <v>59</v>
      </c>
      <c r="G34" s="83">
        <v>58</v>
      </c>
      <c r="H34" s="83">
        <v>36</v>
      </c>
      <c r="I34" s="83">
        <v>19</v>
      </c>
      <c r="J34" s="83">
        <v>12</v>
      </c>
      <c r="K34" s="85">
        <v>184</v>
      </c>
      <c r="L34" s="86">
        <v>244</v>
      </c>
      <c r="M34" s="71">
        <v>2</v>
      </c>
      <c r="N34" s="72">
        <v>0</v>
      </c>
      <c r="O34" s="73">
        <v>2</v>
      </c>
      <c r="P34" s="277"/>
      <c r="Q34" s="72">
        <v>4</v>
      </c>
      <c r="R34" s="72">
        <v>2</v>
      </c>
      <c r="S34" s="72">
        <v>5</v>
      </c>
      <c r="T34" s="72">
        <v>1</v>
      </c>
      <c r="U34" s="72">
        <v>1</v>
      </c>
      <c r="V34" s="73">
        <v>13</v>
      </c>
      <c r="W34" s="74">
        <v>15</v>
      </c>
      <c r="X34" s="71">
        <v>2</v>
      </c>
      <c r="Y34" s="72">
        <v>5</v>
      </c>
      <c r="Z34" s="73">
        <v>7</v>
      </c>
      <c r="AA34" s="277"/>
      <c r="AB34" s="72">
        <v>9</v>
      </c>
      <c r="AC34" s="72">
        <v>6</v>
      </c>
      <c r="AD34" s="72">
        <v>5</v>
      </c>
      <c r="AE34" s="72">
        <v>4</v>
      </c>
      <c r="AF34" s="72">
        <v>3</v>
      </c>
      <c r="AG34" s="73">
        <v>27</v>
      </c>
      <c r="AH34" s="74">
        <v>34</v>
      </c>
      <c r="AI34" s="71">
        <v>2</v>
      </c>
      <c r="AJ34" s="72">
        <v>3</v>
      </c>
      <c r="AK34" s="73">
        <v>5</v>
      </c>
      <c r="AL34" s="277"/>
      <c r="AM34" s="72">
        <v>8</v>
      </c>
      <c r="AN34" s="72">
        <v>8</v>
      </c>
      <c r="AO34" s="72">
        <v>2</v>
      </c>
      <c r="AP34" s="72">
        <v>2</v>
      </c>
      <c r="AQ34" s="72">
        <v>2</v>
      </c>
      <c r="AR34" s="73">
        <v>22</v>
      </c>
      <c r="AS34" s="74">
        <v>27</v>
      </c>
      <c r="AT34" s="71">
        <v>5</v>
      </c>
      <c r="AU34" s="72">
        <v>9</v>
      </c>
      <c r="AV34" s="73">
        <v>14</v>
      </c>
      <c r="AW34" s="277"/>
      <c r="AX34" s="72">
        <v>15</v>
      </c>
      <c r="AY34" s="72">
        <v>15</v>
      </c>
      <c r="AZ34" s="72">
        <v>4</v>
      </c>
      <c r="BA34" s="72">
        <v>2</v>
      </c>
      <c r="BB34" s="72">
        <v>3</v>
      </c>
      <c r="BC34" s="73">
        <v>39</v>
      </c>
      <c r="BD34" s="74">
        <v>53</v>
      </c>
      <c r="BE34" s="71">
        <v>6</v>
      </c>
      <c r="BF34" s="72">
        <v>13</v>
      </c>
      <c r="BG34" s="73">
        <v>19</v>
      </c>
      <c r="BH34" s="277"/>
      <c r="BI34" s="72">
        <v>13</v>
      </c>
      <c r="BJ34" s="72">
        <v>13</v>
      </c>
      <c r="BK34" s="72">
        <v>9</v>
      </c>
      <c r="BL34" s="72">
        <v>5</v>
      </c>
      <c r="BM34" s="72">
        <v>2</v>
      </c>
      <c r="BN34" s="73">
        <v>42</v>
      </c>
      <c r="BO34" s="74">
        <v>61</v>
      </c>
      <c r="BP34" s="71">
        <v>5</v>
      </c>
      <c r="BQ34" s="72">
        <v>8</v>
      </c>
      <c r="BR34" s="73">
        <v>13</v>
      </c>
      <c r="BS34" s="277"/>
      <c r="BT34" s="72">
        <v>10</v>
      </c>
      <c r="BU34" s="72">
        <v>14</v>
      </c>
      <c r="BV34" s="72">
        <v>11</v>
      </c>
      <c r="BW34" s="72">
        <v>5</v>
      </c>
      <c r="BX34" s="72">
        <v>1</v>
      </c>
      <c r="BY34" s="73">
        <v>41</v>
      </c>
      <c r="BZ34" s="74">
        <v>54</v>
      </c>
      <c r="CA34" s="71">
        <v>0</v>
      </c>
      <c r="CB34" s="72">
        <v>1</v>
      </c>
      <c r="CC34" s="73">
        <v>1</v>
      </c>
      <c r="CD34" s="277"/>
      <c r="CE34" s="72">
        <v>2</v>
      </c>
      <c r="CF34" s="72">
        <v>2</v>
      </c>
      <c r="CG34" s="72">
        <v>0</v>
      </c>
      <c r="CH34" s="72">
        <v>1</v>
      </c>
      <c r="CI34" s="72">
        <v>1</v>
      </c>
      <c r="CJ34" s="73">
        <v>6</v>
      </c>
      <c r="CK34" s="74">
        <v>7</v>
      </c>
      <c r="CL34" s="71">
        <v>22</v>
      </c>
      <c r="CM34" s="72">
        <v>39</v>
      </c>
      <c r="CN34" s="73">
        <v>61</v>
      </c>
      <c r="CO34" s="277"/>
      <c r="CP34" s="72">
        <v>61</v>
      </c>
      <c r="CQ34" s="72">
        <v>60</v>
      </c>
      <c r="CR34" s="72">
        <v>36</v>
      </c>
      <c r="CS34" s="72">
        <v>20</v>
      </c>
      <c r="CT34" s="72">
        <v>13</v>
      </c>
      <c r="CU34" s="73">
        <v>190</v>
      </c>
      <c r="CV34" s="74">
        <v>251</v>
      </c>
      <c r="CW34" s="127">
        <v>62</v>
      </c>
      <c r="CX34" s="83">
        <v>78</v>
      </c>
      <c r="CY34" s="84">
        <v>140</v>
      </c>
      <c r="CZ34" s="274"/>
      <c r="DA34" s="83">
        <v>97</v>
      </c>
      <c r="DB34" s="83">
        <v>95</v>
      </c>
      <c r="DC34" s="83">
        <v>83</v>
      </c>
      <c r="DD34" s="83">
        <v>49</v>
      </c>
      <c r="DE34" s="83">
        <v>47</v>
      </c>
      <c r="DF34" s="85">
        <v>371</v>
      </c>
      <c r="DG34" s="86">
        <v>511</v>
      </c>
      <c r="DH34" s="71">
        <v>0</v>
      </c>
      <c r="DI34" s="72">
        <v>3</v>
      </c>
      <c r="DJ34" s="73">
        <v>3</v>
      </c>
      <c r="DK34" s="277"/>
      <c r="DL34" s="72">
        <v>0</v>
      </c>
      <c r="DM34" s="72">
        <v>1</v>
      </c>
      <c r="DN34" s="72">
        <v>2</v>
      </c>
      <c r="DO34" s="72">
        <v>2</v>
      </c>
      <c r="DP34" s="72">
        <v>1</v>
      </c>
      <c r="DQ34" s="73">
        <v>6</v>
      </c>
      <c r="DR34" s="74">
        <v>9</v>
      </c>
      <c r="DS34" s="71">
        <v>1</v>
      </c>
      <c r="DT34" s="72">
        <v>6</v>
      </c>
      <c r="DU34" s="73">
        <v>7</v>
      </c>
      <c r="DV34" s="277"/>
      <c r="DW34" s="72">
        <v>9</v>
      </c>
      <c r="DX34" s="72">
        <v>6</v>
      </c>
      <c r="DY34" s="72">
        <v>6</v>
      </c>
      <c r="DZ34" s="72">
        <v>3</v>
      </c>
      <c r="EA34" s="72">
        <v>1</v>
      </c>
      <c r="EB34" s="73">
        <v>25</v>
      </c>
      <c r="EC34" s="74">
        <v>32</v>
      </c>
      <c r="ED34" s="71">
        <v>9</v>
      </c>
      <c r="EE34" s="72">
        <v>8</v>
      </c>
      <c r="EF34" s="73">
        <v>17</v>
      </c>
      <c r="EG34" s="277"/>
      <c r="EH34" s="72">
        <v>9</v>
      </c>
      <c r="EI34" s="72">
        <v>4</v>
      </c>
      <c r="EJ34" s="72">
        <v>3</v>
      </c>
      <c r="EK34" s="72">
        <v>4</v>
      </c>
      <c r="EL34" s="72">
        <v>2</v>
      </c>
      <c r="EM34" s="73">
        <v>22</v>
      </c>
      <c r="EN34" s="74">
        <v>39</v>
      </c>
      <c r="EO34" s="71">
        <v>17</v>
      </c>
      <c r="EP34" s="72">
        <v>14</v>
      </c>
      <c r="EQ34" s="73">
        <v>31</v>
      </c>
      <c r="ER34" s="277"/>
      <c r="ES34" s="72">
        <v>22</v>
      </c>
      <c r="ET34" s="72">
        <v>17</v>
      </c>
      <c r="EU34" s="72">
        <v>13</v>
      </c>
      <c r="EV34" s="72">
        <v>6</v>
      </c>
      <c r="EW34" s="72">
        <v>5</v>
      </c>
      <c r="EX34" s="73">
        <v>63</v>
      </c>
      <c r="EY34" s="74">
        <v>94</v>
      </c>
      <c r="EZ34" s="71">
        <v>25</v>
      </c>
      <c r="FA34" s="72">
        <v>23</v>
      </c>
      <c r="FB34" s="73">
        <v>48</v>
      </c>
      <c r="FC34" s="277"/>
      <c r="FD34" s="72">
        <v>27</v>
      </c>
      <c r="FE34" s="72">
        <v>28</v>
      </c>
      <c r="FF34" s="72">
        <v>26</v>
      </c>
      <c r="FG34" s="72">
        <v>12</v>
      </c>
      <c r="FH34" s="72">
        <v>11</v>
      </c>
      <c r="FI34" s="73">
        <v>104</v>
      </c>
      <c r="FJ34" s="74">
        <v>152</v>
      </c>
      <c r="FK34" s="71">
        <v>10</v>
      </c>
      <c r="FL34" s="72">
        <v>24</v>
      </c>
      <c r="FM34" s="73">
        <v>34</v>
      </c>
      <c r="FN34" s="277"/>
      <c r="FO34" s="72">
        <v>30</v>
      </c>
      <c r="FP34" s="72">
        <v>39</v>
      </c>
      <c r="FQ34" s="72">
        <v>33</v>
      </c>
      <c r="FR34" s="72">
        <v>22</v>
      </c>
      <c r="FS34" s="72">
        <v>27</v>
      </c>
      <c r="FT34" s="73">
        <v>151</v>
      </c>
      <c r="FU34" s="74">
        <v>185</v>
      </c>
      <c r="FV34" s="71">
        <v>0</v>
      </c>
      <c r="FW34" s="72">
        <v>0</v>
      </c>
      <c r="FX34" s="73">
        <v>0</v>
      </c>
      <c r="FY34" s="277"/>
      <c r="FZ34" s="72">
        <v>2</v>
      </c>
      <c r="GA34" s="72">
        <v>0</v>
      </c>
      <c r="GB34" s="72">
        <v>2</v>
      </c>
      <c r="GC34" s="72">
        <v>0</v>
      </c>
      <c r="GD34" s="72">
        <v>1</v>
      </c>
      <c r="GE34" s="73">
        <v>5</v>
      </c>
      <c r="GF34" s="74">
        <v>5</v>
      </c>
      <c r="GG34" s="71">
        <v>62</v>
      </c>
      <c r="GH34" s="72">
        <v>78</v>
      </c>
      <c r="GI34" s="73">
        <v>140</v>
      </c>
      <c r="GJ34" s="277"/>
      <c r="GK34" s="72">
        <v>99</v>
      </c>
      <c r="GL34" s="72">
        <v>95</v>
      </c>
      <c r="GM34" s="72">
        <v>85</v>
      </c>
      <c r="GN34" s="72">
        <v>49</v>
      </c>
      <c r="GO34" s="72">
        <v>48</v>
      </c>
      <c r="GP34" s="73">
        <v>376</v>
      </c>
      <c r="GQ34" s="74">
        <v>516</v>
      </c>
      <c r="GR34" s="127">
        <v>84</v>
      </c>
      <c r="GS34" s="83">
        <v>116</v>
      </c>
      <c r="GT34" s="84">
        <v>200</v>
      </c>
      <c r="GU34" s="274"/>
      <c r="GV34" s="83">
        <v>156</v>
      </c>
      <c r="GW34" s="83">
        <v>153</v>
      </c>
      <c r="GX34" s="83">
        <v>119</v>
      </c>
      <c r="GY34" s="83">
        <v>68</v>
      </c>
      <c r="GZ34" s="83">
        <v>59</v>
      </c>
      <c r="HA34" s="85">
        <v>555</v>
      </c>
      <c r="HB34" s="86">
        <v>755</v>
      </c>
      <c r="HC34" s="71">
        <v>2</v>
      </c>
      <c r="HD34" s="72">
        <v>3</v>
      </c>
      <c r="HE34" s="73">
        <v>5</v>
      </c>
      <c r="HF34" s="277"/>
      <c r="HG34" s="72">
        <v>4</v>
      </c>
      <c r="HH34" s="72">
        <v>3</v>
      </c>
      <c r="HI34" s="72">
        <v>7</v>
      </c>
      <c r="HJ34" s="72">
        <v>3</v>
      </c>
      <c r="HK34" s="72">
        <v>2</v>
      </c>
      <c r="HL34" s="73">
        <v>19</v>
      </c>
      <c r="HM34" s="74">
        <v>24</v>
      </c>
      <c r="HN34" s="71">
        <v>3</v>
      </c>
      <c r="HO34" s="72">
        <v>11</v>
      </c>
      <c r="HP34" s="73">
        <v>14</v>
      </c>
      <c r="HQ34" s="277"/>
      <c r="HR34" s="72">
        <v>18</v>
      </c>
      <c r="HS34" s="72">
        <v>12</v>
      </c>
      <c r="HT34" s="72">
        <v>11</v>
      </c>
      <c r="HU34" s="72">
        <v>7</v>
      </c>
      <c r="HV34" s="72">
        <v>4</v>
      </c>
      <c r="HW34" s="73">
        <v>52</v>
      </c>
      <c r="HX34" s="74">
        <v>66</v>
      </c>
      <c r="HY34" s="71">
        <v>11</v>
      </c>
      <c r="HZ34" s="72">
        <v>11</v>
      </c>
      <c r="IA34" s="73">
        <v>22</v>
      </c>
      <c r="IB34" s="277"/>
      <c r="IC34" s="72">
        <v>17</v>
      </c>
      <c r="ID34" s="72">
        <v>12</v>
      </c>
      <c r="IE34" s="72">
        <v>5</v>
      </c>
      <c r="IF34" s="72">
        <v>6</v>
      </c>
      <c r="IG34" s="72">
        <v>4</v>
      </c>
      <c r="IH34" s="73">
        <v>44</v>
      </c>
      <c r="II34" s="74">
        <v>66</v>
      </c>
      <c r="IJ34" s="71">
        <v>22</v>
      </c>
      <c r="IK34" s="72">
        <v>23</v>
      </c>
      <c r="IL34" s="73">
        <v>45</v>
      </c>
      <c r="IM34" s="277">
        <v>0</v>
      </c>
      <c r="IN34" s="72">
        <v>37</v>
      </c>
      <c r="IO34" s="72">
        <v>32</v>
      </c>
      <c r="IP34" s="72">
        <v>17</v>
      </c>
      <c r="IQ34" s="72">
        <v>8</v>
      </c>
      <c r="IR34" s="72">
        <v>8</v>
      </c>
      <c r="IS34" s="73">
        <v>102</v>
      </c>
      <c r="IT34" s="74">
        <v>147</v>
      </c>
      <c r="IU34" s="71">
        <v>31</v>
      </c>
      <c r="IV34" s="72">
        <v>36</v>
      </c>
      <c r="IW34" s="73">
        <v>67</v>
      </c>
      <c r="IX34" s="277"/>
      <c r="IY34" s="72">
        <v>40</v>
      </c>
      <c r="IZ34" s="72">
        <v>41</v>
      </c>
      <c r="JA34" s="72">
        <v>35</v>
      </c>
      <c r="JB34" s="72">
        <v>17</v>
      </c>
      <c r="JC34" s="72">
        <v>13</v>
      </c>
      <c r="JD34" s="73">
        <v>146</v>
      </c>
      <c r="JE34" s="74">
        <v>213</v>
      </c>
      <c r="JF34" s="71">
        <v>15</v>
      </c>
      <c r="JG34" s="72">
        <v>32</v>
      </c>
      <c r="JH34" s="73">
        <v>47</v>
      </c>
      <c r="JI34" s="277"/>
      <c r="JJ34" s="72">
        <v>40</v>
      </c>
      <c r="JK34" s="72">
        <v>53</v>
      </c>
      <c r="JL34" s="72">
        <v>44</v>
      </c>
      <c r="JM34" s="72">
        <v>27</v>
      </c>
      <c r="JN34" s="72">
        <v>28</v>
      </c>
      <c r="JO34" s="73">
        <v>192</v>
      </c>
      <c r="JP34" s="74">
        <v>239</v>
      </c>
      <c r="JQ34" s="71">
        <v>0</v>
      </c>
      <c r="JR34" s="72">
        <v>1</v>
      </c>
      <c r="JS34" s="73">
        <v>1</v>
      </c>
      <c r="JT34" s="277"/>
      <c r="JU34" s="72">
        <v>4</v>
      </c>
      <c r="JV34" s="72">
        <v>2</v>
      </c>
      <c r="JW34" s="72">
        <v>2</v>
      </c>
      <c r="JX34" s="72">
        <v>1</v>
      </c>
      <c r="JY34" s="72">
        <v>2</v>
      </c>
      <c r="JZ34" s="73">
        <v>11</v>
      </c>
      <c r="KA34" s="74">
        <v>12</v>
      </c>
      <c r="KB34" s="71">
        <v>84</v>
      </c>
      <c r="KC34" s="72">
        <v>117</v>
      </c>
      <c r="KD34" s="73">
        <v>201</v>
      </c>
      <c r="KE34" s="277"/>
      <c r="KF34" s="72">
        <v>160</v>
      </c>
      <c r="KG34" s="72">
        <v>155</v>
      </c>
      <c r="KH34" s="72">
        <v>121</v>
      </c>
      <c r="KI34" s="72">
        <v>69</v>
      </c>
      <c r="KJ34" s="72">
        <v>61</v>
      </c>
      <c r="KK34" s="73">
        <v>566</v>
      </c>
      <c r="KL34" s="74">
        <v>767</v>
      </c>
    </row>
    <row r="35" spans="1:298" ht="19.5" customHeight="1" x14ac:dyDescent="0.2">
      <c r="A35" s="130" t="s">
        <v>32</v>
      </c>
      <c r="B35" s="347">
        <v>28</v>
      </c>
      <c r="C35" s="83">
        <v>21</v>
      </c>
      <c r="D35" s="84">
        <v>49</v>
      </c>
      <c r="E35" s="274"/>
      <c r="F35" s="83">
        <v>64</v>
      </c>
      <c r="G35" s="83">
        <v>55</v>
      </c>
      <c r="H35" s="83">
        <v>39</v>
      </c>
      <c r="I35" s="83">
        <v>22</v>
      </c>
      <c r="J35" s="83">
        <v>18</v>
      </c>
      <c r="K35" s="85">
        <v>198</v>
      </c>
      <c r="L35" s="86">
        <v>247</v>
      </c>
      <c r="M35" s="71">
        <v>1</v>
      </c>
      <c r="N35" s="72">
        <v>4</v>
      </c>
      <c r="O35" s="73">
        <v>5</v>
      </c>
      <c r="P35" s="277"/>
      <c r="Q35" s="72">
        <v>3</v>
      </c>
      <c r="R35" s="72">
        <v>1</v>
      </c>
      <c r="S35" s="72">
        <v>2</v>
      </c>
      <c r="T35" s="72">
        <v>3</v>
      </c>
      <c r="U35" s="72">
        <v>2</v>
      </c>
      <c r="V35" s="73">
        <v>11</v>
      </c>
      <c r="W35" s="74">
        <v>16</v>
      </c>
      <c r="X35" s="71">
        <v>7</v>
      </c>
      <c r="Y35" s="72">
        <v>2</v>
      </c>
      <c r="Z35" s="73">
        <v>9</v>
      </c>
      <c r="AA35" s="277"/>
      <c r="AB35" s="72">
        <v>9</v>
      </c>
      <c r="AC35" s="72">
        <v>6</v>
      </c>
      <c r="AD35" s="72">
        <v>5</v>
      </c>
      <c r="AE35" s="72">
        <v>3</v>
      </c>
      <c r="AF35" s="72">
        <v>1</v>
      </c>
      <c r="AG35" s="73">
        <v>24</v>
      </c>
      <c r="AH35" s="74">
        <v>33</v>
      </c>
      <c r="AI35" s="71">
        <v>5</v>
      </c>
      <c r="AJ35" s="72">
        <v>0</v>
      </c>
      <c r="AK35" s="73">
        <v>5</v>
      </c>
      <c r="AL35" s="277"/>
      <c r="AM35" s="72">
        <v>12</v>
      </c>
      <c r="AN35" s="72">
        <v>13</v>
      </c>
      <c r="AO35" s="72">
        <v>3</v>
      </c>
      <c r="AP35" s="72">
        <v>2</v>
      </c>
      <c r="AQ35" s="72">
        <v>5</v>
      </c>
      <c r="AR35" s="73">
        <v>35</v>
      </c>
      <c r="AS35" s="74">
        <v>40</v>
      </c>
      <c r="AT35" s="71">
        <v>7</v>
      </c>
      <c r="AU35" s="72">
        <v>5</v>
      </c>
      <c r="AV35" s="73">
        <v>12</v>
      </c>
      <c r="AW35" s="277"/>
      <c r="AX35" s="72">
        <v>11</v>
      </c>
      <c r="AY35" s="72">
        <v>13</v>
      </c>
      <c r="AZ35" s="72">
        <v>9</v>
      </c>
      <c r="BA35" s="72">
        <v>5</v>
      </c>
      <c r="BB35" s="72">
        <v>6</v>
      </c>
      <c r="BC35" s="73">
        <v>44</v>
      </c>
      <c r="BD35" s="74">
        <v>56</v>
      </c>
      <c r="BE35" s="71">
        <v>6</v>
      </c>
      <c r="BF35" s="72">
        <v>8</v>
      </c>
      <c r="BG35" s="73">
        <v>14</v>
      </c>
      <c r="BH35" s="277"/>
      <c r="BI35" s="72">
        <v>21</v>
      </c>
      <c r="BJ35" s="72">
        <v>14</v>
      </c>
      <c r="BK35" s="72">
        <v>13</v>
      </c>
      <c r="BL35" s="72">
        <v>4</v>
      </c>
      <c r="BM35" s="72">
        <v>3</v>
      </c>
      <c r="BN35" s="73">
        <v>55</v>
      </c>
      <c r="BO35" s="74">
        <v>69</v>
      </c>
      <c r="BP35" s="71">
        <v>2</v>
      </c>
      <c r="BQ35" s="72">
        <v>2</v>
      </c>
      <c r="BR35" s="73">
        <v>4</v>
      </c>
      <c r="BS35" s="277"/>
      <c r="BT35" s="72">
        <v>8</v>
      </c>
      <c r="BU35" s="72">
        <v>8</v>
      </c>
      <c r="BV35" s="72">
        <v>7</v>
      </c>
      <c r="BW35" s="72">
        <v>5</v>
      </c>
      <c r="BX35" s="72">
        <v>1</v>
      </c>
      <c r="BY35" s="73">
        <v>29</v>
      </c>
      <c r="BZ35" s="74">
        <v>33</v>
      </c>
      <c r="CA35" s="71">
        <v>1</v>
      </c>
      <c r="CB35" s="72">
        <v>1</v>
      </c>
      <c r="CC35" s="73">
        <v>2</v>
      </c>
      <c r="CD35" s="277"/>
      <c r="CE35" s="72">
        <v>6</v>
      </c>
      <c r="CF35" s="72">
        <v>4</v>
      </c>
      <c r="CG35" s="72">
        <v>1</v>
      </c>
      <c r="CH35" s="72">
        <v>3</v>
      </c>
      <c r="CI35" s="72">
        <v>3</v>
      </c>
      <c r="CJ35" s="73">
        <v>17</v>
      </c>
      <c r="CK35" s="74">
        <v>19</v>
      </c>
      <c r="CL35" s="71">
        <v>29</v>
      </c>
      <c r="CM35" s="72">
        <v>22</v>
      </c>
      <c r="CN35" s="73">
        <v>51</v>
      </c>
      <c r="CO35" s="277"/>
      <c r="CP35" s="72">
        <v>70</v>
      </c>
      <c r="CQ35" s="72">
        <v>59</v>
      </c>
      <c r="CR35" s="72">
        <v>40</v>
      </c>
      <c r="CS35" s="72">
        <v>25</v>
      </c>
      <c r="CT35" s="72">
        <v>21</v>
      </c>
      <c r="CU35" s="73">
        <v>215</v>
      </c>
      <c r="CV35" s="74">
        <v>266</v>
      </c>
      <c r="CW35" s="127">
        <v>46</v>
      </c>
      <c r="CX35" s="83">
        <v>72</v>
      </c>
      <c r="CY35" s="84">
        <v>118</v>
      </c>
      <c r="CZ35" s="274"/>
      <c r="DA35" s="83">
        <v>119</v>
      </c>
      <c r="DB35" s="83">
        <v>84</v>
      </c>
      <c r="DC35" s="83">
        <v>71</v>
      </c>
      <c r="DD35" s="83">
        <v>74</v>
      </c>
      <c r="DE35" s="83">
        <v>30</v>
      </c>
      <c r="DF35" s="85">
        <v>378</v>
      </c>
      <c r="DG35" s="86">
        <v>496</v>
      </c>
      <c r="DH35" s="71">
        <v>1</v>
      </c>
      <c r="DI35" s="72">
        <v>1</v>
      </c>
      <c r="DJ35" s="73">
        <v>2</v>
      </c>
      <c r="DK35" s="277"/>
      <c r="DL35" s="72">
        <v>5</v>
      </c>
      <c r="DM35" s="72">
        <v>2</v>
      </c>
      <c r="DN35" s="72">
        <v>1</v>
      </c>
      <c r="DO35" s="72">
        <v>3</v>
      </c>
      <c r="DP35" s="72">
        <v>1</v>
      </c>
      <c r="DQ35" s="73">
        <v>12</v>
      </c>
      <c r="DR35" s="74">
        <v>14</v>
      </c>
      <c r="DS35" s="71">
        <v>2</v>
      </c>
      <c r="DT35" s="72">
        <v>4</v>
      </c>
      <c r="DU35" s="73">
        <v>6</v>
      </c>
      <c r="DV35" s="277"/>
      <c r="DW35" s="72">
        <v>9</v>
      </c>
      <c r="DX35" s="72">
        <v>1</v>
      </c>
      <c r="DY35" s="72">
        <v>3</v>
      </c>
      <c r="DZ35" s="72">
        <v>3</v>
      </c>
      <c r="EA35" s="72">
        <v>4</v>
      </c>
      <c r="EB35" s="73">
        <v>20</v>
      </c>
      <c r="EC35" s="74">
        <v>26</v>
      </c>
      <c r="ED35" s="71">
        <v>9</v>
      </c>
      <c r="EE35" s="72">
        <v>10</v>
      </c>
      <c r="EF35" s="73">
        <v>19</v>
      </c>
      <c r="EG35" s="277"/>
      <c r="EH35" s="72">
        <v>14</v>
      </c>
      <c r="EI35" s="72">
        <v>8</v>
      </c>
      <c r="EJ35" s="72">
        <v>9</v>
      </c>
      <c r="EK35" s="72">
        <v>4</v>
      </c>
      <c r="EL35" s="72">
        <v>1</v>
      </c>
      <c r="EM35" s="73">
        <v>36</v>
      </c>
      <c r="EN35" s="74">
        <v>55</v>
      </c>
      <c r="EO35" s="71">
        <v>11</v>
      </c>
      <c r="EP35" s="72">
        <v>18</v>
      </c>
      <c r="EQ35" s="73">
        <v>29</v>
      </c>
      <c r="ER35" s="277"/>
      <c r="ES35" s="72">
        <v>24</v>
      </c>
      <c r="ET35" s="72">
        <v>17</v>
      </c>
      <c r="EU35" s="72">
        <v>7</v>
      </c>
      <c r="EV35" s="72">
        <v>9</v>
      </c>
      <c r="EW35" s="72">
        <v>9</v>
      </c>
      <c r="EX35" s="73">
        <v>66</v>
      </c>
      <c r="EY35" s="74">
        <v>95</v>
      </c>
      <c r="EZ35" s="71">
        <v>17</v>
      </c>
      <c r="FA35" s="72">
        <v>12</v>
      </c>
      <c r="FB35" s="73">
        <v>29</v>
      </c>
      <c r="FC35" s="277"/>
      <c r="FD35" s="72">
        <v>44</v>
      </c>
      <c r="FE35" s="72">
        <v>25</v>
      </c>
      <c r="FF35" s="72">
        <v>25</v>
      </c>
      <c r="FG35" s="72">
        <v>15</v>
      </c>
      <c r="FH35" s="72">
        <v>4</v>
      </c>
      <c r="FI35" s="73">
        <v>113</v>
      </c>
      <c r="FJ35" s="74">
        <v>142</v>
      </c>
      <c r="FK35" s="71">
        <v>6</v>
      </c>
      <c r="FL35" s="72">
        <v>27</v>
      </c>
      <c r="FM35" s="73">
        <v>33</v>
      </c>
      <c r="FN35" s="277"/>
      <c r="FO35" s="72">
        <v>23</v>
      </c>
      <c r="FP35" s="72">
        <v>31</v>
      </c>
      <c r="FQ35" s="72">
        <v>26</v>
      </c>
      <c r="FR35" s="72">
        <v>40</v>
      </c>
      <c r="FS35" s="72">
        <v>11</v>
      </c>
      <c r="FT35" s="73">
        <v>131</v>
      </c>
      <c r="FU35" s="74">
        <v>164</v>
      </c>
      <c r="FV35" s="71">
        <v>2</v>
      </c>
      <c r="FW35" s="72">
        <v>1</v>
      </c>
      <c r="FX35" s="73">
        <v>3</v>
      </c>
      <c r="FY35" s="277"/>
      <c r="FZ35" s="72">
        <v>3</v>
      </c>
      <c r="GA35" s="72">
        <v>3</v>
      </c>
      <c r="GB35" s="72">
        <v>0</v>
      </c>
      <c r="GC35" s="72">
        <v>0</v>
      </c>
      <c r="GD35" s="72">
        <v>2</v>
      </c>
      <c r="GE35" s="73">
        <v>8</v>
      </c>
      <c r="GF35" s="74">
        <v>11</v>
      </c>
      <c r="GG35" s="71">
        <v>48</v>
      </c>
      <c r="GH35" s="72">
        <v>73</v>
      </c>
      <c r="GI35" s="73">
        <v>121</v>
      </c>
      <c r="GJ35" s="277"/>
      <c r="GK35" s="72">
        <v>122</v>
      </c>
      <c r="GL35" s="72">
        <v>87</v>
      </c>
      <c r="GM35" s="72">
        <v>71</v>
      </c>
      <c r="GN35" s="72">
        <v>74</v>
      </c>
      <c r="GO35" s="72">
        <v>32</v>
      </c>
      <c r="GP35" s="73">
        <v>386</v>
      </c>
      <c r="GQ35" s="74">
        <v>507</v>
      </c>
      <c r="GR35" s="127">
        <v>74</v>
      </c>
      <c r="GS35" s="83">
        <v>93</v>
      </c>
      <c r="GT35" s="84">
        <v>167</v>
      </c>
      <c r="GU35" s="274"/>
      <c r="GV35" s="83">
        <v>183</v>
      </c>
      <c r="GW35" s="83">
        <v>139</v>
      </c>
      <c r="GX35" s="83">
        <v>110</v>
      </c>
      <c r="GY35" s="83">
        <v>96</v>
      </c>
      <c r="GZ35" s="83">
        <v>48</v>
      </c>
      <c r="HA35" s="85">
        <v>576</v>
      </c>
      <c r="HB35" s="86">
        <v>743</v>
      </c>
      <c r="HC35" s="71">
        <v>2</v>
      </c>
      <c r="HD35" s="72">
        <v>5</v>
      </c>
      <c r="HE35" s="73">
        <v>7</v>
      </c>
      <c r="HF35" s="277"/>
      <c r="HG35" s="72">
        <v>8</v>
      </c>
      <c r="HH35" s="72">
        <v>3</v>
      </c>
      <c r="HI35" s="72">
        <v>3</v>
      </c>
      <c r="HJ35" s="72">
        <v>6</v>
      </c>
      <c r="HK35" s="72">
        <v>3</v>
      </c>
      <c r="HL35" s="73">
        <v>23</v>
      </c>
      <c r="HM35" s="74">
        <v>30</v>
      </c>
      <c r="HN35" s="71">
        <v>9</v>
      </c>
      <c r="HO35" s="72">
        <v>6</v>
      </c>
      <c r="HP35" s="73">
        <v>15</v>
      </c>
      <c r="HQ35" s="277"/>
      <c r="HR35" s="72">
        <v>18</v>
      </c>
      <c r="HS35" s="72">
        <v>7</v>
      </c>
      <c r="HT35" s="72">
        <v>8</v>
      </c>
      <c r="HU35" s="72">
        <v>6</v>
      </c>
      <c r="HV35" s="72">
        <v>5</v>
      </c>
      <c r="HW35" s="73">
        <v>44</v>
      </c>
      <c r="HX35" s="74">
        <v>59</v>
      </c>
      <c r="HY35" s="71">
        <v>14</v>
      </c>
      <c r="HZ35" s="72">
        <v>10</v>
      </c>
      <c r="IA35" s="73">
        <v>24</v>
      </c>
      <c r="IB35" s="277"/>
      <c r="IC35" s="72">
        <v>26</v>
      </c>
      <c r="ID35" s="72">
        <v>21</v>
      </c>
      <c r="IE35" s="72">
        <v>12</v>
      </c>
      <c r="IF35" s="72">
        <v>6</v>
      </c>
      <c r="IG35" s="72">
        <v>6</v>
      </c>
      <c r="IH35" s="73">
        <v>71</v>
      </c>
      <c r="II35" s="74">
        <v>95</v>
      </c>
      <c r="IJ35" s="71">
        <v>18</v>
      </c>
      <c r="IK35" s="72">
        <v>23</v>
      </c>
      <c r="IL35" s="73">
        <v>41</v>
      </c>
      <c r="IM35" s="277">
        <v>0</v>
      </c>
      <c r="IN35" s="72">
        <v>35</v>
      </c>
      <c r="IO35" s="72">
        <v>30</v>
      </c>
      <c r="IP35" s="72">
        <v>16</v>
      </c>
      <c r="IQ35" s="72">
        <v>14</v>
      </c>
      <c r="IR35" s="72">
        <v>15</v>
      </c>
      <c r="IS35" s="73">
        <v>110</v>
      </c>
      <c r="IT35" s="74">
        <v>151</v>
      </c>
      <c r="IU35" s="71">
        <v>23</v>
      </c>
      <c r="IV35" s="72">
        <v>20</v>
      </c>
      <c r="IW35" s="73">
        <v>43</v>
      </c>
      <c r="IX35" s="277"/>
      <c r="IY35" s="72">
        <v>65</v>
      </c>
      <c r="IZ35" s="72">
        <v>39</v>
      </c>
      <c r="JA35" s="72">
        <v>38</v>
      </c>
      <c r="JB35" s="72">
        <v>19</v>
      </c>
      <c r="JC35" s="72">
        <v>7</v>
      </c>
      <c r="JD35" s="73">
        <v>168</v>
      </c>
      <c r="JE35" s="74">
        <v>211</v>
      </c>
      <c r="JF35" s="71">
        <v>8</v>
      </c>
      <c r="JG35" s="72">
        <v>29</v>
      </c>
      <c r="JH35" s="73">
        <v>37</v>
      </c>
      <c r="JI35" s="277"/>
      <c r="JJ35" s="72">
        <v>31</v>
      </c>
      <c r="JK35" s="72">
        <v>39</v>
      </c>
      <c r="JL35" s="72">
        <v>33</v>
      </c>
      <c r="JM35" s="72">
        <v>45</v>
      </c>
      <c r="JN35" s="72">
        <v>12</v>
      </c>
      <c r="JO35" s="73">
        <v>160</v>
      </c>
      <c r="JP35" s="74">
        <v>197</v>
      </c>
      <c r="JQ35" s="71">
        <v>3</v>
      </c>
      <c r="JR35" s="72">
        <v>2</v>
      </c>
      <c r="JS35" s="73">
        <v>5</v>
      </c>
      <c r="JT35" s="277"/>
      <c r="JU35" s="72">
        <v>9</v>
      </c>
      <c r="JV35" s="72">
        <v>7</v>
      </c>
      <c r="JW35" s="72">
        <v>1</v>
      </c>
      <c r="JX35" s="72">
        <v>3</v>
      </c>
      <c r="JY35" s="72">
        <v>5</v>
      </c>
      <c r="JZ35" s="73">
        <v>25</v>
      </c>
      <c r="KA35" s="74">
        <v>30</v>
      </c>
      <c r="KB35" s="71">
        <v>77</v>
      </c>
      <c r="KC35" s="72">
        <v>95</v>
      </c>
      <c r="KD35" s="73">
        <v>172</v>
      </c>
      <c r="KE35" s="277"/>
      <c r="KF35" s="72">
        <v>192</v>
      </c>
      <c r="KG35" s="72">
        <v>146</v>
      </c>
      <c r="KH35" s="72">
        <v>111</v>
      </c>
      <c r="KI35" s="72">
        <v>99</v>
      </c>
      <c r="KJ35" s="72">
        <v>53</v>
      </c>
      <c r="KK35" s="73">
        <v>601</v>
      </c>
      <c r="KL35" s="74">
        <v>773</v>
      </c>
    </row>
    <row r="36" spans="1:298" ht="19.5" customHeight="1" x14ac:dyDescent="0.2">
      <c r="A36" s="130" t="s">
        <v>33</v>
      </c>
      <c r="B36" s="347">
        <v>31</v>
      </c>
      <c r="C36" s="83">
        <v>18</v>
      </c>
      <c r="D36" s="84">
        <v>49</v>
      </c>
      <c r="E36" s="274"/>
      <c r="F36" s="83">
        <v>56</v>
      </c>
      <c r="G36" s="83">
        <v>42</v>
      </c>
      <c r="H36" s="83">
        <v>30</v>
      </c>
      <c r="I36" s="83">
        <v>19</v>
      </c>
      <c r="J36" s="83">
        <v>16</v>
      </c>
      <c r="K36" s="85">
        <v>163</v>
      </c>
      <c r="L36" s="86">
        <v>212</v>
      </c>
      <c r="M36" s="71">
        <v>1</v>
      </c>
      <c r="N36" s="72">
        <v>1</v>
      </c>
      <c r="O36" s="73">
        <v>2</v>
      </c>
      <c r="P36" s="277"/>
      <c r="Q36" s="72">
        <v>2</v>
      </c>
      <c r="R36" s="72">
        <v>4</v>
      </c>
      <c r="S36" s="72">
        <v>2</v>
      </c>
      <c r="T36" s="72">
        <v>3</v>
      </c>
      <c r="U36" s="72">
        <v>0</v>
      </c>
      <c r="V36" s="73">
        <v>11</v>
      </c>
      <c r="W36" s="74">
        <v>13</v>
      </c>
      <c r="X36" s="71">
        <v>5</v>
      </c>
      <c r="Y36" s="72">
        <v>5</v>
      </c>
      <c r="Z36" s="73">
        <v>10</v>
      </c>
      <c r="AA36" s="277"/>
      <c r="AB36" s="72">
        <v>7</v>
      </c>
      <c r="AC36" s="72">
        <v>8</v>
      </c>
      <c r="AD36" s="72">
        <v>5</v>
      </c>
      <c r="AE36" s="72">
        <v>5</v>
      </c>
      <c r="AF36" s="72">
        <v>3</v>
      </c>
      <c r="AG36" s="73">
        <v>28</v>
      </c>
      <c r="AH36" s="74">
        <v>38</v>
      </c>
      <c r="AI36" s="71">
        <v>7</v>
      </c>
      <c r="AJ36" s="72">
        <v>2</v>
      </c>
      <c r="AK36" s="73">
        <v>9</v>
      </c>
      <c r="AL36" s="277"/>
      <c r="AM36" s="72">
        <v>10</v>
      </c>
      <c r="AN36" s="72">
        <v>6</v>
      </c>
      <c r="AO36" s="72">
        <v>8</v>
      </c>
      <c r="AP36" s="72">
        <v>3</v>
      </c>
      <c r="AQ36" s="72">
        <v>3</v>
      </c>
      <c r="AR36" s="73">
        <v>30</v>
      </c>
      <c r="AS36" s="74">
        <v>39</v>
      </c>
      <c r="AT36" s="71">
        <v>5</v>
      </c>
      <c r="AU36" s="72">
        <v>7</v>
      </c>
      <c r="AV36" s="73">
        <v>12</v>
      </c>
      <c r="AW36" s="277"/>
      <c r="AX36" s="72">
        <v>12</v>
      </c>
      <c r="AY36" s="72">
        <v>9</v>
      </c>
      <c r="AZ36" s="72">
        <v>2</v>
      </c>
      <c r="BA36" s="72">
        <v>2</v>
      </c>
      <c r="BB36" s="72">
        <v>4</v>
      </c>
      <c r="BC36" s="73">
        <v>29</v>
      </c>
      <c r="BD36" s="74">
        <v>41</v>
      </c>
      <c r="BE36" s="71">
        <v>9</v>
      </c>
      <c r="BF36" s="72">
        <v>2</v>
      </c>
      <c r="BG36" s="73">
        <v>11</v>
      </c>
      <c r="BH36" s="277"/>
      <c r="BI36" s="72">
        <v>15</v>
      </c>
      <c r="BJ36" s="72">
        <v>8</v>
      </c>
      <c r="BK36" s="72">
        <v>11</v>
      </c>
      <c r="BL36" s="72">
        <v>4</v>
      </c>
      <c r="BM36" s="72">
        <v>4</v>
      </c>
      <c r="BN36" s="73">
        <v>42</v>
      </c>
      <c r="BO36" s="74">
        <v>53</v>
      </c>
      <c r="BP36" s="71">
        <v>4</v>
      </c>
      <c r="BQ36" s="72">
        <v>1</v>
      </c>
      <c r="BR36" s="73">
        <v>5</v>
      </c>
      <c r="BS36" s="277"/>
      <c r="BT36" s="72">
        <v>10</v>
      </c>
      <c r="BU36" s="72">
        <v>7</v>
      </c>
      <c r="BV36" s="72">
        <v>2</v>
      </c>
      <c r="BW36" s="72">
        <v>2</v>
      </c>
      <c r="BX36" s="72">
        <v>2</v>
      </c>
      <c r="BY36" s="73">
        <v>23</v>
      </c>
      <c r="BZ36" s="74">
        <v>28</v>
      </c>
      <c r="CA36" s="71">
        <v>1</v>
      </c>
      <c r="CB36" s="72">
        <v>0</v>
      </c>
      <c r="CC36" s="73">
        <v>1</v>
      </c>
      <c r="CD36" s="277"/>
      <c r="CE36" s="72">
        <v>1</v>
      </c>
      <c r="CF36" s="72">
        <v>1</v>
      </c>
      <c r="CG36" s="72">
        <v>0</v>
      </c>
      <c r="CH36" s="72">
        <v>0</v>
      </c>
      <c r="CI36" s="72">
        <v>1</v>
      </c>
      <c r="CJ36" s="73">
        <v>3</v>
      </c>
      <c r="CK36" s="74">
        <v>4</v>
      </c>
      <c r="CL36" s="71">
        <v>32</v>
      </c>
      <c r="CM36" s="72">
        <v>18</v>
      </c>
      <c r="CN36" s="73">
        <v>50</v>
      </c>
      <c r="CO36" s="277"/>
      <c r="CP36" s="72">
        <v>57</v>
      </c>
      <c r="CQ36" s="72">
        <v>43</v>
      </c>
      <c r="CR36" s="72">
        <v>30</v>
      </c>
      <c r="CS36" s="72">
        <v>19</v>
      </c>
      <c r="CT36" s="72">
        <v>17</v>
      </c>
      <c r="CU36" s="73">
        <v>166</v>
      </c>
      <c r="CV36" s="74">
        <v>216</v>
      </c>
      <c r="CW36" s="127">
        <v>62</v>
      </c>
      <c r="CX36" s="83">
        <v>75</v>
      </c>
      <c r="CY36" s="84">
        <v>137</v>
      </c>
      <c r="CZ36" s="274"/>
      <c r="DA36" s="83">
        <v>107</v>
      </c>
      <c r="DB36" s="83">
        <v>89</v>
      </c>
      <c r="DC36" s="83">
        <v>74</v>
      </c>
      <c r="DD36" s="83">
        <v>67</v>
      </c>
      <c r="DE36" s="83">
        <v>54</v>
      </c>
      <c r="DF36" s="85">
        <v>391</v>
      </c>
      <c r="DG36" s="86">
        <v>528</v>
      </c>
      <c r="DH36" s="71">
        <v>2</v>
      </c>
      <c r="DI36" s="72">
        <v>1</v>
      </c>
      <c r="DJ36" s="73">
        <v>3</v>
      </c>
      <c r="DK36" s="277"/>
      <c r="DL36" s="72">
        <v>0</v>
      </c>
      <c r="DM36" s="72">
        <v>2</v>
      </c>
      <c r="DN36" s="72">
        <v>2</v>
      </c>
      <c r="DO36" s="72">
        <v>1</v>
      </c>
      <c r="DP36" s="72">
        <v>3</v>
      </c>
      <c r="DQ36" s="73">
        <v>8</v>
      </c>
      <c r="DR36" s="74">
        <v>11</v>
      </c>
      <c r="DS36" s="71">
        <v>8</v>
      </c>
      <c r="DT36" s="72">
        <v>6</v>
      </c>
      <c r="DU36" s="73">
        <v>14</v>
      </c>
      <c r="DV36" s="277"/>
      <c r="DW36" s="72">
        <v>4</v>
      </c>
      <c r="DX36" s="72">
        <v>5</v>
      </c>
      <c r="DY36" s="72">
        <v>4</v>
      </c>
      <c r="DZ36" s="72">
        <v>6</v>
      </c>
      <c r="EA36" s="72">
        <v>2</v>
      </c>
      <c r="EB36" s="73">
        <v>21</v>
      </c>
      <c r="EC36" s="74">
        <v>35</v>
      </c>
      <c r="ED36" s="71">
        <v>1</v>
      </c>
      <c r="EE36" s="72">
        <v>5</v>
      </c>
      <c r="EF36" s="73">
        <v>6</v>
      </c>
      <c r="EG36" s="277"/>
      <c r="EH36" s="72">
        <v>15</v>
      </c>
      <c r="EI36" s="72">
        <v>9</v>
      </c>
      <c r="EJ36" s="72">
        <v>6</v>
      </c>
      <c r="EK36" s="72">
        <v>2</v>
      </c>
      <c r="EL36" s="72">
        <v>6</v>
      </c>
      <c r="EM36" s="73">
        <v>38</v>
      </c>
      <c r="EN36" s="74">
        <v>44</v>
      </c>
      <c r="EO36" s="71">
        <v>13</v>
      </c>
      <c r="EP36" s="72">
        <v>15</v>
      </c>
      <c r="EQ36" s="73">
        <v>28</v>
      </c>
      <c r="ER36" s="277"/>
      <c r="ES36" s="72">
        <v>33</v>
      </c>
      <c r="ET36" s="72">
        <v>20</v>
      </c>
      <c r="EU36" s="72">
        <v>8</v>
      </c>
      <c r="EV36" s="72">
        <v>18</v>
      </c>
      <c r="EW36" s="72">
        <v>9</v>
      </c>
      <c r="EX36" s="73">
        <v>88</v>
      </c>
      <c r="EY36" s="74">
        <v>116</v>
      </c>
      <c r="EZ36" s="71">
        <v>29</v>
      </c>
      <c r="FA36" s="72">
        <v>28</v>
      </c>
      <c r="FB36" s="73">
        <v>57</v>
      </c>
      <c r="FC36" s="277"/>
      <c r="FD36" s="72">
        <v>24</v>
      </c>
      <c r="FE36" s="72">
        <v>19</v>
      </c>
      <c r="FF36" s="72">
        <v>19</v>
      </c>
      <c r="FG36" s="72">
        <v>12</v>
      </c>
      <c r="FH36" s="72">
        <v>14</v>
      </c>
      <c r="FI36" s="73">
        <v>88</v>
      </c>
      <c r="FJ36" s="74">
        <v>145</v>
      </c>
      <c r="FK36" s="71">
        <v>9</v>
      </c>
      <c r="FL36" s="72">
        <v>20</v>
      </c>
      <c r="FM36" s="73">
        <v>29</v>
      </c>
      <c r="FN36" s="277"/>
      <c r="FO36" s="72">
        <v>31</v>
      </c>
      <c r="FP36" s="72">
        <v>34</v>
      </c>
      <c r="FQ36" s="72">
        <v>35</v>
      </c>
      <c r="FR36" s="72">
        <v>28</v>
      </c>
      <c r="FS36" s="72">
        <v>20</v>
      </c>
      <c r="FT36" s="73">
        <v>148</v>
      </c>
      <c r="FU36" s="74">
        <v>177</v>
      </c>
      <c r="FV36" s="71">
        <v>0</v>
      </c>
      <c r="FW36" s="72">
        <v>0</v>
      </c>
      <c r="FX36" s="73">
        <v>0</v>
      </c>
      <c r="FY36" s="277"/>
      <c r="FZ36" s="72">
        <v>1</v>
      </c>
      <c r="GA36" s="72">
        <v>0</v>
      </c>
      <c r="GB36" s="72">
        <v>0</v>
      </c>
      <c r="GC36" s="72">
        <v>1</v>
      </c>
      <c r="GD36" s="72">
        <v>1</v>
      </c>
      <c r="GE36" s="73">
        <v>3</v>
      </c>
      <c r="GF36" s="74">
        <v>3</v>
      </c>
      <c r="GG36" s="71">
        <v>62</v>
      </c>
      <c r="GH36" s="72">
        <v>75</v>
      </c>
      <c r="GI36" s="73">
        <v>137</v>
      </c>
      <c r="GJ36" s="277"/>
      <c r="GK36" s="72">
        <v>108</v>
      </c>
      <c r="GL36" s="72">
        <v>89</v>
      </c>
      <c r="GM36" s="72">
        <v>74</v>
      </c>
      <c r="GN36" s="72">
        <v>68</v>
      </c>
      <c r="GO36" s="72">
        <v>55</v>
      </c>
      <c r="GP36" s="73">
        <v>394</v>
      </c>
      <c r="GQ36" s="74">
        <v>531</v>
      </c>
      <c r="GR36" s="127">
        <v>93</v>
      </c>
      <c r="GS36" s="83">
        <v>93</v>
      </c>
      <c r="GT36" s="84">
        <v>186</v>
      </c>
      <c r="GU36" s="274"/>
      <c r="GV36" s="83">
        <v>163</v>
      </c>
      <c r="GW36" s="83">
        <v>131</v>
      </c>
      <c r="GX36" s="83">
        <v>104</v>
      </c>
      <c r="GY36" s="83">
        <v>86</v>
      </c>
      <c r="GZ36" s="83">
        <v>70</v>
      </c>
      <c r="HA36" s="85">
        <v>554</v>
      </c>
      <c r="HB36" s="86">
        <v>740</v>
      </c>
      <c r="HC36" s="71">
        <v>3</v>
      </c>
      <c r="HD36" s="72">
        <v>2</v>
      </c>
      <c r="HE36" s="73">
        <v>5</v>
      </c>
      <c r="HF36" s="277"/>
      <c r="HG36" s="72">
        <v>2</v>
      </c>
      <c r="HH36" s="72">
        <v>6</v>
      </c>
      <c r="HI36" s="72">
        <v>4</v>
      </c>
      <c r="HJ36" s="72">
        <v>4</v>
      </c>
      <c r="HK36" s="72">
        <v>3</v>
      </c>
      <c r="HL36" s="73">
        <v>19</v>
      </c>
      <c r="HM36" s="74">
        <v>24</v>
      </c>
      <c r="HN36" s="71">
        <v>13</v>
      </c>
      <c r="HO36" s="72">
        <v>11</v>
      </c>
      <c r="HP36" s="73">
        <v>24</v>
      </c>
      <c r="HQ36" s="277"/>
      <c r="HR36" s="72">
        <v>11</v>
      </c>
      <c r="HS36" s="72">
        <v>13</v>
      </c>
      <c r="HT36" s="72">
        <v>9</v>
      </c>
      <c r="HU36" s="72">
        <v>11</v>
      </c>
      <c r="HV36" s="72">
        <v>5</v>
      </c>
      <c r="HW36" s="73">
        <v>49</v>
      </c>
      <c r="HX36" s="74">
        <v>73</v>
      </c>
      <c r="HY36" s="71">
        <v>8</v>
      </c>
      <c r="HZ36" s="72">
        <v>7</v>
      </c>
      <c r="IA36" s="73">
        <v>15</v>
      </c>
      <c r="IB36" s="277"/>
      <c r="IC36" s="72">
        <v>25</v>
      </c>
      <c r="ID36" s="72">
        <v>15</v>
      </c>
      <c r="IE36" s="72">
        <v>14</v>
      </c>
      <c r="IF36" s="72">
        <v>5</v>
      </c>
      <c r="IG36" s="72">
        <v>9</v>
      </c>
      <c r="IH36" s="73">
        <v>68</v>
      </c>
      <c r="II36" s="74">
        <v>83</v>
      </c>
      <c r="IJ36" s="71">
        <v>18</v>
      </c>
      <c r="IK36" s="72">
        <v>22</v>
      </c>
      <c r="IL36" s="73">
        <v>40</v>
      </c>
      <c r="IM36" s="277">
        <v>0</v>
      </c>
      <c r="IN36" s="72">
        <v>45</v>
      </c>
      <c r="IO36" s="72">
        <v>29</v>
      </c>
      <c r="IP36" s="72">
        <v>10</v>
      </c>
      <c r="IQ36" s="72">
        <v>20</v>
      </c>
      <c r="IR36" s="72">
        <v>13</v>
      </c>
      <c r="IS36" s="73">
        <v>117</v>
      </c>
      <c r="IT36" s="74">
        <v>157</v>
      </c>
      <c r="IU36" s="71">
        <v>38</v>
      </c>
      <c r="IV36" s="72">
        <v>30</v>
      </c>
      <c r="IW36" s="73">
        <v>68</v>
      </c>
      <c r="IX36" s="277"/>
      <c r="IY36" s="72">
        <v>39</v>
      </c>
      <c r="IZ36" s="72">
        <v>27</v>
      </c>
      <c r="JA36" s="72">
        <v>30</v>
      </c>
      <c r="JB36" s="72">
        <v>16</v>
      </c>
      <c r="JC36" s="72">
        <v>18</v>
      </c>
      <c r="JD36" s="73">
        <v>130</v>
      </c>
      <c r="JE36" s="74">
        <v>198</v>
      </c>
      <c r="JF36" s="71">
        <v>13</v>
      </c>
      <c r="JG36" s="72">
        <v>21</v>
      </c>
      <c r="JH36" s="73">
        <v>34</v>
      </c>
      <c r="JI36" s="277"/>
      <c r="JJ36" s="72">
        <v>41</v>
      </c>
      <c r="JK36" s="72">
        <v>41</v>
      </c>
      <c r="JL36" s="72">
        <v>37</v>
      </c>
      <c r="JM36" s="72">
        <v>30</v>
      </c>
      <c r="JN36" s="72">
        <v>22</v>
      </c>
      <c r="JO36" s="73">
        <v>171</v>
      </c>
      <c r="JP36" s="74">
        <v>205</v>
      </c>
      <c r="JQ36" s="71">
        <v>1</v>
      </c>
      <c r="JR36" s="72">
        <v>0</v>
      </c>
      <c r="JS36" s="73">
        <v>1</v>
      </c>
      <c r="JT36" s="277"/>
      <c r="JU36" s="72">
        <v>2</v>
      </c>
      <c r="JV36" s="72">
        <v>1</v>
      </c>
      <c r="JW36" s="72">
        <v>0</v>
      </c>
      <c r="JX36" s="72">
        <v>1</v>
      </c>
      <c r="JY36" s="72">
        <v>2</v>
      </c>
      <c r="JZ36" s="73">
        <v>6</v>
      </c>
      <c r="KA36" s="74">
        <v>7</v>
      </c>
      <c r="KB36" s="71">
        <v>94</v>
      </c>
      <c r="KC36" s="72">
        <v>93</v>
      </c>
      <c r="KD36" s="73">
        <v>187</v>
      </c>
      <c r="KE36" s="277"/>
      <c r="KF36" s="72">
        <v>165</v>
      </c>
      <c r="KG36" s="72">
        <v>132</v>
      </c>
      <c r="KH36" s="72">
        <v>104</v>
      </c>
      <c r="KI36" s="72">
        <v>87</v>
      </c>
      <c r="KJ36" s="72">
        <v>72</v>
      </c>
      <c r="KK36" s="73">
        <v>560</v>
      </c>
      <c r="KL36" s="74">
        <v>747</v>
      </c>
    </row>
    <row r="37" spans="1:298" ht="19.5" customHeight="1" x14ac:dyDescent="0.2">
      <c r="A37" s="130" t="s">
        <v>34</v>
      </c>
      <c r="B37" s="347">
        <v>19</v>
      </c>
      <c r="C37" s="83">
        <v>19</v>
      </c>
      <c r="D37" s="84">
        <v>38</v>
      </c>
      <c r="E37" s="274"/>
      <c r="F37" s="83">
        <v>45</v>
      </c>
      <c r="G37" s="83">
        <v>33</v>
      </c>
      <c r="H37" s="83">
        <v>14</v>
      </c>
      <c r="I37" s="83">
        <v>25</v>
      </c>
      <c r="J37" s="83">
        <v>8</v>
      </c>
      <c r="K37" s="85">
        <v>125</v>
      </c>
      <c r="L37" s="86">
        <v>163</v>
      </c>
      <c r="M37" s="71">
        <v>1</v>
      </c>
      <c r="N37" s="72">
        <v>3</v>
      </c>
      <c r="O37" s="73">
        <v>4</v>
      </c>
      <c r="P37" s="277"/>
      <c r="Q37" s="72">
        <v>2</v>
      </c>
      <c r="R37" s="72">
        <v>3</v>
      </c>
      <c r="S37" s="72">
        <v>0</v>
      </c>
      <c r="T37" s="72">
        <v>3</v>
      </c>
      <c r="U37" s="72">
        <v>0</v>
      </c>
      <c r="V37" s="73">
        <v>8</v>
      </c>
      <c r="W37" s="74">
        <v>12</v>
      </c>
      <c r="X37" s="71">
        <v>1</v>
      </c>
      <c r="Y37" s="72">
        <v>2</v>
      </c>
      <c r="Z37" s="73">
        <v>3</v>
      </c>
      <c r="AA37" s="277"/>
      <c r="AB37" s="72">
        <v>5</v>
      </c>
      <c r="AC37" s="72">
        <v>2</v>
      </c>
      <c r="AD37" s="72">
        <v>2</v>
      </c>
      <c r="AE37" s="72">
        <v>4</v>
      </c>
      <c r="AF37" s="72">
        <v>1</v>
      </c>
      <c r="AG37" s="73">
        <v>14</v>
      </c>
      <c r="AH37" s="74">
        <v>17</v>
      </c>
      <c r="AI37" s="71">
        <v>5</v>
      </c>
      <c r="AJ37" s="72">
        <v>2</v>
      </c>
      <c r="AK37" s="73">
        <v>7</v>
      </c>
      <c r="AL37" s="277"/>
      <c r="AM37" s="72">
        <v>3</v>
      </c>
      <c r="AN37" s="72">
        <v>6</v>
      </c>
      <c r="AO37" s="72">
        <v>3</v>
      </c>
      <c r="AP37" s="72">
        <v>5</v>
      </c>
      <c r="AQ37" s="72">
        <v>3</v>
      </c>
      <c r="AR37" s="73">
        <v>20</v>
      </c>
      <c r="AS37" s="74">
        <v>27</v>
      </c>
      <c r="AT37" s="71">
        <v>5</v>
      </c>
      <c r="AU37" s="72">
        <v>7</v>
      </c>
      <c r="AV37" s="73">
        <v>12</v>
      </c>
      <c r="AW37" s="277"/>
      <c r="AX37" s="72">
        <v>16</v>
      </c>
      <c r="AY37" s="72">
        <v>7</v>
      </c>
      <c r="AZ37" s="72">
        <v>5</v>
      </c>
      <c r="BA37" s="72">
        <v>5</v>
      </c>
      <c r="BB37" s="72">
        <v>2</v>
      </c>
      <c r="BC37" s="73">
        <v>35</v>
      </c>
      <c r="BD37" s="74">
        <v>47</v>
      </c>
      <c r="BE37" s="71">
        <v>5</v>
      </c>
      <c r="BF37" s="72">
        <v>3</v>
      </c>
      <c r="BG37" s="73">
        <v>8</v>
      </c>
      <c r="BH37" s="277"/>
      <c r="BI37" s="72">
        <v>13</v>
      </c>
      <c r="BJ37" s="72">
        <v>10</v>
      </c>
      <c r="BK37" s="72">
        <v>2</v>
      </c>
      <c r="BL37" s="72">
        <v>5</v>
      </c>
      <c r="BM37" s="72">
        <v>1</v>
      </c>
      <c r="BN37" s="73">
        <v>31</v>
      </c>
      <c r="BO37" s="74">
        <v>39</v>
      </c>
      <c r="BP37" s="71">
        <v>2</v>
      </c>
      <c r="BQ37" s="72">
        <v>2</v>
      </c>
      <c r="BR37" s="73">
        <v>4</v>
      </c>
      <c r="BS37" s="277"/>
      <c r="BT37" s="72">
        <v>6</v>
      </c>
      <c r="BU37" s="72">
        <v>5</v>
      </c>
      <c r="BV37" s="72">
        <v>2</v>
      </c>
      <c r="BW37" s="72">
        <v>3</v>
      </c>
      <c r="BX37" s="72">
        <v>1</v>
      </c>
      <c r="BY37" s="73">
        <v>17</v>
      </c>
      <c r="BZ37" s="74">
        <v>21</v>
      </c>
      <c r="CA37" s="71">
        <v>0</v>
      </c>
      <c r="CB37" s="72">
        <v>0</v>
      </c>
      <c r="CC37" s="73">
        <v>0</v>
      </c>
      <c r="CD37" s="277"/>
      <c r="CE37" s="72">
        <v>4</v>
      </c>
      <c r="CF37" s="72">
        <v>0</v>
      </c>
      <c r="CG37" s="72">
        <v>1</v>
      </c>
      <c r="CH37" s="72">
        <v>1</v>
      </c>
      <c r="CI37" s="72">
        <v>1</v>
      </c>
      <c r="CJ37" s="73">
        <v>7</v>
      </c>
      <c r="CK37" s="74">
        <v>7</v>
      </c>
      <c r="CL37" s="71">
        <v>19</v>
      </c>
      <c r="CM37" s="72">
        <v>19</v>
      </c>
      <c r="CN37" s="73">
        <v>38</v>
      </c>
      <c r="CO37" s="277"/>
      <c r="CP37" s="72">
        <v>49</v>
      </c>
      <c r="CQ37" s="72">
        <v>33</v>
      </c>
      <c r="CR37" s="72">
        <v>15</v>
      </c>
      <c r="CS37" s="72">
        <v>26</v>
      </c>
      <c r="CT37" s="72">
        <v>9</v>
      </c>
      <c r="CU37" s="73">
        <v>132</v>
      </c>
      <c r="CV37" s="74">
        <v>170</v>
      </c>
      <c r="CW37" s="127">
        <v>43</v>
      </c>
      <c r="CX37" s="83">
        <v>38</v>
      </c>
      <c r="CY37" s="84">
        <v>81</v>
      </c>
      <c r="CZ37" s="274"/>
      <c r="DA37" s="83">
        <v>72</v>
      </c>
      <c r="DB37" s="83">
        <v>68</v>
      </c>
      <c r="DC37" s="83">
        <v>47</v>
      </c>
      <c r="DD37" s="83">
        <v>48</v>
      </c>
      <c r="DE37" s="83">
        <v>29</v>
      </c>
      <c r="DF37" s="85">
        <v>264</v>
      </c>
      <c r="DG37" s="86">
        <v>345</v>
      </c>
      <c r="DH37" s="71">
        <v>1</v>
      </c>
      <c r="DI37" s="72">
        <v>0</v>
      </c>
      <c r="DJ37" s="73">
        <v>1</v>
      </c>
      <c r="DK37" s="277"/>
      <c r="DL37" s="72">
        <v>1</v>
      </c>
      <c r="DM37" s="72">
        <v>1</v>
      </c>
      <c r="DN37" s="72">
        <v>2</v>
      </c>
      <c r="DO37" s="72">
        <v>1</v>
      </c>
      <c r="DP37" s="72">
        <v>1</v>
      </c>
      <c r="DQ37" s="73">
        <v>6</v>
      </c>
      <c r="DR37" s="74">
        <v>7</v>
      </c>
      <c r="DS37" s="71">
        <v>4</v>
      </c>
      <c r="DT37" s="72">
        <v>0</v>
      </c>
      <c r="DU37" s="73">
        <v>4</v>
      </c>
      <c r="DV37" s="277"/>
      <c r="DW37" s="72">
        <v>2</v>
      </c>
      <c r="DX37" s="72">
        <v>3</v>
      </c>
      <c r="DY37" s="72">
        <v>1</v>
      </c>
      <c r="DZ37" s="72">
        <v>0</v>
      </c>
      <c r="EA37" s="72">
        <v>3</v>
      </c>
      <c r="EB37" s="73">
        <v>9</v>
      </c>
      <c r="EC37" s="74">
        <v>13</v>
      </c>
      <c r="ED37" s="71">
        <v>5</v>
      </c>
      <c r="EE37" s="72">
        <v>2</v>
      </c>
      <c r="EF37" s="73">
        <v>7</v>
      </c>
      <c r="EG37" s="277"/>
      <c r="EH37" s="72">
        <v>8</v>
      </c>
      <c r="EI37" s="72">
        <v>5</v>
      </c>
      <c r="EJ37" s="72">
        <v>5</v>
      </c>
      <c r="EK37" s="72">
        <v>5</v>
      </c>
      <c r="EL37" s="72">
        <v>3</v>
      </c>
      <c r="EM37" s="73">
        <v>26</v>
      </c>
      <c r="EN37" s="74">
        <v>33</v>
      </c>
      <c r="EO37" s="71">
        <v>12</v>
      </c>
      <c r="EP37" s="72">
        <v>11</v>
      </c>
      <c r="EQ37" s="73">
        <v>23</v>
      </c>
      <c r="ER37" s="277"/>
      <c r="ES37" s="72">
        <v>13</v>
      </c>
      <c r="ET37" s="72">
        <v>16</v>
      </c>
      <c r="EU37" s="72">
        <v>3</v>
      </c>
      <c r="EV37" s="72">
        <v>9</v>
      </c>
      <c r="EW37" s="72">
        <v>1</v>
      </c>
      <c r="EX37" s="73">
        <v>42</v>
      </c>
      <c r="EY37" s="74">
        <v>65</v>
      </c>
      <c r="EZ37" s="71">
        <v>11</v>
      </c>
      <c r="FA37" s="72">
        <v>12</v>
      </c>
      <c r="FB37" s="73">
        <v>23</v>
      </c>
      <c r="FC37" s="277"/>
      <c r="FD37" s="72">
        <v>28</v>
      </c>
      <c r="FE37" s="72">
        <v>20</v>
      </c>
      <c r="FF37" s="72">
        <v>16</v>
      </c>
      <c r="FG37" s="72">
        <v>15</v>
      </c>
      <c r="FH37" s="72">
        <v>9</v>
      </c>
      <c r="FI37" s="73">
        <v>88</v>
      </c>
      <c r="FJ37" s="74">
        <v>111</v>
      </c>
      <c r="FK37" s="71">
        <v>10</v>
      </c>
      <c r="FL37" s="72">
        <v>13</v>
      </c>
      <c r="FM37" s="73">
        <v>23</v>
      </c>
      <c r="FN37" s="277"/>
      <c r="FO37" s="72">
        <v>20</v>
      </c>
      <c r="FP37" s="72">
        <v>23</v>
      </c>
      <c r="FQ37" s="72">
        <v>20</v>
      </c>
      <c r="FR37" s="72">
        <v>18</v>
      </c>
      <c r="FS37" s="72">
        <v>12</v>
      </c>
      <c r="FT37" s="73">
        <v>93</v>
      </c>
      <c r="FU37" s="74">
        <v>116</v>
      </c>
      <c r="FV37" s="71">
        <v>0</v>
      </c>
      <c r="FW37" s="72">
        <v>0</v>
      </c>
      <c r="FX37" s="73">
        <v>0</v>
      </c>
      <c r="FY37" s="277"/>
      <c r="FZ37" s="72">
        <v>1</v>
      </c>
      <c r="GA37" s="72">
        <v>1</v>
      </c>
      <c r="GB37" s="72">
        <v>1</v>
      </c>
      <c r="GC37" s="72">
        <v>0</v>
      </c>
      <c r="GD37" s="72">
        <v>1</v>
      </c>
      <c r="GE37" s="73">
        <v>4</v>
      </c>
      <c r="GF37" s="74">
        <v>4</v>
      </c>
      <c r="GG37" s="71">
        <v>43</v>
      </c>
      <c r="GH37" s="72">
        <v>38</v>
      </c>
      <c r="GI37" s="73">
        <v>81</v>
      </c>
      <c r="GJ37" s="277"/>
      <c r="GK37" s="72">
        <v>73</v>
      </c>
      <c r="GL37" s="72">
        <v>69</v>
      </c>
      <c r="GM37" s="72">
        <v>48</v>
      </c>
      <c r="GN37" s="72">
        <v>48</v>
      </c>
      <c r="GO37" s="72">
        <v>30</v>
      </c>
      <c r="GP37" s="73">
        <v>268</v>
      </c>
      <c r="GQ37" s="74">
        <v>349</v>
      </c>
      <c r="GR37" s="127">
        <v>62</v>
      </c>
      <c r="GS37" s="83">
        <v>57</v>
      </c>
      <c r="GT37" s="84">
        <v>119</v>
      </c>
      <c r="GU37" s="274"/>
      <c r="GV37" s="83">
        <v>117</v>
      </c>
      <c r="GW37" s="83">
        <v>101</v>
      </c>
      <c r="GX37" s="83">
        <v>61</v>
      </c>
      <c r="GY37" s="83">
        <v>73</v>
      </c>
      <c r="GZ37" s="83">
        <v>37</v>
      </c>
      <c r="HA37" s="85">
        <v>389</v>
      </c>
      <c r="HB37" s="86">
        <v>508</v>
      </c>
      <c r="HC37" s="71">
        <v>2</v>
      </c>
      <c r="HD37" s="72">
        <v>3</v>
      </c>
      <c r="HE37" s="73">
        <v>5</v>
      </c>
      <c r="HF37" s="277"/>
      <c r="HG37" s="72">
        <v>3</v>
      </c>
      <c r="HH37" s="72">
        <v>4</v>
      </c>
      <c r="HI37" s="72">
        <v>2</v>
      </c>
      <c r="HJ37" s="72">
        <v>4</v>
      </c>
      <c r="HK37" s="72">
        <v>1</v>
      </c>
      <c r="HL37" s="73">
        <v>14</v>
      </c>
      <c r="HM37" s="74">
        <v>19</v>
      </c>
      <c r="HN37" s="71">
        <v>5</v>
      </c>
      <c r="HO37" s="72">
        <v>2</v>
      </c>
      <c r="HP37" s="73">
        <v>7</v>
      </c>
      <c r="HQ37" s="277"/>
      <c r="HR37" s="72">
        <v>7</v>
      </c>
      <c r="HS37" s="72">
        <v>5</v>
      </c>
      <c r="HT37" s="72">
        <v>3</v>
      </c>
      <c r="HU37" s="72">
        <v>4</v>
      </c>
      <c r="HV37" s="72">
        <v>4</v>
      </c>
      <c r="HW37" s="73">
        <v>23</v>
      </c>
      <c r="HX37" s="74">
        <v>30</v>
      </c>
      <c r="HY37" s="71">
        <v>10</v>
      </c>
      <c r="HZ37" s="72">
        <v>4</v>
      </c>
      <c r="IA37" s="73">
        <v>14</v>
      </c>
      <c r="IB37" s="277"/>
      <c r="IC37" s="72">
        <v>11</v>
      </c>
      <c r="ID37" s="72">
        <v>11</v>
      </c>
      <c r="IE37" s="72">
        <v>8</v>
      </c>
      <c r="IF37" s="72">
        <v>10</v>
      </c>
      <c r="IG37" s="72">
        <v>6</v>
      </c>
      <c r="IH37" s="73">
        <v>46</v>
      </c>
      <c r="II37" s="74">
        <v>60</v>
      </c>
      <c r="IJ37" s="71">
        <v>17</v>
      </c>
      <c r="IK37" s="72">
        <v>18</v>
      </c>
      <c r="IL37" s="73">
        <v>35</v>
      </c>
      <c r="IM37" s="277">
        <v>0</v>
      </c>
      <c r="IN37" s="72">
        <v>29</v>
      </c>
      <c r="IO37" s="72">
        <v>23</v>
      </c>
      <c r="IP37" s="72">
        <v>8</v>
      </c>
      <c r="IQ37" s="72">
        <v>14</v>
      </c>
      <c r="IR37" s="72">
        <v>3</v>
      </c>
      <c r="IS37" s="73">
        <v>77</v>
      </c>
      <c r="IT37" s="74">
        <v>112</v>
      </c>
      <c r="IU37" s="71">
        <v>16</v>
      </c>
      <c r="IV37" s="72">
        <v>15</v>
      </c>
      <c r="IW37" s="73">
        <v>31</v>
      </c>
      <c r="IX37" s="277"/>
      <c r="IY37" s="72">
        <v>41</v>
      </c>
      <c r="IZ37" s="72">
        <v>30</v>
      </c>
      <c r="JA37" s="72">
        <v>18</v>
      </c>
      <c r="JB37" s="72">
        <v>20</v>
      </c>
      <c r="JC37" s="72">
        <v>10</v>
      </c>
      <c r="JD37" s="73">
        <v>119</v>
      </c>
      <c r="JE37" s="74">
        <v>150</v>
      </c>
      <c r="JF37" s="71">
        <v>12</v>
      </c>
      <c r="JG37" s="72">
        <v>15</v>
      </c>
      <c r="JH37" s="73">
        <v>27</v>
      </c>
      <c r="JI37" s="277"/>
      <c r="JJ37" s="72">
        <v>26</v>
      </c>
      <c r="JK37" s="72">
        <v>28</v>
      </c>
      <c r="JL37" s="72">
        <v>22</v>
      </c>
      <c r="JM37" s="72">
        <v>21</v>
      </c>
      <c r="JN37" s="72">
        <v>13</v>
      </c>
      <c r="JO37" s="73">
        <v>110</v>
      </c>
      <c r="JP37" s="74">
        <v>137</v>
      </c>
      <c r="JQ37" s="71">
        <v>0</v>
      </c>
      <c r="JR37" s="72">
        <v>0</v>
      </c>
      <c r="JS37" s="73">
        <v>0</v>
      </c>
      <c r="JT37" s="277"/>
      <c r="JU37" s="72">
        <v>5</v>
      </c>
      <c r="JV37" s="72">
        <v>1</v>
      </c>
      <c r="JW37" s="72">
        <v>2</v>
      </c>
      <c r="JX37" s="72">
        <v>1</v>
      </c>
      <c r="JY37" s="72">
        <v>2</v>
      </c>
      <c r="JZ37" s="73">
        <v>11</v>
      </c>
      <c r="KA37" s="74">
        <v>11</v>
      </c>
      <c r="KB37" s="71">
        <v>62</v>
      </c>
      <c r="KC37" s="72">
        <v>57</v>
      </c>
      <c r="KD37" s="73">
        <v>119</v>
      </c>
      <c r="KE37" s="277"/>
      <c r="KF37" s="72">
        <v>122</v>
      </c>
      <c r="KG37" s="72">
        <v>102</v>
      </c>
      <c r="KH37" s="72">
        <v>63</v>
      </c>
      <c r="KI37" s="72">
        <v>74</v>
      </c>
      <c r="KJ37" s="72">
        <v>39</v>
      </c>
      <c r="KK37" s="73">
        <v>400</v>
      </c>
      <c r="KL37" s="74">
        <v>519</v>
      </c>
    </row>
    <row r="38" spans="1:298" ht="19.5" customHeight="1" x14ac:dyDescent="0.2">
      <c r="A38" s="130" t="s">
        <v>35</v>
      </c>
      <c r="B38" s="347">
        <v>51</v>
      </c>
      <c r="C38" s="83">
        <v>49</v>
      </c>
      <c r="D38" s="84">
        <v>100</v>
      </c>
      <c r="E38" s="274"/>
      <c r="F38" s="83">
        <v>148</v>
      </c>
      <c r="G38" s="83">
        <v>108</v>
      </c>
      <c r="H38" s="83">
        <v>56</v>
      </c>
      <c r="I38" s="83">
        <v>59</v>
      </c>
      <c r="J38" s="83">
        <v>24</v>
      </c>
      <c r="K38" s="85">
        <v>395</v>
      </c>
      <c r="L38" s="86">
        <v>495</v>
      </c>
      <c r="M38" s="71">
        <v>2</v>
      </c>
      <c r="N38" s="72">
        <v>3</v>
      </c>
      <c r="O38" s="73">
        <v>5</v>
      </c>
      <c r="P38" s="277"/>
      <c r="Q38" s="72">
        <v>8</v>
      </c>
      <c r="R38" s="72">
        <v>2</v>
      </c>
      <c r="S38" s="72">
        <v>9</v>
      </c>
      <c r="T38" s="72">
        <v>2</v>
      </c>
      <c r="U38" s="72">
        <v>1</v>
      </c>
      <c r="V38" s="73">
        <v>22</v>
      </c>
      <c r="W38" s="74">
        <v>27</v>
      </c>
      <c r="X38" s="71">
        <v>6</v>
      </c>
      <c r="Y38" s="72">
        <v>5</v>
      </c>
      <c r="Z38" s="73">
        <v>11</v>
      </c>
      <c r="AA38" s="277"/>
      <c r="AB38" s="72">
        <v>9</v>
      </c>
      <c r="AC38" s="72">
        <v>12</v>
      </c>
      <c r="AD38" s="72">
        <v>7</v>
      </c>
      <c r="AE38" s="72">
        <v>5</v>
      </c>
      <c r="AF38" s="72">
        <v>7</v>
      </c>
      <c r="AG38" s="73">
        <v>40</v>
      </c>
      <c r="AH38" s="74">
        <v>51</v>
      </c>
      <c r="AI38" s="71">
        <v>11</v>
      </c>
      <c r="AJ38" s="72">
        <v>11</v>
      </c>
      <c r="AK38" s="73">
        <v>22</v>
      </c>
      <c r="AL38" s="277"/>
      <c r="AM38" s="72">
        <v>29</v>
      </c>
      <c r="AN38" s="72">
        <v>16</v>
      </c>
      <c r="AO38" s="72">
        <v>9</v>
      </c>
      <c r="AP38" s="72">
        <v>13</v>
      </c>
      <c r="AQ38" s="72">
        <v>3</v>
      </c>
      <c r="AR38" s="73">
        <v>70</v>
      </c>
      <c r="AS38" s="74">
        <v>92</v>
      </c>
      <c r="AT38" s="71">
        <v>16</v>
      </c>
      <c r="AU38" s="72">
        <v>13</v>
      </c>
      <c r="AV38" s="73">
        <v>29</v>
      </c>
      <c r="AW38" s="277"/>
      <c r="AX38" s="72">
        <v>33</v>
      </c>
      <c r="AY38" s="72">
        <v>23</v>
      </c>
      <c r="AZ38" s="72">
        <v>11</v>
      </c>
      <c r="BA38" s="72">
        <v>14</v>
      </c>
      <c r="BB38" s="72">
        <v>3</v>
      </c>
      <c r="BC38" s="73">
        <v>84</v>
      </c>
      <c r="BD38" s="74">
        <v>113</v>
      </c>
      <c r="BE38" s="71">
        <v>8</v>
      </c>
      <c r="BF38" s="72">
        <v>13</v>
      </c>
      <c r="BG38" s="73">
        <v>21</v>
      </c>
      <c r="BH38" s="277"/>
      <c r="BI38" s="72">
        <v>44</v>
      </c>
      <c r="BJ38" s="72">
        <v>26</v>
      </c>
      <c r="BK38" s="72">
        <v>6</v>
      </c>
      <c r="BL38" s="72">
        <v>9</v>
      </c>
      <c r="BM38" s="72">
        <v>5</v>
      </c>
      <c r="BN38" s="73">
        <v>90</v>
      </c>
      <c r="BO38" s="74">
        <v>111</v>
      </c>
      <c r="BP38" s="71">
        <v>8</v>
      </c>
      <c r="BQ38" s="72">
        <v>4</v>
      </c>
      <c r="BR38" s="73">
        <v>12</v>
      </c>
      <c r="BS38" s="277"/>
      <c r="BT38" s="72">
        <v>25</v>
      </c>
      <c r="BU38" s="72">
        <v>29</v>
      </c>
      <c r="BV38" s="72">
        <v>14</v>
      </c>
      <c r="BW38" s="72">
        <v>16</v>
      </c>
      <c r="BX38" s="72">
        <v>5</v>
      </c>
      <c r="BY38" s="73">
        <v>89</v>
      </c>
      <c r="BZ38" s="74">
        <v>101</v>
      </c>
      <c r="CA38" s="71">
        <v>0</v>
      </c>
      <c r="CB38" s="72">
        <v>3</v>
      </c>
      <c r="CC38" s="73">
        <v>3</v>
      </c>
      <c r="CD38" s="277"/>
      <c r="CE38" s="72">
        <v>4</v>
      </c>
      <c r="CF38" s="72">
        <v>1</v>
      </c>
      <c r="CG38" s="72">
        <v>1</v>
      </c>
      <c r="CH38" s="72">
        <v>0</v>
      </c>
      <c r="CI38" s="72">
        <v>1</v>
      </c>
      <c r="CJ38" s="73">
        <v>7</v>
      </c>
      <c r="CK38" s="74">
        <v>10</v>
      </c>
      <c r="CL38" s="71">
        <v>51</v>
      </c>
      <c r="CM38" s="72">
        <v>52</v>
      </c>
      <c r="CN38" s="73">
        <v>103</v>
      </c>
      <c r="CO38" s="277"/>
      <c r="CP38" s="72">
        <v>152</v>
      </c>
      <c r="CQ38" s="72">
        <v>109</v>
      </c>
      <c r="CR38" s="72">
        <v>57</v>
      </c>
      <c r="CS38" s="72">
        <v>59</v>
      </c>
      <c r="CT38" s="72">
        <v>25</v>
      </c>
      <c r="CU38" s="73">
        <v>402</v>
      </c>
      <c r="CV38" s="74">
        <v>505</v>
      </c>
      <c r="CW38" s="127">
        <v>134</v>
      </c>
      <c r="CX38" s="83">
        <v>157</v>
      </c>
      <c r="CY38" s="84">
        <v>291</v>
      </c>
      <c r="CZ38" s="274"/>
      <c r="DA38" s="83">
        <v>304</v>
      </c>
      <c r="DB38" s="83">
        <v>189</v>
      </c>
      <c r="DC38" s="83">
        <v>149</v>
      </c>
      <c r="DD38" s="83">
        <v>138</v>
      </c>
      <c r="DE38" s="83">
        <v>88</v>
      </c>
      <c r="DF38" s="85">
        <v>868</v>
      </c>
      <c r="DG38" s="86">
        <v>1159</v>
      </c>
      <c r="DH38" s="71">
        <v>3</v>
      </c>
      <c r="DI38" s="72">
        <v>3</v>
      </c>
      <c r="DJ38" s="73">
        <v>6</v>
      </c>
      <c r="DK38" s="277"/>
      <c r="DL38" s="72">
        <v>5</v>
      </c>
      <c r="DM38" s="72">
        <v>4</v>
      </c>
      <c r="DN38" s="72">
        <v>5</v>
      </c>
      <c r="DO38" s="72">
        <v>6</v>
      </c>
      <c r="DP38" s="72">
        <v>1</v>
      </c>
      <c r="DQ38" s="73">
        <v>21</v>
      </c>
      <c r="DR38" s="74">
        <v>27</v>
      </c>
      <c r="DS38" s="71">
        <v>5</v>
      </c>
      <c r="DT38" s="72">
        <v>13</v>
      </c>
      <c r="DU38" s="73">
        <v>18</v>
      </c>
      <c r="DV38" s="277"/>
      <c r="DW38" s="72">
        <v>23</v>
      </c>
      <c r="DX38" s="72">
        <v>6</v>
      </c>
      <c r="DY38" s="72">
        <v>4</v>
      </c>
      <c r="DZ38" s="72">
        <v>3</v>
      </c>
      <c r="EA38" s="72">
        <v>4</v>
      </c>
      <c r="EB38" s="73">
        <v>40</v>
      </c>
      <c r="EC38" s="74">
        <v>58</v>
      </c>
      <c r="ED38" s="71">
        <v>24</v>
      </c>
      <c r="EE38" s="72">
        <v>25</v>
      </c>
      <c r="EF38" s="73">
        <v>49</v>
      </c>
      <c r="EG38" s="277"/>
      <c r="EH38" s="72">
        <v>33</v>
      </c>
      <c r="EI38" s="72">
        <v>17</v>
      </c>
      <c r="EJ38" s="72">
        <v>6</v>
      </c>
      <c r="EK38" s="72">
        <v>15</v>
      </c>
      <c r="EL38" s="72">
        <v>11</v>
      </c>
      <c r="EM38" s="73">
        <v>82</v>
      </c>
      <c r="EN38" s="74">
        <v>131</v>
      </c>
      <c r="EO38" s="71">
        <v>31</v>
      </c>
      <c r="EP38" s="72">
        <v>32</v>
      </c>
      <c r="EQ38" s="73">
        <v>63</v>
      </c>
      <c r="ER38" s="277"/>
      <c r="ES38" s="72">
        <v>72</v>
      </c>
      <c r="ET38" s="72">
        <v>43</v>
      </c>
      <c r="EU38" s="72">
        <v>29</v>
      </c>
      <c r="EV38" s="72">
        <v>21</v>
      </c>
      <c r="EW38" s="72">
        <v>10</v>
      </c>
      <c r="EX38" s="73">
        <v>175</v>
      </c>
      <c r="EY38" s="74">
        <v>238</v>
      </c>
      <c r="EZ38" s="71">
        <v>36</v>
      </c>
      <c r="FA38" s="72">
        <v>52</v>
      </c>
      <c r="FB38" s="73">
        <v>88</v>
      </c>
      <c r="FC38" s="277"/>
      <c r="FD38" s="72">
        <v>99</v>
      </c>
      <c r="FE38" s="72">
        <v>51</v>
      </c>
      <c r="FF38" s="72">
        <v>34</v>
      </c>
      <c r="FG38" s="72">
        <v>30</v>
      </c>
      <c r="FH38" s="72">
        <v>18</v>
      </c>
      <c r="FI38" s="73">
        <v>232</v>
      </c>
      <c r="FJ38" s="74">
        <v>320</v>
      </c>
      <c r="FK38" s="71">
        <v>35</v>
      </c>
      <c r="FL38" s="72">
        <v>32</v>
      </c>
      <c r="FM38" s="73">
        <v>67</v>
      </c>
      <c r="FN38" s="277"/>
      <c r="FO38" s="72">
        <v>72</v>
      </c>
      <c r="FP38" s="72">
        <v>68</v>
      </c>
      <c r="FQ38" s="72">
        <v>71</v>
      </c>
      <c r="FR38" s="72">
        <v>63</v>
      </c>
      <c r="FS38" s="72">
        <v>44</v>
      </c>
      <c r="FT38" s="73">
        <v>318</v>
      </c>
      <c r="FU38" s="74">
        <v>385</v>
      </c>
      <c r="FV38" s="71">
        <v>2</v>
      </c>
      <c r="FW38" s="72">
        <v>1</v>
      </c>
      <c r="FX38" s="73">
        <v>3</v>
      </c>
      <c r="FY38" s="277"/>
      <c r="FZ38" s="72">
        <v>0</v>
      </c>
      <c r="GA38" s="72">
        <v>7</v>
      </c>
      <c r="GB38" s="72">
        <v>2</v>
      </c>
      <c r="GC38" s="72">
        <v>1</v>
      </c>
      <c r="GD38" s="72">
        <v>1</v>
      </c>
      <c r="GE38" s="73">
        <v>11</v>
      </c>
      <c r="GF38" s="74">
        <v>14</v>
      </c>
      <c r="GG38" s="71">
        <v>136</v>
      </c>
      <c r="GH38" s="72">
        <v>158</v>
      </c>
      <c r="GI38" s="73">
        <v>294</v>
      </c>
      <c r="GJ38" s="277"/>
      <c r="GK38" s="72">
        <v>304</v>
      </c>
      <c r="GL38" s="72">
        <v>196</v>
      </c>
      <c r="GM38" s="72">
        <v>151</v>
      </c>
      <c r="GN38" s="72">
        <v>139</v>
      </c>
      <c r="GO38" s="72">
        <v>89</v>
      </c>
      <c r="GP38" s="73">
        <v>879</v>
      </c>
      <c r="GQ38" s="74">
        <v>1173</v>
      </c>
      <c r="GR38" s="127">
        <v>185</v>
      </c>
      <c r="GS38" s="83">
        <v>206</v>
      </c>
      <c r="GT38" s="84">
        <v>391</v>
      </c>
      <c r="GU38" s="274"/>
      <c r="GV38" s="83">
        <v>452</v>
      </c>
      <c r="GW38" s="83">
        <v>297</v>
      </c>
      <c r="GX38" s="83">
        <v>205</v>
      </c>
      <c r="GY38" s="83">
        <v>197</v>
      </c>
      <c r="GZ38" s="83">
        <v>112</v>
      </c>
      <c r="HA38" s="85">
        <v>1263</v>
      </c>
      <c r="HB38" s="86">
        <v>1654</v>
      </c>
      <c r="HC38" s="71">
        <v>5</v>
      </c>
      <c r="HD38" s="72">
        <v>6</v>
      </c>
      <c r="HE38" s="73">
        <v>11</v>
      </c>
      <c r="HF38" s="277"/>
      <c r="HG38" s="72">
        <v>13</v>
      </c>
      <c r="HH38" s="72">
        <v>6</v>
      </c>
      <c r="HI38" s="72">
        <v>14</v>
      </c>
      <c r="HJ38" s="72">
        <v>8</v>
      </c>
      <c r="HK38" s="72">
        <v>2</v>
      </c>
      <c r="HL38" s="73">
        <v>43</v>
      </c>
      <c r="HM38" s="74">
        <v>54</v>
      </c>
      <c r="HN38" s="71">
        <v>11</v>
      </c>
      <c r="HO38" s="72">
        <v>18</v>
      </c>
      <c r="HP38" s="73">
        <v>29</v>
      </c>
      <c r="HQ38" s="277"/>
      <c r="HR38" s="72">
        <v>32</v>
      </c>
      <c r="HS38" s="72">
        <v>18</v>
      </c>
      <c r="HT38" s="72">
        <v>11</v>
      </c>
      <c r="HU38" s="72">
        <v>8</v>
      </c>
      <c r="HV38" s="72">
        <v>11</v>
      </c>
      <c r="HW38" s="73">
        <v>80</v>
      </c>
      <c r="HX38" s="74">
        <v>109</v>
      </c>
      <c r="HY38" s="71">
        <v>35</v>
      </c>
      <c r="HZ38" s="72">
        <v>36</v>
      </c>
      <c r="IA38" s="73">
        <v>71</v>
      </c>
      <c r="IB38" s="277"/>
      <c r="IC38" s="72">
        <v>62</v>
      </c>
      <c r="ID38" s="72">
        <v>33</v>
      </c>
      <c r="IE38" s="72">
        <v>15</v>
      </c>
      <c r="IF38" s="72">
        <v>28</v>
      </c>
      <c r="IG38" s="72">
        <v>14</v>
      </c>
      <c r="IH38" s="73">
        <v>152</v>
      </c>
      <c r="II38" s="74">
        <v>223</v>
      </c>
      <c r="IJ38" s="71">
        <v>47</v>
      </c>
      <c r="IK38" s="72">
        <v>45</v>
      </c>
      <c r="IL38" s="73">
        <v>92</v>
      </c>
      <c r="IM38" s="277">
        <v>0</v>
      </c>
      <c r="IN38" s="72">
        <v>105</v>
      </c>
      <c r="IO38" s="72">
        <v>66</v>
      </c>
      <c r="IP38" s="72">
        <v>40</v>
      </c>
      <c r="IQ38" s="72">
        <v>35</v>
      </c>
      <c r="IR38" s="72">
        <v>13</v>
      </c>
      <c r="IS38" s="73">
        <v>259</v>
      </c>
      <c r="IT38" s="74">
        <v>351</v>
      </c>
      <c r="IU38" s="71">
        <v>44</v>
      </c>
      <c r="IV38" s="72">
        <v>65</v>
      </c>
      <c r="IW38" s="73">
        <v>109</v>
      </c>
      <c r="IX38" s="277"/>
      <c r="IY38" s="72">
        <v>143</v>
      </c>
      <c r="IZ38" s="72">
        <v>77</v>
      </c>
      <c r="JA38" s="72">
        <v>40</v>
      </c>
      <c r="JB38" s="72">
        <v>39</v>
      </c>
      <c r="JC38" s="72">
        <v>23</v>
      </c>
      <c r="JD38" s="73">
        <v>322</v>
      </c>
      <c r="JE38" s="74">
        <v>431</v>
      </c>
      <c r="JF38" s="71">
        <v>43</v>
      </c>
      <c r="JG38" s="72">
        <v>36</v>
      </c>
      <c r="JH38" s="73">
        <v>79</v>
      </c>
      <c r="JI38" s="277"/>
      <c r="JJ38" s="72">
        <v>97</v>
      </c>
      <c r="JK38" s="72">
        <v>97</v>
      </c>
      <c r="JL38" s="72">
        <v>85</v>
      </c>
      <c r="JM38" s="72">
        <v>79</v>
      </c>
      <c r="JN38" s="72">
        <v>49</v>
      </c>
      <c r="JO38" s="73">
        <v>407</v>
      </c>
      <c r="JP38" s="74">
        <v>486</v>
      </c>
      <c r="JQ38" s="71">
        <v>2</v>
      </c>
      <c r="JR38" s="72">
        <v>4</v>
      </c>
      <c r="JS38" s="73">
        <v>6</v>
      </c>
      <c r="JT38" s="277"/>
      <c r="JU38" s="72">
        <v>4</v>
      </c>
      <c r="JV38" s="72">
        <v>8</v>
      </c>
      <c r="JW38" s="72">
        <v>3</v>
      </c>
      <c r="JX38" s="72">
        <v>1</v>
      </c>
      <c r="JY38" s="72">
        <v>2</v>
      </c>
      <c r="JZ38" s="73">
        <v>18</v>
      </c>
      <c r="KA38" s="74">
        <v>24</v>
      </c>
      <c r="KB38" s="71">
        <v>187</v>
      </c>
      <c r="KC38" s="72">
        <v>210</v>
      </c>
      <c r="KD38" s="73">
        <v>397</v>
      </c>
      <c r="KE38" s="277"/>
      <c r="KF38" s="72">
        <v>456</v>
      </c>
      <c r="KG38" s="72">
        <v>305</v>
      </c>
      <c r="KH38" s="72">
        <v>208</v>
      </c>
      <c r="KI38" s="72">
        <v>198</v>
      </c>
      <c r="KJ38" s="72">
        <v>114</v>
      </c>
      <c r="KK38" s="73">
        <v>1281</v>
      </c>
      <c r="KL38" s="74">
        <v>1678</v>
      </c>
    </row>
    <row r="39" spans="1:298" ht="19.5" customHeight="1" x14ac:dyDescent="0.2">
      <c r="A39" s="130" t="s">
        <v>36</v>
      </c>
      <c r="B39" s="347">
        <v>58</v>
      </c>
      <c r="C39" s="83">
        <v>82</v>
      </c>
      <c r="D39" s="84">
        <v>140</v>
      </c>
      <c r="E39" s="274"/>
      <c r="F39" s="83">
        <v>143</v>
      </c>
      <c r="G39" s="83">
        <v>135</v>
      </c>
      <c r="H39" s="83">
        <v>96</v>
      </c>
      <c r="I39" s="83">
        <v>61</v>
      </c>
      <c r="J39" s="83">
        <v>41</v>
      </c>
      <c r="K39" s="85">
        <v>476</v>
      </c>
      <c r="L39" s="86">
        <v>616</v>
      </c>
      <c r="M39" s="71">
        <v>5</v>
      </c>
      <c r="N39" s="72">
        <v>5</v>
      </c>
      <c r="O39" s="73">
        <v>10</v>
      </c>
      <c r="P39" s="277"/>
      <c r="Q39" s="72">
        <v>10</v>
      </c>
      <c r="R39" s="72">
        <v>17</v>
      </c>
      <c r="S39" s="72">
        <v>4</v>
      </c>
      <c r="T39" s="72">
        <v>4</v>
      </c>
      <c r="U39" s="72">
        <v>6</v>
      </c>
      <c r="V39" s="73">
        <v>41</v>
      </c>
      <c r="W39" s="74">
        <v>51</v>
      </c>
      <c r="X39" s="71">
        <v>10</v>
      </c>
      <c r="Y39" s="72">
        <v>13</v>
      </c>
      <c r="Z39" s="73">
        <v>23</v>
      </c>
      <c r="AA39" s="277"/>
      <c r="AB39" s="72">
        <v>21</v>
      </c>
      <c r="AC39" s="72">
        <v>21</v>
      </c>
      <c r="AD39" s="72">
        <v>12</v>
      </c>
      <c r="AE39" s="72">
        <v>12</v>
      </c>
      <c r="AF39" s="72">
        <v>4</v>
      </c>
      <c r="AG39" s="73">
        <v>70</v>
      </c>
      <c r="AH39" s="74">
        <v>93</v>
      </c>
      <c r="AI39" s="71">
        <v>12</v>
      </c>
      <c r="AJ39" s="72">
        <v>12</v>
      </c>
      <c r="AK39" s="73">
        <v>24</v>
      </c>
      <c r="AL39" s="277"/>
      <c r="AM39" s="72">
        <v>31</v>
      </c>
      <c r="AN39" s="72">
        <v>24</v>
      </c>
      <c r="AO39" s="72">
        <v>16</v>
      </c>
      <c r="AP39" s="72">
        <v>8</v>
      </c>
      <c r="AQ39" s="72">
        <v>6</v>
      </c>
      <c r="AR39" s="73">
        <v>85</v>
      </c>
      <c r="AS39" s="74">
        <v>109</v>
      </c>
      <c r="AT39" s="71">
        <v>19</v>
      </c>
      <c r="AU39" s="72">
        <v>25</v>
      </c>
      <c r="AV39" s="73">
        <v>44</v>
      </c>
      <c r="AW39" s="277"/>
      <c r="AX39" s="72">
        <v>33</v>
      </c>
      <c r="AY39" s="72">
        <v>36</v>
      </c>
      <c r="AZ39" s="72">
        <v>21</v>
      </c>
      <c r="BA39" s="72">
        <v>12</v>
      </c>
      <c r="BB39" s="72">
        <v>14</v>
      </c>
      <c r="BC39" s="73">
        <v>116</v>
      </c>
      <c r="BD39" s="74">
        <v>160</v>
      </c>
      <c r="BE39" s="71">
        <v>7</v>
      </c>
      <c r="BF39" s="72">
        <v>22</v>
      </c>
      <c r="BG39" s="73">
        <v>29</v>
      </c>
      <c r="BH39" s="277"/>
      <c r="BI39" s="72">
        <v>32</v>
      </c>
      <c r="BJ39" s="72">
        <v>21</v>
      </c>
      <c r="BK39" s="72">
        <v>27</v>
      </c>
      <c r="BL39" s="72">
        <v>18</v>
      </c>
      <c r="BM39" s="72">
        <v>6</v>
      </c>
      <c r="BN39" s="73">
        <v>104</v>
      </c>
      <c r="BO39" s="74">
        <v>133</v>
      </c>
      <c r="BP39" s="71">
        <v>5</v>
      </c>
      <c r="BQ39" s="72">
        <v>5</v>
      </c>
      <c r="BR39" s="73">
        <v>10</v>
      </c>
      <c r="BS39" s="277"/>
      <c r="BT39" s="72">
        <v>16</v>
      </c>
      <c r="BU39" s="72">
        <v>16</v>
      </c>
      <c r="BV39" s="72">
        <v>16</v>
      </c>
      <c r="BW39" s="72">
        <v>7</v>
      </c>
      <c r="BX39" s="72">
        <v>5</v>
      </c>
      <c r="BY39" s="73">
        <v>60</v>
      </c>
      <c r="BZ39" s="74">
        <v>70</v>
      </c>
      <c r="CA39" s="71">
        <v>2</v>
      </c>
      <c r="CB39" s="72">
        <v>5</v>
      </c>
      <c r="CC39" s="73">
        <v>7</v>
      </c>
      <c r="CD39" s="277"/>
      <c r="CE39" s="72">
        <v>3</v>
      </c>
      <c r="CF39" s="72">
        <v>8</v>
      </c>
      <c r="CG39" s="72">
        <v>5</v>
      </c>
      <c r="CH39" s="72">
        <v>6</v>
      </c>
      <c r="CI39" s="72">
        <v>3</v>
      </c>
      <c r="CJ39" s="73">
        <v>25</v>
      </c>
      <c r="CK39" s="74">
        <v>32</v>
      </c>
      <c r="CL39" s="71">
        <v>60</v>
      </c>
      <c r="CM39" s="72">
        <v>87</v>
      </c>
      <c r="CN39" s="73">
        <v>147</v>
      </c>
      <c r="CO39" s="277"/>
      <c r="CP39" s="72">
        <v>146</v>
      </c>
      <c r="CQ39" s="72">
        <v>143</v>
      </c>
      <c r="CR39" s="72">
        <v>101</v>
      </c>
      <c r="CS39" s="72">
        <v>67</v>
      </c>
      <c r="CT39" s="72">
        <v>44</v>
      </c>
      <c r="CU39" s="73">
        <v>501</v>
      </c>
      <c r="CV39" s="74">
        <v>648</v>
      </c>
      <c r="CW39" s="127">
        <v>99</v>
      </c>
      <c r="CX39" s="83">
        <v>159</v>
      </c>
      <c r="CY39" s="84">
        <v>258</v>
      </c>
      <c r="CZ39" s="274"/>
      <c r="DA39" s="83">
        <v>264</v>
      </c>
      <c r="DB39" s="83">
        <v>204</v>
      </c>
      <c r="DC39" s="83">
        <v>178</v>
      </c>
      <c r="DD39" s="83">
        <v>169</v>
      </c>
      <c r="DE39" s="83">
        <v>139</v>
      </c>
      <c r="DF39" s="85">
        <v>954</v>
      </c>
      <c r="DG39" s="86">
        <v>1212</v>
      </c>
      <c r="DH39" s="71">
        <v>1</v>
      </c>
      <c r="DI39" s="72">
        <v>7</v>
      </c>
      <c r="DJ39" s="73">
        <v>8</v>
      </c>
      <c r="DK39" s="277"/>
      <c r="DL39" s="72">
        <v>11</v>
      </c>
      <c r="DM39" s="72">
        <v>6</v>
      </c>
      <c r="DN39" s="72">
        <v>7</v>
      </c>
      <c r="DO39" s="72">
        <v>5</v>
      </c>
      <c r="DP39" s="72">
        <v>4</v>
      </c>
      <c r="DQ39" s="73">
        <v>33</v>
      </c>
      <c r="DR39" s="74">
        <v>41</v>
      </c>
      <c r="DS39" s="71">
        <v>9</v>
      </c>
      <c r="DT39" s="72">
        <v>23</v>
      </c>
      <c r="DU39" s="73">
        <v>32</v>
      </c>
      <c r="DV39" s="277"/>
      <c r="DW39" s="72">
        <v>28</v>
      </c>
      <c r="DX39" s="72">
        <v>12</v>
      </c>
      <c r="DY39" s="72">
        <v>13</v>
      </c>
      <c r="DZ39" s="72">
        <v>13</v>
      </c>
      <c r="EA39" s="72">
        <v>9</v>
      </c>
      <c r="EB39" s="73">
        <v>75</v>
      </c>
      <c r="EC39" s="74">
        <v>107</v>
      </c>
      <c r="ED39" s="71">
        <v>17</v>
      </c>
      <c r="EE39" s="72">
        <v>27</v>
      </c>
      <c r="EF39" s="73">
        <v>44</v>
      </c>
      <c r="EG39" s="277"/>
      <c r="EH39" s="72">
        <v>30</v>
      </c>
      <c r="EI39" s="72">
        <v>18</v>
      </c>
      <c r="EJ39" s="72">
        <v>18</v>
      </c>
      <c r="EK39" s="72">
        <v>11</v>
      </c>
      <c r="EL39" s="72">
        <v>24</v>
      </c>
      <c r="EM39" s="73">
        <v>101</v>
      </c>
      <c r="EN39" s="74">
        <v>145</v>
      </c>
      <c r="EO39" s="71">
        <v>35</v>
      </c>
      <c r="EP39" s="72">
        <v>45</v>
      </c>
      <c r="EQ39" s="73">
        <v>80</v>
      </c>
      <c r="ER39" s="277"/>
      <c r="ES39" s="72">
        <v>83</v>
      </c>
      <c r="ET39" s="72">
        <v>45</v>
      </c>
      <c r="EU39" s="72">
        <v>48</v>
      </c>
      <c r="EV39" s="72">
        <v>31</v>
      </c>
      <c r="EW39" s="72">
        <v>29</v>
      </c>
      <c r="EX39" s="73">
        <v>236</v>
      </c>
      <c r="EY39" s="74">
        <v>316</v>
      </c>
      <c r="EZ39" s="71">
        <v>26</v>
      </c>
      <c r="FA39" s="72">
        <v>39</v>
      </c>
      <c r="FB39" s="73">
        <v>65</v>
      </c>
      <c r="FC39" s="277"/>
      <c r="FD39" s="72">
        <v>62</v>
      </c>
      <c r="FE39" s="72">
        <v>66</v>
      </c>
      <c r="FF39" s="72">
        <v>42</v>
      </c>
      <c r="FG39" s="72">
        <v>43</v>
      </c>
      <c r="FH39" s="72">
        <v>30</v>
      </c>
      <c r="FI39" s="73">
        <v>243</v>
      </c>
      <c r="FJ39" s="74">
        <v>308</v>
      </c>
      <c r="FK39" s="71">
        <v>11</v>
      </c>
      <c r="FL39" s="72">
        <v>18</v>
      </c>
      <c r="FM39" s="73">
        <v>29</v>
      </c>
      <c r="FN39" s="277"/>
      <c r="FO39" s="72">
        <v>50</v>
      </c>
      <c r="FP39" s="72">
        <v>57</v>
      </c>
      <c r="FQ39" s="72">
        <v>50</v>
      </c>
      <c r="FR39" s="72">
        <v>66</v>
      </c>
      <c r="FS39" s="72">
        <v>43</v>
      </c>
      <c r="FT39" s="73">
        <v>266</v>
      </c>
      <c r="FU39" s="74">
        <v>295</v>
      </c>
      <c r="FV39" s="71">
        <v>1</v>
      </c>
      <c r="FW39" s="72">
        <v>3</v>
      </c>
      <c r="FX39" s="73">
        <v>4</v>
      </c>
      <c r="FY39" s="277"/>
      <c r="FZ39" s="72">
        <v>2</v>
      </c>
      <c r="GA39" s="72">
        <v>3</v>
      </c>
      <c r="GB39" s="72">
        <v>1</v>
      </c>
      <c r="GC39" s="72">
        <v>3</v>
      </c>
      <c r="GD39" s="72">
        <v>2</v>
      </c>
      <c r="GE39" s="73">
        <v>11</v>
      </c>
      <c r="GF39" s="74">
        <v>15</v>
      </c>
      <c r="GG39" s="71">
        <v>100</v>
      </c>
      <c r="GH39" s="72">
        <v>162</v>
      </c>
      <c r="GI39" s="73">
        <v>262</v>
      </c>
      <c r="GJ39" s="277"/>
      <c r="GK39" s="72">
        <v>266</v>
      </c>
      <c r="GL39" s="72">
        <v>207</v>
      </c>
      <c r="GM39" s="72">
        <v>179</v>
      </c>
      <c r="GN39" s="72">
        <v>172</v>
      </c>
      <c r="GO39" s="72">
        <v>141</v>
      </c>
      <c r="GP39" s="73">
        <v>965</v>
      </c>
      <c r="GQ39" s="74">
        <v>1227</v>
      </c>
      <c r="GR39" s="127">
        <v>157</v>
      </c>
      <c r="GS39" s="83">
        <v>241</v>
      </c>
      <c r="GT39" s="84">
        <v>398</v>
      </c>
      <c r="GU39" s="274"/>
      <c r="GV39" s="83">
        <v>407</v>
      </c>
      <c r="GW39" s="83">
        <v>339</v>
      </c>
      <c r="GX39" s="83">
        <v>274</v>
      </c>
      <c r="GY39" s="83">
        <v>230</v>
      </c>
      <c r="GZ39" s="83">
        <v>180</v>
      </c>
      <c r="HA39" s="85">
        <v>1430</v>
      </c>
      <c r="HB39" s="86">
        <v>1828</v>
      </c>
      <c r="HC39" s="71">
        <v>6</v>
      </c>
      <c r="HD39" s="72">
        <v>12</v>
      </c>
      <c r="HE39" s="73">
        <v>18</v>
      </c>
      <c r="HF39" s="277"/>
      <c r="HG39" s="72">
        <v>21</v>
      </c>
      <c r="HH39" s="72">
        <v>23</v>
      </c>
      <c r="HI39" s="72">
        <v>11</v>
      </c>
      <c r="HJ39" s="72">
        <v>9</v>
      </c>
      <c r="HK39" s="72">
        <v>10</v>
      </c>
      <c r="HL39" s="73">
        <v>74</v>
      </c>
      <c r="HM39" s="74">
        <v>92</v>
      </c>
      <c r="HN39" s="71">
        <v>19</v>
      </c>
      <c r="HO39" s="72">
        <v>36</v>
      </c>
      <c r="HP39" s="73">
        <v>55</v>
      </c>
      <c r="HQ39" s="277"/>
      <c r="HR39" s="72">
        <v>49</v>
      </c>
      <c r="HS39" s="72">
        <v>33</v>
      </c>
      <c r="HT39" s="72">
        <v>25</v>
      </c>
      <c r="HU39" s="72">
        <v>25</v>
      </c>
      <c r="HV39" s="72">
        <v>13</v>
      </c>
      <c r="HW39" s="73">
        <v>145</v>
      </c>
      <c r="HX39" s="74">
        <v>200</v>
      </c>
      <c r="HY39" s="71">
        <v>29</v>
      </c>
      <c r="HZ39" s="72">
        <v>39</v>
      </c>
      <c r="IA39" s="73">
        <v>68</v>
      </c>
      <c r="IB39" s="277"/>
      <c r="IC39" s="72">
        <v>61</v>
      </c>
      <c r="ID39" s="72">
        <v>42</v>
      </c>
      <c r="IE39" s="72">
        <v>34</v>
      </c>
      <c r="IF39" s="72">
        <v>19</v>
      </c>
      <c r="IG39" s="72">
        <v>30</v>
      </c>
      <c r="IH39" s="73">
        <v>186</v>
      </c>
      <c r="II39" s="74">
        <v>254</v>
      </c>
      <c r="IJ39" s="71">
        <v>54</v>
      </c>
      <c r="IK39" s="72">
        <v>70</v>
      </c>
      <c r="IL39" s="73">
        <v>124</v>
      </c>
      <c r="IM39" s="277">
        <v>0</v>
      </c>
      <c r="IN39" s="72">
        <v>116</v>
      </c>
      <c r="IO39" s="72">
        <v>81</v>
      </c>
      <c r="IP39" s="72">
        <v>69</v>
      </c>
      <c r="IQ39" s="72">
        <v>43</v>
      </c>
      <c r="IR39" s="72">
        <v>43</v>
      </c>
      <c r="IS39" s="73">
        <v>352</v>
      </c>
      <c r="IT39" s="74">
        <v>476</v>
      </c>
      <c r="IU39" s="71">
        <v>33</v>
      </c>
      <c r="IV39" s="72">
        <v>61</v>
      </c>
      <c r="IW39" s="73">
        <v>94</v>
      </c>
      <c r="IX39" s="277"/>
      <c r="IY39" s="72">
        <v>94</v>
      </c>
      <c r="IZ39" s="72">
        <v>87</v>
      </c>
      <c r="JA39" s="72">
        <v>69</v>
      </c>
      <c r="JB39" s="72">
        <v>61</v>
      </c>
      <c r="JC39" s="72">
        <v>36</v>
      </c>
      <c r="JD39" s="73">
        <v>347</v>
      </c>
      <c r="JE39" s="74">
        <v>441</v>
      </c>
      <c r="JF39" s="71">
        <v>16</v>
      </c>
      <c r="JG39" s="72">
        <v>23</v>
      </c>
      <c r="JH39" s="73">
        <v>39</v>
      </c>
      <c r="JI39" s="277"/>
      <c r="JJ39" s="72">
        <v>66</v>
      </c>
      <c r="JK39" s="72">
        <v>73</v>
      </c>
      <c r="JL39" s="72">
        <v>66</v>
      </c>
      <c r="JM39" s="72">
        <v>73</v>
      </c>
      <c r="JN39" s="72">
        <v>48</v>
      </c>
      <c r="JO39" s="73">
        <v>326</v>
      </c>
      <c r="JP39" s="74">
        <v>365</v>
      </c>
      <c r="JQ39" s="71">
        <v>3</v>
      </c>
      <c r="JR39" s="72">
        <v>8</v>
      </c>
      <c r="JS39" s="73">
        <v>11</v>
      </c>
      <c r="JT39" s="277"/>
      <c r="JU39" s="72">
        <v>5</v>
      </c>
      <c r="JV39" s="72">
        <v>11</v>
      </c>
      <c r="JW39" s="72">
        <v>6</v>
      </c>
      <c r="JX39" s="72">
        <v>9</v>
      </c>
      <c r="JY39" s="72">
        <v>5</v>
      </c>
      <c r="JZ39" s="73">
        <v>36</v>
      </c>
      <c r="KA39" s="74">
        <v>47</v>
      </c>
      <c r="KB39" s="71">
        <v>160</v>
      </c>
      <c r="KC39" s="72">
        <v>249</v>
      </c>
      <c r="KD39" s="73">
        <v>409</v>
      </c>
      <c r="KE39" s="277"/>
      <c r="KF39" s="72">
        <v>412</v>
      </c>
      <c r="KG39" s="72">
        <v>350</v>
      </c>
      <c r="KH39" s="72">
        <v>280</v>
      </c>
      <c r="KI39" s="72">
        <v>239</v>
      </c>
      <c r="KJ39" s="72">
        <v>185</v>
      </c>
      <c r="KK39" s="73">
        <v>1466</v>
      </c>
      <c r="KL39" s="74">
        <v>1875</v>
      </c>
    </row>
    <row r="40" spans="1:298" ht="19.5" customHeight="1" thickBot="1" x14ac:dyDescent="0.25">
      <c r="A40" s="131" t="s">
        <v>37</v>
      </c>
      <c r="B40" s="348">
        <v>2</v>
      </c>
      <c r="C40" s="88">
        <v>2</v>
      </c>
      <c r="D40" s="89">
        <v>4</v>
      </c>
      <c r="E40" s="275"/>
      <c r="F40" s="88">
        <v>14</v>
      </c>
      <c r="G40" s="88">
        <v>7</v>
      </c>
      <c r="H40" s="88">
        <v>10</v>
      </c>
      <c r="I40" s="88">
        <v>4</v>
      </c>
      <c r="J40" s="88">
        <v>5</v>
      </c>
      <c r="K40" s="90">
        <v>40</v>
      </c>
      <c r="L40" s="91">
        <v>44</v>
      </c>
      <c r="M40" s="75">
        <v>0</v>
      </c>
      <c r="N40" s="76">
        <v>1</v>
      </c>
      <c r="O40" s="77">
        <v>1</v>
      </c>
      <c r="P40" s="278"/>
      <c r="Q40" s="76">
        <v>1</v>
      </c>
      <c r="R40" s="76">
        <v>0</v>
      </c>
      <c r="S40" s="76">
        <v>1</v>
      </c>
      <c r="T40" s="76">
        <v>0</v>
      </c>
      <c r="U40" s="76">
        <v>1</v>
      </c>
      <c r="V40" s="77">
        <v>3</v>
      </c>
      <c r="W40" s="78">
        <v>4</v>
      </c>
      <c r="X40" s="75">
        <v>1</v>
      </c>
      <c r="Y40" s="76">
        <v>0</v>
      </c>
      <c r="Z40" s="77">
        <v>1</v>
      </c>
      <c r="AA40" s="278"/>
      <c r="AB40" s="76">
        <v>1</v>
      </c>
      <c r="AC40" s="76">
        <v>1</v>
      </c>
      <c r="AD40" s="76">
        <v>2</v>
      </c>
      <c r="AE40" s="76">
        <v>0</v>
      </c>
      <c r="AF40" s="76">
        <v>0</v>
      </c>
      <c r="AG40" s="77">
        <v>4</v>
      </c>
      <c r="AH40" s="78">
        <v>5</v>
      </c>
      <c r="AI40" s="75">
        <v>0</v>
      </c>
      <c r="AJ40" s="76">
        <v>0</v>
      </c>
      <c r="AK40" s="77">
        <v>0</v>
      </c>
      <c r="AL40" s="278"/>
      <c r="AM40" s="76">
        <v>1</v>
      </c>
      <c r="AN40" s="76">
        <v>1</v>
      </c>
      <c r="AO40" s="76">
        <v>1</v>
      </c>
      <c r="AP40" s="76">
        <v>1</v>
      </c>
      <c r="AQ40" s="76">
        <v>0</v>
      </c>
      <c r="AR40" s="77">
        <v>4</v>
      </c>
      <c r="AS40" s="78">
        <v>4</v>
      </c>
      <c r="AT40" s="75">
        <v>1</v>
      </c>
      <c r="AU40" s="76">
        <v>1</v>
      </c>
      <c r="AV40" s="77">
        <v>2</v>
      </c>
      <c r="AW40" s="278"/>
      <c r="AX40" s="76">
        <v>4</v>
      </c>
      <c r="AY40" s="76">
        <v>3</v>
      </c>
      <c r="AZ40" s="76">
        <v>0</v>
      </c>
      <c r="BA40" s="76">
        <v>1</v>
      </c>
      <c r="BB40" s="76">
        <v>2</v>
      </c>
      <c r="BC40" s="77">
        <v>10</v>
      </c>
      <c r="BD40" s="78">
        <v>12</v>
      </c>
      <c r="BE40" s="75">
        <v>0</v>
      </c>
      <c r="BF40" s="76">
        <v>0</v>
      </c>
      <c r="BG40" s="77">
        <v>0</v>
      </c>
      <c r="BH40" s="278"/>
      <c r="BI40" s="76">
        <v>3</v>
      </c>
      <c r="BJ40" s="76">
        <v>1</v>
      </c>
      <c r="BK40" s="76">
        <v>4</v>
      </c>
      <c r="BL40" s="76">
        <v>0</v>
      </c>
      <c r="BM40" s="76">
        <v>1</v>
      </c>
      <c r="BN40" s="77">
        <v>9</v>
      </c>
      <c r="BO40" s="78">
        <v>9</v>
      </c>
      <c r="BP40" s="75">
        <v>0</v>
      </c>
      <c r="BQ40" s="76">
        <v>0</v>
      </c>
      <c r="BR40" s="77">
        <v>0</v>
      </c>
      <c r="BS40" s="278"/>
      <c r="BT40" s="76">
        <v>4</v>
      </c>
      <c r="BU40" s="76">
        <v>1</v>
      </c>
      <c r="BV40" s="76">
        <v>2</v>
      </c>
      <c r="BW40" s="76">
        <v>2</v>
      </c>
      <c r="BX40" s="76">
        <v>1</v>
      </c>
      <c r="BY40" s="77">
        <v>10</v>
      </c>
      <c r="BZ40" s="78">
        <v>10</v>
      </c>
      <c r="CA40" s="75">
        <v>0</v>
      </c>
      <c r="CB40" s="76">
        <v>0</v>
      </c>
      <c r="CC40" s="77">
        <v>0</v>
      </c>
      <c r="CD40" s="278"/>
      <c r="CE40" s="76">
        <v>0</v>
      </c>
      <c r="CF40" s="76">
        <v>0</v>
      </c>
      <c r="CG40" s="76">
        <v>0</v>
      </c>
      <c r="CH40" s="76">
        <v>1</v>
      </c>
      <c r="CI40" s="76">
        <v>0</v>
      </c>
      <c r="CJ40" s="77">
        <v>1</v>
      </c>
      <c r="CK40" s="78">
        <v>1</v>
      </c>
      <c r="CL40" s="75">
        <v>2</v>
      </c>
      <c r="CM40" s="76">
        <v>2</v>
      </c>
      <c r="CN40" s="77">
        <v>4</v>
      </c>
      <c r="CO40" s="278"/>
      <c r="CP40" s="76">
        <v>14</v>
      </c>
      <c r="CQ40" s="76">
        <v>7</v>
      </c>
      <c r="CR40" s="76">
        <v>10</v>
      </c>
      <c r="CS40" s="76">
        <v>5</v>
      </c>
      <c r="CT40" s="76">
        <v>5</v>
      </c>
      <c r="CU40" s="77">
        <v>41</v>
      </c>
      <c r="CV40" s="78">
        <v>45</v>
      </c>
      <c r="CW40" s="128">
        <v>8</v>
      </c>
      <c r="CX40" s="88">
        <v>6</v>
      </c>
      <c r="CY40" s="89">
        <v>14</v>
      </c>
      <c r="CZ40" s="275"/>
      <c r="DA40" s="88">
        <v>32</v>
      </c>
      <c r="DB40" s="88">
        <v>14</v>
      </c>
      <c r="DC40" s="88">
        <v>23</v>
      </c>
      <c r="DD40" s="88">
        <v>14</v>
      </c>
      <c r="DE40" s="88">
        <v>8</v>
      </c>
      <c r="DF40" s="90">
        <v>91</v>
      </c>
      <c r="DG40" s="91">
        <v>105</v>
      </c>
      <c r="DH40" s="75">
        <v>0</v>
      </c>
      <c r="DI40" s="76">
        <v>0</v>
      </c>
      <c r="DJ40" s="77">
        <v>0</v>
      </c>
      <c r="DK40" s="278"/>
      <c r="DL40" s="76">
        <v>0</v>
      </c>
      <c r="DM40" s="76">
        <v>0</v>
      </c>
      <c r="DN40" s="76">
        <v>1</v>
      </c>
      <c r="DO40" s="76">
        <v>0</v>
      </c>
      <c r="DP40" s="76">
        <v>1</v>
      </c>
      <c r="DQ40" s="77">
        <v>2</v>
      </c>
      <c r="DR40" s="78">
        <v>2</v>
      </c>
      <c r="DS40" s="75">
        <v>1</v>
      </c>
      <c r="DT40" s="76">
        <v>0</v>
      </c>
      <c r="DU40" s="77">
        <v>1</v>
      </c>
      <c r="DV40" s="278"/>
      <c r="DW40" s="76">
        <v>1</v>
      </c>
      <c r="DX40" s="76">
        <v>3</v>
      </c>
      <c r="DY40" s="76">
        <v>0</v>
      </c>
      <c r="DZ40" s="76">
        <v>1</v>
      </c>
      <c r="EA40" s="76">
        <v>0</v>
      </c>
      <c r="EB40" s="77">
        <v>5</v>
      </c>
      <c r="EC40" s="78">
        <v>6</v>
      </c>
      <c r="ED40" s="75">
        <v>2</v>
      </c>
      <c r="EE40" s="76">
        <v>0</v>
      </c>
      <c r="EF40" s="77">
        <v>2</v>
      </c>
      <c r="EG40" s="278"/>
      <c r="EH40" s="76">
        <v>3</v>
      </c>
      <c r="EI40" s="76">
        <v>2</v>
      </c>
      <c r="EJ40" s="76">
        <v>3</v>
      </c>
      <c r="EK40" s="76">
        <v>3</v>
      </c>
      <c r="EL40" s="76">
        <v>1</v>
      </c>
      <c r="EM40" s="77">
        <v>12</v>
      </c>
      <c r="EN40" s="78">
        <v>14</v>
      </c>
      <c r="EO40" s="75">
        <v>2</v>
      </c>
      <c r="EP40" s="76">
        <v>2</v>
      </c>
      <c r="EQ40" s="77">
        <v>4</v>
      </c>
      <c r="ER40" s="278"/>
      <c r="ES40" s="76">
        <v>8</v>
      </c>
      <c r="ET40" s="76">
        <v>2</v>
      </c>
      <c r="EU40" s="76">
        <v>5</v>
      </c>
      <c r="EV40" s="76">
        <v>1</v>
      </c>
      <c r="EW40" s="76">
        <v>1</v>
      </c>
      <c r="EX40" s="77">
        <v>17</v>
      </c>
      <c r="EY40" s="78">
        <v>21</v>
      </c>
      <c r="EZ40" s="75">
        <v>2</v>
      </c>
      <c r="FA40" s="76">
        <v>2</v>
      </c>
      <c r="FB40" s="77">
        <v>4</v>
      </c>
      <c r="FC40" s="278"/>
      <c r="FD40" s="76">
        <v>15</v>
      </c>
      <c r="FE40" s="76">
        <v>3</v>
      </c>
      <c r="FF40" s="76">
        <v>7</v>
      </c>
      <c r="FG40" s="76">
        <v>2</v>
      </c>
      <c r="FH40" s="76">
        <v>1</v>
      </c>
      <c r="FI40" s="77">
        <v>28</v>
      </c>
      <c r="FJ40" s="78">
        <v>32</v>
      </c>
      <c r="FK40" s="75">
        <v>1</v>
      </c>
      <c r="FL40" s="76">
        <v>2</v>
      </c>
      <c r="FM40" s="77">
        <v>3</v>
      </c>
      <c r="FN40" s="278"/>
      <c r="FO40" s="76">
        <v>5</v>
      </c>
      <c r="FP40" s="76">
        <v>4</v>
      </c>
      <c r="FQ40" s="76">
        <v>7</v>
      </c>
      <c r="FR40" s="76">
        <v>7</v>
      </c>
      <c r="FS40" s="76">
        <v>4</v>
      </c>
      <c r="FT40" s="77">
        <v>27</v>
      </c>
      <c r="FU40" s="78">
        <v>30</v>
      </c>
      <c r="FV40" s="75">
        <v>0</v>
      </c>
      <c r="FW40" s="76">
        <v>0</v>
      </c>
      <c r="FX40" s="77">
        <v>0</v>
      </c>
      <c r="FY40" s="278"/>
      <c r="FZ40" s="76">
        <v>1</v>
      </c>
      <c r="GA40" s="76">
        <v>1</v>
      </c>
      <c r="GB40" s="76">
        <v>1</v>
      </c>
      <c r="GC40" s="76">
        <v>1</v>
      </c>
      <c r="GD40" s="76">
        <v>0</v>
      </c>
      <c r="GE40" s="77">
        <v>4</v>
      </c>
      <c r="GF40" s="78">
        <v>4</v>
      </c>
      <c r="GG40" s="75">
        <v>8</v>
      </c>
      <c r="GH40" s="76">
        <v>6</v>
      </c>
      <c r="GI40" s="77">
        <v>14</v>
      </c>
      <c r="GJ40" s="278"/>
      <c r="GK40" s="76">
        <v>33</v>
      </c>
      <c r="GL40" s="76">
        <v>15</v>
      </c>
      <c r="GM40" s="76">
        <v>24</v>
      </c>
      <c r="GN40" s="76">
        <v>15</v>
      </c>
      <c r="GO40" s="76">
        <v>8</v>
      </c>
      <c r="GP40" s="77">
        <v>95</v>
      </c>
      <c r="GQ40" s="78">
        <v>109</v>
      </c>
      <c r="GR40" s="128">
        <v>10</v>
      </c>
      <c r="GS40" s="88">
        <v>8</v>
      </c>
      <c r="GT40" s="89">
        <v>18</v>
      </c>
      <c r="GU40" s="275"/>
      <c r="GV40" s="88">
        <v>46</v>
      </c>
      <c r="GW40" s="88">
        <v>21</v>
      </c>
      <c r="GX40" s="88">
        <v>33</v>
      </c>
      <c r="GY40" s="88">
        <v>18</v>
      </c>
      <c r="GZ40" s="88">
        <v>13</v>
      </c>
      <c r="HA40" s="90">
        <v>131</v>
      </c>
      <c r="HB40" s="91">
        <v>149</v>
      </c>
      <c r="HC40" s="75">
        <v>0</v>
      </c>
      <c r="HD40" s="76">
        <v>1</v>
      </c>
      <c r="HE40" s="77">
        <v>1</v>
      </c>
      <c r="HF40" s="278"/>
      <c r="HG40" s="76">
        <v>1</v>
      </c>
      <c r="HH40" s="76">
        <v>0</v>
      </c>
      <c r="HI40" s="76">
        <v>2</v>
      </c>
      <c r="HJ40" s="76">
        <v>0</v>
      </c>
      <c r="HK40" s="76">
        <v>2</v>
      </c>
      <c r="HL40" s="77">
        <v>5</v>
      </c>
      <c r="HM40" s="78">
        <v>6</v>
      </c>
      <c r="HN40" s="75">
        <v>2</v>
      </c>
      <c r="HO40" s="76">
        <v>0</v>
      </c>
      <c r="HP40" s="77">
        <v>2</v>
      </c>
      <c r="HQ40" s="278"/>
      <c r="HR40" s="76">
        <v>2</v>
      </c>
      <c r="HS40" s="76">
        <v>4</v>
      </c>
      <c r="HT40" s="76">
        <v>2</v>
      </c>
      <c r="HU40" s="76">
        <v>1</v>
      </c>
      <c r="HV40" s="76">
        <v>0</v>
      </c>
      <c r="HW40" s="77">
        <v>9</v>
      </c>
      <c r="HX40" s="78">
        <v>11</v>
      </c>
      <c r="HY40" s="75">
        <v>2</v>
      </c>
      <c r="HZ40" s="76">
        <v>0</v>
      </c>
      <c r="IA40" s="77">
        <v>2</v>
      </c>
      <c r="IB40" s="278"/>
      <c r="IC40" s="76">
        <v>4</v>
      </c>
      <c r="ID40" s="76">
        <v>3</v>
      </c>
      <c r="IE40" s="76">
        <v>4</v>
      </c>
      <c r="IF40" s="76">
        <v>4</v>
      </c>
      <c r="IG40" s="76">
        <v>1</v>
      </c>
      <c r="IH40" s="77">
        <v>16</v>
      </c>
      <c r="II40" s="78">
        <v>18</v>
      </c>
      <c r="IJ40" s="75">
        <v>3</v>
      </c>
      <c r="IK40" s="76">
        <v>3</v>
      </c>
      <c r="IL40" s="77">
        <v>6</v>
      </c>
      <c r="IM40" s="278">
        <v>0</v>
      </c>
      <c r="IN40" s="76">
        <v>12</v>
      </c>
      <c r="IO40" s="76">
        <v>5</v>
      </c>
      <c r="IP40" s="76">
        <v>5</v>
      </c>
      <c r="IQ40" s="76">
        <v>2</v>
      </c>
      <c r="IR40" s="76">
        <v>3</v>
      </c>
      <c r="IS40" s="77">
        <v>27</v>
      </c>
      <c r="IT40" s="78">
        <v>33</v>
      </c>
      <c r="IU40" s="75">
        <v>2</v>
      </c>
      <c r="IV40" s="76">
        <v>2</v>
      </c>
      <c r="IW40" s="77">
        <v>4</v>
      </c>
      <c r="IX40" s="278"/>
      <c r="IY40" s="76">
        <v>18</v>
      </c>
      <c r="IZ40" s="76">
        <v>4</v>
      </c>
      <c r="JA40" s="76">
        <v>11</v>
      </c>
      <c r="JB40" s="76">
        <v>2</v>
      </c>
      <c r="JC40" s="76">
        <v>2</v>
      </c>
      <c r="JD40" s="77">
        <v>37</v>
      </c>
      <c r="JE40" s="78">
        <v>41</v>
      </c>
      <c r="JF40" s="75">
        <v>1</v>
      </c>
      <c r="JG40" s="76">
        <v>2</v>
      </c>
      <c r="JH40" s="77">
        <v>3</v>
      </c>
      <c r="JI40" s="278"/>
      <c r="JJ40" s="76">
        <v>9</v>
      </c>
      <c r="JK40" s="76">
        <v>5</v>
      </c>
      <c r="JL40" s="76">
        <v>9</v>
      </c>
      <c r="JM40" s="76">
        <v>9</v>
      </c>
      <c r="JN40" s="76">
        <v>5</v>
      </c>
      <c r="JO40" s="77">
        <v>37</v>
      </c>
      <c r="JP40" s="78">
        <v>40</v>
      </c>
      <c r="JQ40" s="75">
        <v>0</v>
      </c>
      <c r="JR40" s="76">
        <v>0</v>
      </c>
      <c r="JS40" s="77">
        <v>0</v>
      </c>
      <c r="JT40" s="278"/>
      <c r="JU40" s="76">
        <v>1</v>
      </c>
      <c r="JV40" s="76">
        <v>1</v>
      </c>
      <c r="JW40" s="76">
        <v>1</v>
      </c>
      <c r="JX40" s="76">
        <v>2</v>
      </c>
      <c r="JY40" s="76">
        <v>0</v>
      </c>
      <c r="JZ40" s="77">
        <v>5</v>
      </c>
      <c r="KA40" s="78">
        <v>5</v>
      </c>
      <c r="KB40" s="75">
        <v>10</v>
      </c>
      <c r="KC40" s="76">
        <v>8</v>
      </c>
      <c r="KD40" s="77">
        <v>18</v>
      </c>
      <c r="KE40" s="278"/>
      <c r="KF40" s="76">
        <v>47</v>
      </c>
      <c r="KG40" s="76">
        <v>22</v>
      </c>
      <c r="KH40" s="76">
        <v>34</v>
      </c>
      <c r="KI40" s="76">
        <v>20</v>
      </c>
      <c r="KJ40" s="76">
        <v>13</v>
      </c>
      <c r="KK40" s="77">
        <v>136</v>
      </c>
      <c r="KL40" s="78">
        <v>154</v>
      </c>
    </row>
    <row r="41" spans="1:298" ht="32.25" customHeight="1" x14ac:dyDescent="0.2">
      <c r="B41" s="342" t="s">
        <v>126</v>
      </c>
    </row>
  </sheetData>
  <mergeCells count="36">
    <mergeCell ref="H1:I1"/>
    <mergeCell ref="CA4:CK5"/>
    <mergeCell ref="CL4:CV5"/>
    <mergeCell ref="B5:L5"/>
    <mergeCell ref="M5:W5"/>
    <mergeCell ref="X5:AH5"/>
    <mergeCell ref="AI5:AS5"/>
    <mergeCell ref="AT5:BD5"/>
    <mergeCell ref="BE5:BO5"/>
    <mergeCell ref="BP5:BZ5"/>
    <mergeCell ref="B3:CV3"/>
    <mergeCell ref="B4:BZ4"/>
    <mergeCell ref="E1:F1"/>
    <mergeCell ref="A3:A5"/>
    <mergeCell ref="CW3:GQ3"/>
    <mergeCell ref="CW4:FU4"/>
    <mergeCell ref="FV4:GF5"/>
    <mergeCell ref="GG4:GQ5"/>
    <mergeCell ref="CW5:DG5"/>
    <mergeCell ref="DH5:DR5"/>
    <mergeCell ref="DS5:EC5"/>
    <mergeCell ref="ED5:EN5"/>
    <mergeCell ref="EO5:EY5"/>
    <mergeCell ref="EZ5:FJ5"/>
    <mergeCell ref="FK5:FU5"/>
    <mergeCell ref="GR3:KL3"/>
    <mergeCell ref="GR4:JP4"/>
    <mergeCell ref="JQ4:KA5"/>
    <mergeCell ref="KB4:KL5"/>
    <mergeCell ref="GR5:HB5"/>
    <mergeCell ref="HC5:HM5"/>
    <mergeCell ref="HN5:HX5"/>
    <mergeCell ref="HY5:II5"/>
    <mergeCell ref="IJ5:IT5"/>
    <mergeCell ref="IU5:JE5"/>
    <mergeCell ref="JF5:J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1" width="12.6640625" style="1" customWidth="1"/>
    <col min="2" max="2" width="8.88671875"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408">
        <f>第１表!F2</f>
        <v>4</v>
      </c>
      <c r="E1" s="286">
        <f>第１表!G2</f>
        <v>2</v>
      </c>
      <c r="F1" s="497">
        <f>IF(E1&lt;3,E1-2+12,E1-2)</f>
        <v>12</v>
      </c>
      <c r="G1" s="497"/>
    </row>
    <row r="2" spans="1:42" ht="17.25" customHeight="1" thickBot="1" x14ac:dyDescent="0.25">
      <c r="A2" s="20" t="s">
        <v>158</v>
      </c>
      <c r="E2" s="20" t="s">
        <v>140</v>
      </c>
    </row>
    <row r="3" spans="1:42" ht="24.75" customHeight="1" x14ac:dyDescent="0.2">
      <c r="A3" s="543"/>
      <c r="B3" s="533" t="s">
        <v>57</v>
      </c>
      <c r="C3" s="534"/>
      <c r="D3" s="534"/>
      <c r="E3" s="534"/>
      <c r="F3" s="534"/>
      <c r="G3" s="534"/>
      <c r="H3" s="534"/>
      <c r="I3" s="534"/>
      <c r="J3" s="534"/>
      <c r="K3" s="534"/>
      <c r="L3" s="533" t="s">
        <v>58</v>
      </c>
      <c r="M3" s="546"/>
      <c r="N3" s="546"/>
      <c r="O3" s="546"/>
      <c r="P3" s="546"/>
      <c r="Q3" s="546"/>
      <c r="R3" s="546"/>
      <c r="S3" s="546"/>
      <c r="T3" s="546"/>
      <c r="U3" s="546"/>
      <c r="V3" s="533" t="s">
        <v>59</v>
      </c>
      <c r="W3" s="534"/>
      <c r="X3" s="534"/>
      <c r="Y3" s="534"/>
      <c r="Z3" s="534"/>
      <c r="AA3" s="534"/>
      <c r="AB3" s="534"/>
      <c r="AC3" s="534"/>
      <c r="AD3" s="534"/>
      <c r="AE3" s="534"/>
      <c r="AF3" s="542" t="s">
        <v>151</v>
      </c>
      <c r="AG3" s="534"/>
      <c r="AH3" s="534"/>
      <c r="AI3" s="534"/>
      <c r="AJ3" s="534"/>
      <c r="AK3" s="534"/>
      <c r="AL3" s="534"/>
      <c r="AM3" s="534"/>
      <c r="AN3" s="534"/>
      <c r="AO3" s="535"/>
    </row>
    <row r="4" spans="1:42" ht="24.75" customHeight="1" x14ac:dyDescent="0.2">
      <c r="A4" s="545"/>
      <c r="B4" s="515" t="s">
        <v>61</v>
      </c>
      <c r="C4" s="516"/>
      <c r="D4" s="517"/>
      <c r="E4" s="518" t="s">
        <v>62</v>
      </c>
      <c r="F4" s="519"/>
      <c r="G4" s="519"/>
      <c r="H4" s="519"/>
      <c r="I4" s="519"/>
      <c r="J4" s="520"/>
      <c r="K4" s="530" t="s">
        <v>52</v>
      </c>
      <c r="L4" s="515" t="s">
        <v>61</v>
      </c>
      <c r="M4" s="516"/>
      <c r="N4" s="517"/>
      <c r="O4" s="518" t="s">
        <v>62</v>
      </c>
      <c r="P4" s="519"/>
      <c r="Q4" s="519"/>
      <c r="R4" s="519"/>
      <c r="S4" s="519"/>
      <c r="T4" s="520"/>
      <c r="U4" s="521" t="s">
        <v>52</v>
      </c>
      <c r="V4" s="515" t="s">
        <v>61</v>
      </c>
      <c r="W4" s="516"/>
      <c r="X4" s="517"/>
      <c r="Y4" s="518" t="s">
        <v>62</v>
      </c>
      <c r="Z4" s="519"/>
      <c r="AA4" s="519"/>
      <c r="AB4" s="519"/>
      <c r="AC4" s="519"/>
      <c r="AD4" s="520"/>
      <c r="AE4" s="530" t="s">
        <v>52</v>
      </c>
      <c r="AF4" s="515" t="s">
        <v>61</v>
      </c>
      <c r="AG4" s="516"/>
      <c r="AH4" s="517"/>
      <c r="AI4" s="518" t="s">
        <v>62</v>
      </c>
      <c r="AJ4" s="519"/>
      <c r="AK4" s="519"/>
      <c r="AL4" s="519"/>
      <c r="AM4" s="519"/>
      <c r="AN4" s="520"/>
      <c r="AO4" s="521" t="s">
        <v>52</v>
      </c>
    </row>
    <row r="5" spans="1:42" ht="24.75" customHeight="1" thickBot="1" x14ac:dyDescent="0.25">
      <c r="A5" s="403" t="s">
        <v>42</v>
      </c>
      <c r="B5" s="31" t="s">
        <v>43</v>
      </c>
      <c r="C5" s="32" t="s">
        <v>44</v>
      </c>
      <c r="D5" s="32" t="s">
        <v>45</v>
      </c>
      <c r="E5" s="33" t="s">
        <v>47</v>
      </c>
      <c r="F5" s="34" t="s">
        <v>48</v>
      </c>
      <c r="G5" s="34" t="s">
        <v>49</v>
      </c>
      <c r="H5" s="35" t="s">
        <v>50</v>
      </c>
      <c r="I5" s="32" t="s">
        <v>51</v>
      </c>
      <c r="J5" s="36" t="s">
        <v>95</v>
      </c>
      <c r="K5" s="531"/>
      <c r="L5" s="31" t="s">
        <v>43</v>
      </c>
      <c r="M5" s="32" t="s">
        <v>44</v>
      </c>
      <c r="N5" s="36" t="s">
        <v>45</v>
      </c>
      <c r="O5" s="15" t="s">
        <v>47</v>
      </c>
      <c r="P5" s="34" t="s">
        <v>48</v>
      </c>
      <c r="Q5" s="34" t="s">
        <v>49</v>
      </c>
      <c r="R5" s="35" t="s">
        <v>50</v>
      </c>
      <c r="S5" s="32" t="s">
        <v>51</v>
      </c>
      <c r="T5" s="36" t="s">
        <v>45</v>
      </c>
      <c r="U5" s="522"/>
      <c r="V5" s="31" t="s">
        <v>43</v>
      </c>
      <c r="W5" s="32" t="s">
        <v>44</v>
      </c>
      <c r="X5" s="32" t="s">
        <v>45</v>
      </c>
      <c r="Y5" s="33" t="s">
        <v>47</v>
      </c>
      <c r="Z5" s="34" t="s">
        <v>48</v>
      </c>
      <c r="AA5" s="34" t="s">
        <v>49</v>
      </c>
      <c r="AB5" s="35" t="s">
        <v>50</v>
      </c>
      <c r="AC5" s="32" t="s">
        <v>51</v>
      </c>
      <c r="AD5" s="36" t="s">
        <v>45</v>
      </c>
      <c r="AE5" s="531"/>
      <c r="AF5" s="31" t="s">
        <v>43</v>
      </c>
      <c r="AG5" s="32" t="s">
        <v>44</v>
      </c>
      <c r="AH5" s="32" t="s">
        <v>45</v>
      </c>
      <c r="AI5" s="33" t="s">
        <v>47</v>
      </c>
      <c r="AJ5" s="34" t="s">
        <v>48</v>
      </c>
      <c r="AK5" s="34" t="s">
        <v>49</v>
      </c>
      <c r="AL5" s="35" t="s">
        <v>50</v>
      </c>
      <c r="AM5" s="32" t="s">
        <v>51</v>
      </c>
      <c r="AN5" s="36" t="s">
        <v>45</v>
      </c>
      <c r="AO5" s="522"/>
    </row>
    <row r="6" spans="1:42" ht="20.25" customHeight="1" x14ac:dyDescent="0.2">
      <c r="A6" s="402" t="s">
        <v>4</v>
      </c>
      <c r="B6" s="213">
        <v>0</v>
      </c>
      <c r="C6" s="214">
        <v>0</v>
      </c>
      <c r="D6" s="214">
        <v>0</v>
      </c>
      <c r="E6" s="215">
        <v>8</v>
      </c>
      <c r="F6" s="216">
        <v>54</v>
      </c>
      <c r="G6" s="216">
        <v>447</v>
      </c>
      <c r="H6" s="216">
        <v>656</v>
      </c>
      <c r="I6" s="214">
        <v>387</v>
      </c>
      <c r="J6" s="217">
        <v>1552</v>
      </c>
      <c r="K6" s="218">
        <v>1552</v>
      </c>
      <c r="L6" s="213">
        <v>0</v>
      </c>
      <c r="M6" s="214">
        <v>0</v>
      </c>
      <c r="N6" s="217">
        <v>0</v>
      </c>
      <c r="O6" s="220">
        <v>95</v>
      </c>
      <c r="P6" s="216">
        <v>173</v>
      </c>
      <c r="Q6" s="216">
        <v>279</v>
      </c>
      <c r="R6" s="216">
        <v>341</v>
      </c>
      <c r="S6" s="214">
        <v>170</v>
      </c>
      <c r="T6" s="217">
        <v>1058</v>
      </c>
      <c r="U6" s="221">
        <v>1058</v>
      </c>
      <c r="V6" s="220">
        <v>0</v>
      </c>
      <c r="W6" s="214">
        <v>0</v>
      </c>
      <c r="X6" s="214">
        <v>0</v>
      </c>
      <c r="Y6" s="215">
        <v>0</v>
      </c>
      <c r="Z6" s="216">
        <v>0</v>
      </c>
      <c r="AA6" s="216">
        <v>2</v>
      </c>
      <c r="AB6" s="216">
        <v>12</v>
      </c>
      <c r="AC6" s="214">
        <v>22</v>
      </c>
      <c r="AD6" s="217">
        <v>36</v>
      </c>
      <c r="AE6" s="218">
        <v>36</v>
      </c>
      <c r="AF6" s="213">
        <v>0</v>
      </c>
      <c r="AG6" s="214">
        <v>0</v>
      </c>
      <c r="AH6" s="214">
        <v>0</v>
      </c>
      <c r="AI6" s="215">
        <v>0</v>
      </c>
      <c r="AJ6" s="216">
        <v>1</v>
      </c>
      <c r="AK6" s="216">
        <v>3</v>
      </c>
      <c r="AL6" s="216">
        <v>14</v>
      </c>
      <c r="AM6" s="214">
        <v>25</v>
      </c>
      <c r="AN6" s="217">
        <v>43</v>
      </c>
      <c r="AO6" s="219">
        <v>43</v>
      </c>
      <c r="AP6" s="37"/>
    </row>
    <row r="7" spans="1:42" ht="20.25" customHeight="1" x14ac:dyDescent="0.2">
      <c r="A7" s="63" t="s">
        <v>5</v>
      </c>
      <c r="B7" s="222">
        <v>0</v>
      </c>
      <c r="C7" s="223">
        <v>0</v>
      </c>
      <c r="D7" s="223">
        <v>0</v>
      </c>
      <c r="E7" s="224">
        <v>3</v>
      </c>
      <c r="F7" s="225">
        <v>34</v>
      </c>
      <c r="G7" s="225">
        <v>224</v>
      </c>
      <c r="H7" s="225">
        <v>290</v>
      </c>
      <c r="I7" s="223">
        <v>190</v>
      </c>
      <c r="J7" s="226">
        <v>741</v>
      </c>
      <c r="K7" s="227">
        <v>741</v>
      </c>
      <c r="L7" s="222">
        <v>0</v>
      </c>
      <c r="M7" s="223">
        <v>0</v>
      </c>
      <c r="N7" s="226">
        <v>0</v>
      </c>
      <c r="O7" s="229">
        <v>34</v>
      </c>
      <c r="P7" s="225">
        <v>85</v>
      </c>
      <c r="Q7" s="225">
        <v>133</v>
      </c>
      <c r="R7" s="225">
        <v>176</v>
      </c>
      <c r="S7" s="223">
        <v>88</v>
      </c>
      <c r="T7" s="226">
        <v>516</v>
      </c>
      <c r="U7" s="230">
        <v>516</v>
      </c>
      <c r="V7" s="229">
        <v>0</v>
      </c>
      <c r="W7" s="223">
        <v>0</v>
      </c>
      <c r="X7" s="223">
        <v>0</v>
      </c>
      <c r="Y7" s="224">
        <v>0</v>
      </c>
      <c r="Z7" s="225">
        <v>0</v>
      </c>
      <c r="AA7" s="225">
        <v>0</v>
      </c>
      <c r="AB7" s="225">
        <v>4</v>
      </c>
      <c r="AC7" s="223">
        <v>9</v>
      </c>
      <c r="AD7" s="226">
        <v>13</v>
      </c>
      <c r="AE7" s="227">
        <v>13</v>
      </c>
      <c r="AF7" s="222">
        <v>0</v>
      </c>
      <c r="AG7" s="223">
        <v>0</v>
      </c>
      <c r="AH7" s="223">
        <v>0</v>
      </c>
      <c r="AI7" s="224">
        <v>0</v>
      </c>
      <c r="AJ7" s="225">
        <v>0</v>
      </c>
      <c r="AK7" s="225">
        <v>0</v>
      </c>
      <c r="AL7" s="225">
        <v>6</v>
      </c>
      <c r="AM7" s="223">
        <v>7</v>
      </c>
      <c r="AN7" s="226">
        <v>13</v>
      </c>
      <c r="AO7" s="228">
        <v>13</v>
      </c>
      <c r="AP7" s="37"/>
    </row>
    <row r="8" spans="1:42" ht="20.25" customHeight="1" x14ac:dyDescent="0.2">
      <c r="A8" s="63" t="s">
        <v>6</v>
      </c>
      <c r="B8" s="222">
        <v>0</v>
      </c>
      <c r="C8" s="223">
        <v>0</v>
      </c>
      <c r="D8" s="223">
        <v>0</v>
      </c>
      <c r="E8" s="224">
        <v>0</v>
      </c>
      <c r="F8" s="225">
        <v>5</v>
      </c>
      <c r="G8" s="225">
        <v>50</v>
      </c>
      <c r="H8" s="225">
        <v>61</v>
      </c>
      <c r="I8" s="223">
        <v>38</v>
      </c>
      <c r="J8" s="226">
        <v>154</v>
      </c>
      <c r="K8" s="227">
        <v>154</v>
      </c>
      <c r="L8" s="222">
        <v>0</v>
      </c>
      <c r="M8" s="223">
        <v>0</v>
      </c>
      <c r="N8" s="226">
        <v>0</v>
      </c>
      <c r="O8" s="229">
        <v>14</v>
      </c>
      <c r="P8" s="225">
        <v>23</v>
      </c>
      <c r="Q8" s="225">
        <v>29</v>
      </c>
      <c r="R8" s="225">
        <v>32</v>
      </c>
      <c r="S8" s="223">
        <v>22</v>
      </c>
      <c r="T8" s="226">
        <v>120</v>
      </c>
      <c r="U8" s="230">
        <v>120</v>
      </c>
      <c r="V8" s="229">
        <v>0</v>
      </c>
      <c r="W8" s="223">
        <v>0</v>
      </c>
      <c r="X8" s="223">
        <v>0</v>
      </c>
      <c r="Y8" s="224">
        <v>0</v>
      </c>
      <c r="Z8" s="225">
        <v>0</v>
      </c>
      <c r="AA8" s="225">
        <v>2</v>
      </c>
      <c r="AB8" s="225">
        <v>7</v>
      </c>
      <c r="AC8" s="223">
        <v>7</v>
      </c>
      <c r="AD8" s="226">
        <v>16</v>
      </c>
      <c r="AE8" s="227">
        <v>16</v>
      </c>
      <c r="AF8" s="222">
        <v>0</v>
      </c>
      <c r="AG8" s="223">
        <v>0</v>
      </c>
      <c r="AH8" s="223">
        <v>0</v>
      </c>
      <c r="AI8" s="224">
        <v>0</v>
      </c>
      <c r="AJ8" s="225">
        <v>0</v>
      </c>
      <c r="AK8" s="225">
        <v>0</v>
      </c>
      <c r="AL8" s="225">
        <v>1</v>
      </c>
      <c r="AM8" s="223">
        <v>7</v>
      </c>
      <c r="AN8" s="226">
        <v>8</v>
      </c>
      <c r="AO8" s="228">
        <v>8</v>
      </c>
      <c r="AP8" s="37"/>
    </row>
    <row r="9" spans="1:42" ht="20.25" customHeight="1" x14ac:dyDescent="0.2">
      <c r="A9" s="63" t="s">
        <v>14</v>
      </c>
      <c r="B9" s="222">
        <v>0</v>
      </c>
      <c r="C9" s="223">
        <v>0</v>
      </c>
      <c r="D9" s="223">
        <v>0</v>
      </c>
      <c r="E9" s="224">
        <v>1</v>
      </c>
      <c r="F9" s="225">
        <v>0</v>
      </c>
      <c r="G9" s="225">
        <v>30</v>
      </c>
      <c r="H9" s="225">
        <v>57</v>
      </c>
      <c r="I9" s="223">
        <v>27</v>
      </c>
      <c r="J9" s="226">
        <v>115</v>
      </c>
      <c r="K9" s="227">
        <v>115</v>
      </c>
      <c r="L9" s="222">
        <v>0</v>
      </c>
      <c r="M9" s="223">
        <v>0</v>
      </c>
      <c r="N9" s="226">
        <v>0</v>
      </c>
      <c r="O9" s="229">
        <v>3</v>
      </c>
      <c r="P9" s="225">
        <v>8</v>
      </c>
      <c r="Q9" s="225">
        <v>15</v>
      </c>
      <c r="R9" s="225">
        <v>22</v>
      </c>
      <c r="S9" s="223">
        <v>4</v>
      </c>
      <c r="T9" s="226">
        <v>52</v>
      </c>
      <c r="U9" s="230">
        <v>52</v>
      </c>
      <c r="V9" s="229">
        <v>0</v>
      </c>
      <c r="W9" s="223">
        <v>0</v>
      </c>
      <c r="X9" s="223">
        <v>0</v>
      </c>
      <c r="Y9" s="224">
        <v>0</v>
      </c>
      <c r="Z9" s="225">
        <v>0</v>
      </c>
      <c r="AA9" s="225">
        <v>0</v>
      </c>
      <c r="AB9" s="225">
        <v>1</v>
      </c>
      <c r="AC9" s="223">
        <v>4</v>
      </c>
      <c r="AD9" s="226">
        <v>5</v>
      </c>
      <c r="AE9" s="227">
        <v>5</v>
      </c>
      <c r="AF9" s="222">
        <v>0</v>
      </c>
      <c r="AG9" s="223">
        <v>0</v>
      </c>
      <c r="AH9" s="223">
        <v>0</v>
      </c>
      <c r="AI9" s="224">
        <v>0</v>
      </c>
      <c r="AJ9" s="225">
        <v>0</v>
      </c>
      <c r="AK9" s="225">
        <v>0</v>
      </c>
      <c r="AL9" s="225">
        <v>1</v>
      </c>
      <c r="AM9" s="223">
        <v>2</v>
      </c>
      <c r="AN9" s="226">
        <v>3</v>
      </c>
      <c r="AO9" s="228">
        <v>3</v>
      </c>
      <c r="AP9" s="37"/>
    </row>
    <row r="10" spans="1:42" ht="20.25" customHeight="1" x14ac:dyDescent="0.2">
      <c r="A10" s="63" t="s">
        <v>7</v>
      </c>
      <c r="B10" s="222">
        <v>0</v>
      </c>
      <c r="C10" s="223">
        <v>0</v>
      </c>
      <c r="D10" s="223">
        <v>0</v>
      </c>
      <c r="E10" s="224">
        <v>0</v>
      </c>
      <c r="F10" s="225">
        <v>6</v>
      </c>
      <c r="G10" s="225">
        <v>24</v>
      </c>
      <c r="H10" s="225">
        <v>56</v>
      </c>
      <c r="I10" s="223">
        <v>26</v>
      </c>
      <c r="J10" s="226">
        <v>112</v>
      </c>
      <c r="K10" s="227">
        <v>112</v>
      </c>
      <c r="L10" s="222">
        <v>0</v>
      </c>
      <c r="M10" s="223">
        <v>0</v>
      </c>
      <c r="N10" s="226">
        <v>0</v>
      </c>
      <c r="O10" s="229">
        <v>10</v>
      </c>
      <c r="P10" s="225">
        <v>11</v>
      </c>
      <c r="Q10" s="225">
        <v>19</v>
      </c>
      <c r="R10" s="225">
        <v>23</v>
      </c>
      <c r="S10" s="223">
        <v>9</v>
      </c>
      <c r="T10" s="226">
        <v>72</v>
      </c>
      <c r="U10" s="230">
        <v>72</v>
      </c>
      <c r="V10" s="229">
        <v>0</v>
      </c>
      <c r="W10" s="223">
        <v>0</v>
      </c>
      <c r="X10" s="223">
        <v>0</v>
      </c>
      <c r="Y10" s="224">
        <v>0</v>
      </c>
      <c r="Z10" s="225">
        <v>0</v>
      </c>
      <c r="AA10" s="225">
        <v>0</v>
      </c>
      <c r="AB10" s="225">
        <v>0</v>
      </c>
      <c r="AC10" s="223">
        <v>0</v>
      </c>
      <c r="AD10" s="226">
        <v>0</v>
      </c>
      <c r="AE10" s="227">
        <v>0</v>
      </c>
      <c r="AF10" s="222">
        <v>0</v>
      </c>
      <c r="AG10" s="223">
        <v>0</v>
      </c>
      <c r="AH10" s="223">
        <v>0</v>
      </c>
      <c r="AI10" s="224">
        <v>0</v>
      </c>
      <c r="AJ10" s="225">
        <v>0</v>
      </c>
      <c r="AK10" s="225">
        <v>0</v>
      </c>
      <c r="AL10" s="225">
        <v>0</v>
      </c>
      <c r="AM10" s="223">
        <v>0</v>
      </c>
      <c r="AN10" s="226">
        <v>0</v>
      </c>
      <c r="AO10" s="228">
        <v>0</v>
      </c>
      <c r="AP10" s="37"/>
    </row>
    <row r="11" spans="1:42" ht="20.25" customHeight="1" x14ac:dyDescent="0.2">
      <c r="A11" s="63" t="s">
        <v>8</v>
      </c>
      <c r="B11" s="222">
        <v>0</v>
      </c>
      <c r="C11" s="223">
        <v>0</v>
      </c>
      <c r="D11" s="223">
        <v>0</v>
      </c>
      <c r="E11" s="224">
        <v>0</v>
      </c>
      <c r="F11" s="225">
        <v>5</v>
      </c>
      <c r="G11" s="225">
        <v>7</v>
      </c>
      <c r="H11" s="225">
        <v>9</v>
      </c>
      <c r="I11" s="223">
        <v>10</v>
      </c>
      <c r="J11" s="226">
        <v>31</v>
      </c>
      <c r="K11" s="227">
        <v>31</v>
      </c>
      <c r="L11" s="222">
        <v>0</v>
      </c>
      <c r="M11" s="223">
        <v>0</v>
      </c>
      <c r="N11" s="226">
        <v>0</v>
      </c>
      <c r="O11" s="229">
        <v>2</v>
      </c>
      <c r="P11" s="225">
        <v>5</v>
      </c>
      <c r="Q11" s="225">
        <v>8</v>
      </c>
      <c r="R11" s="225">
        <v>7</v>
      </c>
      <c r="S11" s="223">
        <v>1</v>
      </c>
      <c r="T11" s="226">
        <v>23</v>
      </c>
      <c r="U11" s="230">
        <v>23</v>
      </c>
      <c r="V11" s="229">
        <v>0</v>
      </c>
      <c r="W11" s="223">
        <v>0</v>
      </c>
      <c r="X11" s="223">
        <v>0</v>
      </c>
      <c r="Y11" s="224">
        <v>0</v>
      </c>
      <c r="Z11" s="225">
        <v>0</v>
      </c>
      <c r="AA11" s="225">
        <v>0</v>
      </c>
      <c r="AB11" s="225">
        <v>0</v>
      </c>
      <c r="AC11" s="223">
        <v>0</v>
      </c>
      <c r="AD11" s="226">
        <v>0</v>
      </c>
      <c r="AE11" s="227">
        <v>0</v>
      </c>
      <c r="AF11" s="222">
        <v>0</v>
      </c>
      <c r="AG11" s="223">
        <v>0</v>
      </c>
      <c r="AH11" s="223">
        <v>0</v>
      </c>
      <c r="AI11" s="224">
        <v>0</v>
      </c>
      <c r="AJ11" s="225">
        <v>0</v>
      </c>
      <c r="AK11" s="225">
        <v>0</v>
      </c>
      <c r="AL11" s="225">
        <v>1</v>
      </c>
      <c r="AM11" s="223">
        <v>0</v>
      </c>
      <c r="AN11" s="226">
        <v>1</v>
      </c>
      <c r="AO11" s="228">
        <v>1</v>
      </c>
      <c r="AP11" s="37"/>
    </row>
    <row r="12" spans="1:42" ht="20.25" customHeight="1" x14ac:dyDescent="0.2">
      <c r="A12" s="63" t="s">
        <v>9</v>
      </c>
      <c r="B12" s="222">
        <v>0</v>
      </c>
      <c r="C12" s="223">
        <v>0</v>
      </c>
      <c r="D12" s="223">
        <v>0</v>
      </c>
      <c r="E12" s="224">
        <v>0</v>
      </c>
      <c r="F12" s="225">
        <v>0</v>
      </c>
      <c r="G12" s="225">
        <v>15</v>
      </c>
      <c r="H12" s="225">
        <v>19</v>
      </c>
      <c r="I12" s="223">
        <v>11</v>
      </c>
      <c r="J12" s="226">
        <v>45</v>
      </c>
      <c r="K12" s="227">
        <v>45</v>
      </c>
      <c r="L12" s="222">
        <v>0</v>
      </c>
      <c r="M12" s="223">
        <v>0</v>
      </c>
      <c r="N12" s="226">
        <v>0</v>
      </c>
      <c r="O12" s="229">
        <v>4</v>
      </c>
      <c r="P12" s="225">
        <v>4</v>
      </c>
      <c r="Q12" s="225">
        <v>7</v>
      </c>
      <c r="R12" s="225">
        <v>11</v>
      </c>
      <c r="S12" s="223">
        <v>2</v>
      </c>
      <c r="T12" s="226">
        <v>28</v>
      </c>
      <c r="U12" s="230">
        <v>28</v>
      </c>
      <c r="V12" s="229">
        <v>0</v>
      </c>
      <c r="W12" s="223">
        <v>0</v>
      </c>
      <c r="X12" s="223">
        <v>0</v>
      </c>
      <c r="Y12" s="224">
        <v>0</v>
      </c>
      <c r="Z12" s="225">
        <v>0</v>
      </c>
      <c r="AA12" s="225">
        <v>0</v>
      </c>
      <c r="AB12" s="225">
        <v>0</v>
      </c>
      <c r="AC12" s="223">
        <v>0</v>
      </c>
      <c r="AD12" s="226">
        <v>0</v>
      </c>
      <c r="AE12" s="227">
        <v>0</v>
      </c>
      <c r="AF12" s="222">
        <v>0</v>
      </c>
      <c r="AG12" s="223">
        <v>0</v>
      </c>
      <c r="AH12" s="223">
        <v>0</v>
      </c>
      <c r="AI12" s="224">
        <v>0</v>
      </c>
      <c r="AJ12" s="225">
        <v>0</v>
      </c>
      <c r="AK12" s="225">
        <v>1</v>
      </c>
      <c r="AL12" s="225">
        <v>0</v>
      </c>
      <c r="AM12" s="223">
        <v>0</v>
      </c>
      <c r="AN12" s="226">
        <v>1</v>
      </c>
      <c r="AO12" s="228">
        <v>1</v>
      </c>
      <c r="AP12" s="37"/>
    </row>
    <row r="13" spans="1:42" ht="20.25" customHeight="1" x14ac:dyDescent="0.2">
      <c r="A13" s="63" t="s">
        <v>10</v>
      </c>
      <c r="B13" s="222">
        <v>0</v>
      </c>
      <c r="C13" s="223">
        <v>0</v>
      </c>
      <c r="D13" s="223">
        <v>0</v>
      </c>
      <c r="E13" s="224">
        <v>1</v>
      </c>
      <c r="F13" s="225">
        <v>0</v>
      </c>
      <c r="G13" s="225">
        <v>19</v>
      </c>
      <c r="H13" s="225">
        <v>31</v>
      </c>
      <c r="I13" s="223">
        <v>17</v>
      </c>
      <c r="J13" s="226">
        <v>68</v>
      </c>
      <c r="K13" s="227">
        <v>68</v>
      </c>
      <c r="L13" s="222">
        <v>0</v>
      </c>
      <c r="M13" s="223">
        <v>0</v>
      </c>
      <c r="N13" s="226">
        <v>0</v>
      </c>
      <c r="O13" s="229">
        <v>5</v>
      </c>
      <c r="P13" s="225">
        <v>6</v>
      </c>
      <c r="Q13" s="225">
        <v>10</v>
      </c>
      <c r="R13" s="225">
        <v>7</v>
      </c>
      <c r="S13" s="223">
        <v>9</v>
      </c>
      <c r="T13" s="226">
        <v>37</v>
      </c>
      <c r="U13" s="230">
        <v>37</v>
      </c>
      <c r="V13" s="229">
        <v>0</v>
      </c>
      <c r="W13" s="223">
        <v>0</v>
      </c>
      <c r="X13" s="223">
        <v>0</v>
      </c>
      <c r="Y13" s="224">
        <v>0</v>
      </c>
      <c r="Z13" s="225">
        <v>0</v>
      </c>
      <c r="AA13" s="225">
        <v>0</v>
      </c>
      <c r="AB13" s="225">
        <v>0</v>
      </c>
      <c r="AC13" s="223">
        <v>0</v>
      </c>
      <c r="AD13" s="226">
        <v>0</v>
      </c>
      <c r="AE13" s="227">
        <v>0</v>
      </c>
      <c r="AF13" s="222">
        <v>0</v>
      </c>
      <c r="AG13" s="223">
        <v>0</v>
      </c>
      <c r="AH13" s="223">
        <v>0</v>
      </c>
      <c r="AI13" s="224">
        <v>0</v>
      </c>
      <c r="AJ13" s="225">
        <v>0</v>
      </c>
      <c r="AK13" s="225">
        <v>0</v>
      </c>
      <c r="AL13" s="225">
        <v>1</v>
      </c>
      <c r="AM13" s="223">
        <v>1</v>
      </c>
      <c r="AN13" s="226">
        <v>2</v>
      </c>
      <c r="AO13" s="228">
        <v>2</v>
      </c>
      <c r="AP13" s="37"/>
    </row>
    <row r="14" spans="1:42" ht="20.25" customHeight="1" x14ac:dyDescent="0.2">
      <c r="A14" s="63" t="s">
        <v>11</v>
      </c>
      <c r="B14" s="222">
        <v>0</v>
      </c>
      <c r="C14" s="223">
        <v>0</v>
      </c>
      <c r="D14" s="223">
        <v>0</v>
      </c>
      <c r="E14" s="224">
        <v>0</v>
      </c>
      <c r="F14" s="225">
        <v>0</v>
      </c>
      <c r="G14" s="225">
        <v>7</v>
      </c>
      <c r="H14" s="225">
        <v>16</v>
      </c>
      <c r="I14" s="223">
        <v>6</v>
      </c>
      <c r="J14" s="226">
        <v>29</v>
      </c>
      <c r="K14" s="227">
        <v>29</v>
      </c>
      <c r="L14" s="222">
        <v>0</v>
      </c>
      <c r="M14" s="223">
        <v>0</v>
      </c>
      <c r="N14" s="226">
        <v>0</v>
      </c>
      <c r="O14" s="229">
        <v>4</v>
      </c>
      <c r="P14" s="225">
        <v>6</v>
      </c>
      <c r="Q14" s="225">
        <v>4</v>
      </c>
      <c r="R14" s="225">
        <v>4</v>
      </c>
      <c r="S14" s="223">
        <v>5</v>
      </c>
      <c r="T14" s="226">
        <v>23</v>
      </c>
      <c r="U14" s="230">
        <v>23</v>
      </c>
      <c r="V14" s="229">
        <v>0</v>
      </c>
      <c r="W14" s="223">
        <v>0</v>
      </c>
      <c r="X14" s="223">
        <v>0</v>
      </c>
      <c r="Y14" s="224">
        <v>0</v>
      </c>
      <c r="Z14" s="225">
        <v>0</v>
      </c>
      <c r="AA14" s="225">
        <v>0</v>
      </c>
      <c r="AB14" s="225">
        <v>0</v>
      </c>
      <c r="AC14" s="223">
        <v>0</v>
      </c>
      <c r="AD14" s="226">
        <v>0</v>
      </c>
      <c r="AE14" s="227">
        <v>0</v>
      </c>
      <c r="AF14" s="222">
        <v>0</v>
      </c>
      <c r="AG14" s="223">
        <v>0</v>
      </c>
      <c r="AH14" s="223">
        <v>0</v>
      </c>
      <c r="AI14" s="224">
        <v>0</v>
      </c>
      <c r="AJ14" s="225">
        <v>1</v>
      </c>
      <c r="AK14" s="225">
        <v>1</v>
      </c>
      <c r="AL14" s="225">
        <v>1</v>
      </c>
      <c r="AM14" s="223">
        <v>0</v>
      </c>
      <c r="AN14" s="226">
        <v>3</v>
      </c>
      <c r="AO14" s="228">
        <v>3</v>
      </c>
      <c r="AP14" s="37"/>
    </row>
    <row r="15" spans="1:42" ht="20.25" customHeight="1" x14ac:dyDescent="0.2">
      <c r="A15" s="63" t="s">
        <v>12</v>
      </c>
      <c r="B15" s="222">
        <v>0</v>
      </c>
      <c r="C15" s="223">
        <v>0</v>
      </c>
      <c r="D15" s="223">
        <v>0</v>
      </c>
      <c r="E15" s="224">
        <v>1</v>
      </c>
      <c r="F15" s="225">
        <v>1</v>
      </c>
      <c r="G15" s="225">
        <v>9</v>
      </c>
      <c r="H15" s="225">
        <v>12</v>
      </c>
      <c r="I15" s="223">
        <v>8</v>
      </c>
      <c r="J15" s="226">
        <v>31</v>
      </c>
      <c r="K15" s="227">
        <v>31</v>
      </c>
      <c r="L15" s="222">
        <v>0</v>
      </c>
      <c r="M15" s="223">
        <v>0</v>
      </c>
      <c r="N15" s="226">
        <v>0</v>
      </c>
      <c r="O15" s="229">
        <v>4</v>
      </c>
      <c r="P15" s="225">
        <v>2</v>
      </c>
      <c r="Q15" s="225">
        <v>7</v>
      </c>
      <c r="R15" s="225">
        <v>12</v>
      </c>
      <c r="S15" s="223">
        <v>3</v>
      </c>
      <c r="T15" s="226">
        <v>28</v>
      </c>
      <c r="U15" s="230">
        <v>28</v>
      </c>
      <c r="V15" s="229">
        <v>0</v>
      </c>
      <c r="W15" s="223">
        <v>0</v>
      </c>
      <c r="X15" s="223">
        <v>0</v>
      </c>
      <c r="Y15" s="224">
        <v>0</v>
      </c>
      <c r="Z15" s="225">
        <v>0</v>
      </c>
      <c r="AA15" s="225">
        <v>0</v>
      </c>
      <c r="AB15" s="225">
        <v>0</v>
      </c>
      <c r="AC15" s="223">
        <v>1</v>
      </c>
      <c r="AD15" s="226">
        <v>1</v>
      </c>
      <c r="AE15" s="227">
        <v>1</v>
      </c>
      <c r="AF15" s="222">
        <v>0</v>
      </c>
      <c r="AG15" s="223">
        <v>0</v>
      </c>
      <c r="AH15" s="223">
        <v>0</v>
      </c>
      <c r="AI15" s="224">
        <v>0</v>
      </c>
      <c r="AJ15" s="225">
        <v>0</v>
      </c>
      <c r="AK15" s="225">
        <v>0</v>
      </c>
      <c r="AL15" s="225">
        <v>0</v>
      </c>
      <c r="AM15" s="223">
        <v>0</v>
      </c>
      <c r="AN15" s="226">
        <v>0</v>
      </c>
      <c r="AO15" s="228">
        <v>0</v>
      </c>
      <c r="AP15" s="37"/>
    </row>
    <row r="16" spans="1:42" ht="20.25" customHeight="1" x14ac:dyDescent="0.2">
      <c r="A16" s="63" t="s">
        <v>13</v>
      </c>
      <c r="B16" s="222">
        <v>0</v>
      </c>
      <c r="C16" s="223">
        <v>0</v>
      </c>
      <c r="D16" s="223">
        <v>0</v>
      </c>
      <c r="E16" s="224">
        <v>0</v>
      </c>
      <c r="F16" s="225">
        <v>0</v>
      </c>
      <c r="G16" s="225">
        <v>2</v>
      </c>
      <c r="H16" s="225">
        <v>7</v>
      </c>
      <c r="I16" s="223">
        <v>5</v>
      </c>
      <c r="J16" s="226">
        <v>14</v>
      </c>
      <c r="K16" s="227">
        <v>14</v>
      </c>
      <c r="L16" s="222">
        <v>0</v>
      </c>
      <c r="M16" s="223">
        <v>0</v>
      </c>
      <c r="N16" s="226">
        <v>0</v>
      </c>
      <c r="O16" s="229">
        <v>1</v>
      </c>
      <c r="P16" s="225">
        <v>1</v>
      </c>
      <c r="Q16" s="225">
        <v>3</v>
      </c>
      <c r="R16" s="225">
        <v>2</v>
      </c>
      <c r="S16" s="223">
        <v>3</v>
      </c>
      <c r="T16" s="226">
        <v>10</v>
      </c>
      <c r="U16" s="230">
        <v>10</v>
      </c>
      <c r="V16" s="229">
        <v>0</v>
      </c>
      <c r="W16" s="223">
        <v>0</v>
      </c>
      <c r="X16" s="223">
        <v>0</v>
      </c>
      <c r="Y16" s="224">
        <v>0</v>
      </c>
      <c r="Z16" s="225">
        <v>0</v>
      </c>
      <c r="AA16" s="225">
        <v>0</v>
      </c>
      <c r="AB16" s="225">
        <v>0</v>
      </c>
      <c r="AC16" s="223">
        <v>0</v>
      </c>
      <c r="AD16" s="226">
        <v>0</v>
      </c>
      <c r="AE16" s="227">
        <v>0</v>
      </c>
      <c r="AF16" s="222">
        <v>0</v>
      </c>
      <c r="AG16" s="223">
        <v>0</v>
      </c>
      <c r="AH16" s="223">
        <v>0</v>
      </c>
      <c r="AI16" s="224">
        <v>0</v>
      </c>
      <c r="AJ16" s="225">
        <v>0</v>
      </c>
      <c r="AK16" s="225">
        <v>0</v>
      </c>
      <c r="AL16" s="225">
        <v>0</v>
      </c>
      <c r="AM16" s="223">
        <v>0</v>
      </c>
      <c r="AN16" s="226">
        <v>0</v>
      </c>
      <c r="AO16" s="228">
        <v>0</v>
      </c>
      <c r="AP16" s="37"/>
    </row>
    <row r="17" spans="1:42" ht="20.25" customHeight="1" x14ac:dyDescent="0.2">
      <c r="A17" s="63" t="s">
        <v>15</v>
      </c>
      <c r="B17" s="222">
        <v>0</v>
      </c>
      <c r="C17" s="223">
        <v>0</v>
      </c>
      <c r="D17" s="223">
        <v>0</v>
      </c>
      <c r="E17" s="224">
        <v>0</v>
      </c>
      <c r="F17" s="225">
        <v>0</v>
      </c>
      <c r="G17" s="225">
        <v>3</v>
      </c>
      <c r="H17" s="225">
        <v>3</v>
      </c>
      <c r="I17" s="223">
        <v>0</v>
      </c>
      <c r="J17" s="226">
        <v>6</v>
      </c>
      <c r="K17" s="227">
        <v>6</v>
      </c>
      <c r="L17" s="222">
        <v>0</v>
      </c>
      <c r="M17" s="223">
        <v>0</v>
      </c>
      <c r="N17" s="226">
        <v>0</v>
      </c>
      <c r="O17" s="229">
        <v>2</v>
      </c>
      <c r="P17" s="225">
        <v>1</v>
      </c>
      <c r="Q17" s="225">
        <v>1</v>
      </c>
      <c r="R17" s="225">
        <v>3</v>
      </c>
      <c r="S17" s="223">
        <v>2</v>
      </c>
      <c r="T17" s="226">
        <v>9</v>
      </c>
      <c r="U17" s="230">
        <v>9</v>
      </c>
      <c r="V17" s="229">
        <v>0</v>
      </c>
      <c r="W17" s="223">
        <v>0</v>
      </c>
      <c r="X17" s="223">
        <v>0</v>
      </c>
      <c r="Y17" s="224">
        <v>0</v>
      </c>
      <c r="Z17" s="225">
        <v>0</v>
      </c>
      <c r="AA17" s="225">
        <v>0</v>
      </c>
      <c r="AB17" s="225">
        <v>0</v>
      </c>
      <c r="AC17" s="223">
        <v>0</v>
      </c>
      <c r="AD17" s="226">
        <v>0</v>
      </c>
      <c r="AE17" s="227">
        <v>0</v>
      </c>
      <c r="AF17" s="222">
        <v>0</v>
      </c>
      <c r="AG17" s="223">
        <v>0</v>
      </c>
      <c r="AH17" s="223">
        <v>0</v>
      </c>
      <c r="AI17" s="224">
        <v>0</v>
      </c>
      <c r="AJ17" s="225">
        <v>0</v>
      </c>
      <c r="AK17" s="225">
        <v>0</v>
      </c>
      <c r="AL17" s="225">
        <v>0</v>
      </c>
      <c r="AM17" s="223">
        <v>0</v>
      </c>
      <c r="AN17" s="226">
        <v>0</v>
      </c>
      <c r="AO17" s="228">
        <v>0</v>
      </c>
      <c r="AP17" s="37"/>
    </row>
    <row r="18" spans="1:42" ht="20.25" customHeight="1" x14ac:dyDescent="0.2">
      <c r="A18" s="63" t="s">
        <v>16</v>
      </c>
      <c r="B18" s="222">
        <v>0</v>
      </c>
      <c r="C18" s="223">
        <v>0</v>
      </c>
      <c r="D18" s="223">
        <v>0</v>
      </c>
      <c r="E18" s="224">
        <v>0</v>
      </c>
      <c r="F18" s="225">
        <v>1</v>
      </c>
      <c r="G18" s="225">
        <v>2</v>
      </c>
      <c r="H18" s="225">
        <v>10</v>
      </c>
      <c r="I18" s="223">
        <v>5</v>
      </c>
      <c r="J18" s="226">
        <v>18</v>
      </c>
      <c r="K18" s="227">
        <v>18</v>
      </c>
      <c r="L18" s="222">
        <v>0</v>
      </c>
      <c r="M18" s="223">
        <v>0</v>
      </c>
      <c r="N18" s="226">
        <v>0</v>
      </c>
      <c r="O18" s="229">
        <v>2</v>
      </c>
      <c r="P18" s="225">
        <v>4</v>
      </c>
      <c r="Q18" s="225">
        <v>5</v>
      </c>
      <c r="R18" s="225">
        <v>5</v>
      </c>
      <c r="S18" s="223">
        <v>2</v>
      </c>
      <c r="T18" s="226">
        <v>18</v>
      </c>
      <c r="U18" s="230">
        <v>18</v>
      </c>
      <c r="V18" s="229">
        <v>0</v>
      </c>
      <c r="W18" s="223">
        <v>0</v>
      </c>
      <c r="X18" s="223">
        <v>0</v>
      </c>
      <c r="Y18" s="224">
        <v>0</v>
      </c>
      <c r="Z18" s="225">
        <v>0</v>
      </c>
      <c r="AA18" s="225">
        <v>0</v>
      </c>
      <c r="AB18" s="225">
        <v>0</v>
      </c>
      <c r="AC18" s="223">
        <v>0</v>
      </c>
      <c r="AD18" s="226">
        <v>0</v>
      </c>
      <c r="AE18" s="227">
        <v>0</v>
      </c>
      <c r="AF18" s="222">
        <v>0</v>
      </c>
      <c r="AG18" s="223">
        <v>0</v>
      </c>
      <c r="AH18" s="223">
        <v>0</v>
      </c>
      <c r="AI18" s="224">
        <v>0</v>
      </c>
      <c r="AJ18" s="225">
        <v>0</v>
      </c>
      <c r="AK18" s="225">
        <v>0</v>
      </c>
      <c r="AL18" s="225">
        <v>0</v>
      </c>
      <c r="AM18" s="223">
        <v>1</v>
      </c>
      <c r="AN18" s="226">
        <v>1</v>
      </c>
      <c r="AO18" s="228">
        <v>1</v>
      </c>
      <c r="AP18" s="37"/>
    </row>
    <row r="19" spans="1:42" ht="20.25" customHeight="1" x14ac:dyDescent="0.2">
      <c r="A19" s="63" t="s">
        <v>17</v>
      </c>
      <c r="B19" s="222">
        <v>0</v>
      </c>
      <c r="C19" s="223">
        <v>0</v>
      </c>
      <c r="D19" s="223">
        <v>0</v>
      </c>
      <c r="E19" s="224">
        <v>0</v>
      </c>
      <c r="F19" s="225">
        <v>1</v>
      </c>
      <c r="G19" s="225">
        <v>9</v>
      </c>
      <c r="H19" s="225">
        <v>13</v>
      </c>
      <c r="I19" s="223">
        <v>5</v>
      </c>
      <c r="J19" s="226">
        <v>28</v>
      </c>
      <c r="K19" s="227">
        <v>28</v>
      </c>
      <c r="L19" s="222">
        <v>0</v>
      </c>
      <c r="M19" s="223">
        <v>0</v>
      </c>
      <c r="N19" s="226">
        <v>0</v>
      </c>
      <c r="O19" s="229">
        <v>0</v>
      </c>
      <c r="P19" s="225">
        <v>5</v>
      </c>
      <c r="Q19" s="225">
        <v>5</v>
      </c>
      <c r="R19" s="225">
        <v>7</v>
      </c>
      <c r="S19" s="223">
        <v>5</v>
      </c>
      <c r="T19" s="226">
        <v>22</v>
      </c>
      <c r="U19" s="230">
        <v>22</v>
      </c>
      <c r="V19" s="229">
        <v>0</v>
      </c>
      <c r="W19" s="223">
        <v>0</v>
      </c>
      <c r="X19" s="223">
        <v>0</v>
      </c>
      <c r="Y19" s="224">
        <v>0</v>
      </c>
      <c r="Z19" s="225">
        <v>0</v>
      </c>
      <c r="AA19" s="225">
        <v>0</v>
      </c>
      <c r="AB19" s="225">
        <v>0</v>
      </c>
      <c r="AC19" s="223">
        <v>0</v>
      </c>
      <c r="AD19" s="226">
        <v>0</v>
      </c>
      <c r="AE19" s="227">
        <v>0</v>
      </c>
      <c r="AF19" s="222">
        <v>0</v>
      </c>
      <c r="AG19" s="223">
        <v>0</v>
      </c>
      <c r="AH19" s="223">
        <v>0</v>
      </c>
      <c r="AI19" s="224">
        <v>0</v>
      </c>
      <c r="AJ19" s="225">
        <v>0</v>
      </c>
      <c r="AK19" s="225">
        <v>0</v>
      </c>
      <c r="AL19" s="225">
        <v>0</v>
      </c>
      <c r="AM19" s="223">
        <v>1</v>
      </c>
      <c r="AN19" s="226">
        <v>1</v>
      </c>
      <c r="AO19" s="228">
        <v>1</v>
      </c>
      <c r="AP19" s="37"/>
    </row>
    <row r="20" spans="1:42" ht="20.25" customHeight="1" x14ac:dyDescent="0.2">
      <c r="A20" s="63" t="s">
        <v>18</v>
      </c>
      <c r="B20" s="222">
        <v>0</v>
      </c>
      <c r="C20" s="223">
        <v>0</v>
      </c>
      <c r="D20" s="223">
        <v>0</v>
      </c>
      <c r="E20" s="224">
        <v>0</v>
      </c>
      <c r="F20" s="225">
        <v>0</v>
      </c>
      <c r="G20" s="225">
        <v>13</v>
      </c>
      <c r="H20" s="225">
        <v>16</v>
      </c>
      <c r="I20" s="223">
        <v>6</v>
      </c>
      <c r="J20" s="226">
        <v>35</v>
      </c>
      <c r="K20" s="227">
        <v>35</v>
      </c>
      <c r="L20" s="222">
        <v>0</v>
      </c>
      <c r="M20" s="223">
        <v>0</v>
      </c>
      <c r="N20" s="226">
        <v>0</v>
      </c>
      <c r="O20" s="229">
        <v>0</v>
      </c>
      <c r="P20" s="225">
        <v>1</v>
      </c>
      <c r="Q20" s="225">
        <v>8</v>
      </c>
      <c r="R20" s="225">
        <v>6</v>
      </c>
      <c r="S20" s="223">
        <v>7</v>
      </c>
      <c r="T20" s="226">
        <v>22</v>
      </c>
      <c r="U20" s="230">
        <v>22</v>
      </c>
      <c r="V20" s="229">
        <v>0</v>
      </c>
      <c r="W20" s="223">
        <v>0</v>
      </c>
      <c r="X20" s="223">
        <v>0</v>
      </c>
      <c r="Y20" s="224">
        <v>0</v>
      </c>
      <c r="Z20" s="225">
        <v>0</v>
      </c>
      <c r="AA20" s="225">
        <v>0</v>
      </c>
      <c r="AB20" s="225">
        <v>0</v>
      </c>
      <c r="AC20" s="223">
        <v>0</v>
      </c>
      <c r="AD20" s="226">
        <v>0</v>
      </c>
      <c r="AE20" s="227">
        <v>0</v>
      </c>
      <c r="AF20" s="222">
        <v>0</v>
      </c>
      <c r="AG20" s="223">
        <v>0</v>
      </c>
      <c r="AH20" s="223">
        <v>0</v>
      </c>
      <c r="AI20" s="224">
        <v>0</v>
      </c>
      <c r="AJ20" s="225">
        <v>0</v>
      </c>
      <c r="AK20" s="225">
        <v>0</v>
      </c>
      <c r="AL20" s="225">
        <v>0</v>
      </c>
      <c r="AM20" s="223">
        <v>2</v>
      </c>
      <c r="AN20" s="226">
        <v>2</v>
      </c>
      <c r="AO20" s="228">
        <v>2</v>
      </c>
      <c r="AP20" s="37"/>
    </row>
    <row r="21" spans="1:42" ht="20.25" customHeight="1" x14ac:dyDescent="0.2">
      <c r="A21" s="63" t="s">
        <v>19</v>
      </c>
      <c r="B21" s="222">
        <v>0</v>
      </c>
      <c r="C21" s="223">
        <v>0</v>
      </c>
      <c r="D21" s="223">
        <v>0</v>
      </c>
      <c r="E21" s="224">
        <v>0</v>
      </c>
      <c r="F21" s="225">
        <v>0</v>
      </c>
      <c r="G21" s="225">
        <v>2</v>
      </c>
      <c r="H21" s="225">
        <v>6</v>
      </c>
      <c r="I21" s="223">
        <v>3</v>
      </c>
      <c r="J21" s="226">
        <v>11</v>
      </c>
      <c r="K21" s="227">
        <v>11</v>
      </c>
      <c r="L21" s="222">
        <v>0</v>
      </c>
      <c r="M21" s="223">
        <v>0</v>
      </c>
      <c r="N21" s="226">
        <v>0</v>
      </c>
      <c r="O21" s="229">
        <v>2</v>
      </c>
      <c r="P21" s="225">
        <v>1</v>
      </c>
      <c r="Q21" s="225">
        <v>3</v>
      </c>
      <c r="R21" s="225">
        <v>4</v>
      </c>
      <c r="S21" s="223">
        <v>0</v>
      </c>
      <c r="T21" s="226">
        <v>10</v>
      </c>
      <c r="U21" s="230">
        <v>10</v>
      </c>
      <c r="V21" s="229">
        <v>0</v>
      </c>
      <c r="W21" s="223">
        <v>0</v>
      </c>
      <c r="X21" s="223">
        <v>0</v>
      </c>
      <c r="Y21" s="224">
        <v>0</v>
      </c>
      <c r="Z21" s="225">
        <v>0</v>
      </c>
      <c r="AA21" s="225">
        <v>0</v>
      </c>
      <c r="AB21" s="225">
        <v>0</v>
      </c>
      <c r="AC21" s="223">
        <v>0</v>
      </c>
      <c r="AD21" s="226">
        <v>0</v>
      </c>
      <c r="AE21" s="227">
        <v>0</v>
      </c>
      <c r="AF21" s="222">
        <v>0</v>
      </c>
      <c r="AG21" s="223">
        <v>0</v>
      </c>
      <c r="AH21" s="223">
        <v>0</v>
      </c>
      <c r="AI21" s="224">
        <v>0</v>
      </c>
      <c r="AJ21" s="225">
        <v>0</v>
      </c>
      <c r="AK21" s="225">
        <v>0</v>
      </c>
      <c r="AL21" s="225">
        <v>0</v>
      </c>
      <c r="AM21" s="223">
        <v>0</v>
      </c>
      <c r="AN21" s="226">
        <v>0</v>
      </c>
      <c r="AO21" s="228">
        <v>0</v>
      </c>
      <c r="AP21" s="37"/>
    </row>
    <row r="22" spans="1:42" ht="20.25" customHeight="1" x14ac:dyDescent="0.2">
      <c r="A22" s="63" t="s">
        <v>20</v>
      </c>
      <c r="B22" s="222">
        <v>0</v>
      </c>
      <c r="C22" s="223">
        <v>0</v>
      </c>
      <c r="D22" s="223">
        <v>0</v>
      </c>
      <c r="E22" s="224">
        <v>0</v>
      </c>
      <c r="F22" s="225">
        <v>0</v>
      </c>
      <c r="G22" s="225">
        <v>5</v>
      </c>
      <c r="H22" s="225">
        <v>13</v>
      </c>
      <c r="I22" s="223">
        <v>3</v>
      </c>
      <c r="J22" s="226">
        <v>21</v>
      </c>
      <c r="K22" s="227">
        <v>21</v>
      </c>
      <c r="L22" s="222">
        <v>0</v>
      </c>
      <c r="M22" s="223">
        <v>0</v>
      </c>
      <c r="N22" s="226">
        <v>0</v>
      </c>
      <c r="O22" s="229">
        <v>0</v>
      </c>
      <c r="P22" s="225">
        <v>3</v>
      </c>
      <c r="Q22" s="225">
        <v>5</v>
      </c>
      <c r="R22" s="225">
        <v>2</v>
      </c>
      <c r="S22" s="223">
        <v>2</v>
      </c>
      <c r="T22" s="226">
        <v>12</v>
      </c>
      <c r="U22" s="230">
        <v>12</v>
      </c>
      <c r="V22" s="229">
        <v>0</v>
      </c>
      <c r="W22" s="223">
        <v>0</v>
      </c>
      <c r="X22" s="223">
        <v>0</v>
      </c>
      <c r="Y22" s="224">
        <v>0</v>
      </c>
      <c r="Z22" s="225">
        <v>0</v>
      </c>
      <c r="AA22" s="225">
        <v>0</v>
      </c>
      <c r="AB22" s="225">
        <v>0</v>
      </c>
      <c r="AC22" s="223">
        <v>0</v>
      </c>
      <c r="AD22" s="226">
        <v>0</v>
      </c>
      <c r="AE22" s="227">
        <v>0</v>
      </c>
      <c r="AF22" s="222">
        <v>0</v>
      </c>
      <c r="AG22" s="223">
        <v>0</v>
      </c>
      <c r="AH22" s="223">
        <v>0</v>
      </c>
      <c r="AI22" s="224">
        <v>0</v>
      </c>
      <c r="AJ22" s="225">
        <v>0</v>
      </c>
      <c r="AK22" s="225">
        <v>0</v>
      </c>
      <c r="AL22" s="225">
        <v>0</v>
      </c>
      <c r="AM22" s="223">
        <v>2</v>
      </c>
      <c r="AN22" s="226">
        <v>2</v>
      </c>
      <c r="AO22" s="228">
        <v>2</v>
      </c>
      <c r="AP22" s="37"/>
    </row>
    <row r="23" spans="1:42" ht="20.25" customHeight="1" x14ac:dyDescent="0.2">
      <c r="A23" s="63" t="s">
        <v>21</v>
      </c>
      <c r="B23" s="222">
        <v>0</v>
      </c>
      <c r="C23" s="223">
        <v>0</v>
      </c>
      <c r="D23" s="223">
        <v>0</v>
      </c>
      <c r="E23" s="224">
        <v>0</v>
      </c>
      <c r="F23" s="225">
        <v>0</v>
      </c>
      <c r="G23" s="225">
        <v>9</v>
      </c>
      <c r="H23" s="225">
        <v>9</v>
      </c>
      <c r="I23" s="223">
        <v>7</v>
      </c>
      <c r="J23" s="226">
        <v>25</v>
      </c>
      <c r="K23" s="227">
        <v>25</v>
      </c>
      <c r="L23" s="222">
        <v>0</v>
      </c>
      <c r="M23" s="223">
        <v>0</v>
      </c>
      <c r="N23" s="226">
        <v>0</v>
      </c>
      <c r="O23" s="229">
        <v>0</v>
      </c>
      <c r="P23" s="225">
        <v>0</v>
      </c>
      <c r="Q23" s="225">
        <v>1</v>
      </c>
      <c r="R23" s="225">
        <v>4</v>
      </c>
      <c r="S23" s="223">
        <v>0</v>
      </c>
      <c r="T23" s="226">
        <v>5</v>
      </c>
      <c r="U23" s="230">
        <v>5</v>
      </c>
      <c r="V23" s="229">
        <v>0</v>
      </c>
      <c r="W23" s="223">
        <v>0</v>
      </c>
      <c r="X23" s="223">
        <v>0</v>
      </c>
      <c r="Y23" s="224">
        <v>0</v>
      </c>
      <c r="Z23" s="225">
        <v>0</v>
      </c>
      <c r="AA23" s="225">
        <v>0</v>
      </c>
      <c r="AB23" s="225">
        <v>0</v>
      </c>
      <c r="AC23" s="223">
        <v>1</v>
      </c>
      <c r="AD23" s="226">
        <v>1</v>
      </c>
      <c r="AE23" s="227">
        <v>1</v>
      </c>
      <c r="AF23" s="222">
        <v>0</v>
      </c>
      <c r="AG23" s="223">
        <v>0</v>
      </c>
      <c r="AH23" s="223">
        <v>0</v>
      </c>
      <c r="AI23" s="224">
        <v>0</v>
      </c>
      <c r="AJ23" s="225">
        <v>0</v>
      </c>
      <c r="AK23" s="225">
        <v>0</v>
      </c>
      <c r="AL23" s="225">
        <v>1</v>
      </c>
      <c r="AM23" s="223">
        <v>1</v>
      </c>
      <c r="AN23" s="226">
        <v>2</v>
      </c>
      <c r="AO23" s="228">
        <v>2</v>
      </c>
      <c r="AP23" s="37"/>
    </row>
    <row r="24" spans="1:42" ht="20.25" customHeight="1" x14ac:dyDescent="0.2">
      <c r="A24" s="63" t="s">
        <v>22</v>
      </c>
      <c r="B24" s="222">
        <v>0</v>
      </c>
      <c r="C24" s="223">
        <v>0</v>
      </c>
      <c r="D24" s="223">
        <v>0</v>
      </c>
      <c r="E24" s="224">
        <v>0</v>
      </c>
      <c r="F24" s="225">
        <v>0</v>
      </c>
      <c r="G24" s="225">
        <v>1</v>
      </c>
      <c r="H24" s="225">
        <v>3</v>
      </c>
      <c r="I24" s="223">
        <v>0</v>
      </c>
      <c r="J24" s="226">
        <v>4</v>
      </c>
      <c r="K24" s="227">
        <v>4</v>
      </c>
      <c r="L24" s="222">
        <v>0</v>
      </c>
      <c r="M24" s="223">
        <v>0</v>
      </c>
      <c r="N24" s="226">
        <v>0</v>
      </c>
      <c r="O24" s="229">
        <v>0</v>
      </c>
      <c r="P24" s="225">
        <v>1</v>
      </c>
      <c r="Q24" s="225">
        <v>1</v>
      </c>
      <c r="R24" s="225">
        <v>0</v>
      </c>
      <c r="S24" s="223">
        <v>1</v>
      </c>
      <c r="T24" s="226">
        <v>3</v>
      </c>
      <c r="U24" s="230">
        <v>3</v>
      </c>
      <c r="V24" s="229">
        <v>0</v>
      </c>
      <c r="W24" s="223">
        <v>0</v>
      </c>
      <c r="X24" s="223">
        <v>0</v>
      </c>
      <c r="Y24" s="224">
        <v>0</v>
      </c>
      <c r="Z24" s="225">
        <v>0</v>
      </c>
      <c r="AA24" s="225">
        <v>0</v>
      </c>
      <c r="AB24" s="225">
        <v>0</v>
      </c>
      <c r="AC24" s="223">
        <v>0</v>
      </c>
      <c r="AD24" s="226">
        <v>0</v>
      </c>
      <c r="AE24" s="227">
        <v>0</v>
      </c>
      <c r="AF24" s="222">
        <v>0</v>
      </c>
      <c r="AG24" s="223">
        <v>0</v>
      </c>
      <c r="AH24" s="223">
        <v>0</v>
      </c>
      <c r="AI24" s="224">
        <v>0</v>
      </c>
      <c r="AJ24" s="225">
        <v>0</v>
      </c>
      <c r="AK24" s="225">
        <v>0</v>
      </c>
      <c r="AL24" s="225">
        <v>0</v>
      </c>
      <c r="AM24" s="223">
        <v>0</v>
      </c>
      <c r="AN24" s="226">
        <v>0</v>
      </c>
      <c r="AO24" s="228">
        <v>0</v>
      </c>
      <c r="AP24" s="37"/>
    </row>
    <row r="25" spans="1:42" ht="20.25" customHeight="1" x14ac:dyDescent="0.2">
      <c r="A25" s="63" t="s">
        <v>23</v>
      </c>
      <c r="B25" s="222">
        <v>0</v>
      </c>
      <c r="C25" s="223">
        <v>0</v>
      </c>
      <c r="D25" s="223">
        <v>0</v>
      </c>
      <c r="E25" s="224">
        <v>1</v>
      </c>
      <c r="F25" s="225">
        <v>0</v>
      </c>
      <c r="G25" s="225">
        <v>1</v>
      </c>
      <c r="H25" s="225">
        <v>4</v>
      </c>
      <c r="I25" s="223">
        <v>1</v>
      </c>
      <c r="J25" s="226">
        <v>7</v>
      </c>
      <c r="K25" s="227">
        <v>7</v>
      </c>
      <c r="L25" s="222">
        <v>0</v>
      </c>
      <c r="M25" s="223">
        <v>0</v>
      </c>
      <c r="N25" s="226">
        <v>0</v>
      </c>
      <c r="O25" s="229">
        <v>0</v>
      </c>
      <c r="P25" s="225">
        <v>1</v>
      </c>
      <c r="Q25" s="225">
        <v>0</v>
      </c>
      <c r="R25" s="225">
        <v>3</v>
      </c>
      <c r="S25" s="223">
        <v>0</v>
      </c>
      <c r="T25" s="226">
        <v>4</v>
      </c>
      <c r="U25" s="230">
        <v>4</v>
      </c>
      <c r="V25" s="229">
        <v>0</v>
      </c>
      <c r="W25" s="223">
        <v>0</v>
      </c>
      <c r="X25" s="223">
        <v>0</v>
      </c>
      <c r="Y25" s="224">
        <v>0</v>
      </c>
      <c r="Z25" s="225">
        <v>0</v>
      </c>
      <c r="AA25" s="225">
        <v>0</v>
      </c>
      <c r="AB25" s="225">
        <v>0</v>
      </c>
      <c r="AC25" s="223">
        <v>0</v>
      </c>
      <c r="AD25" s="226">
        <v>0</v>
      </c>
      <c r="AE25" s="227">
        <v>0</v>
      </c>
      <c r="AF25" s="222">
        <v>0</v>
      </c>
      <c r="AG25" s="223">
        <v>0</v>
      </c>
      <c r="AH25" s="223">
        <v>0</v>
      </c>
      <c r="AI25" s="224">
        <v>0</v>
      </c>
      <c r="AJ25" s="225">
        <v>0</v>
      </c>
      <c r="AK25" s="225">
        <v>0</v>
      </c>
      <c r="AL25" s="225">
        <v>0</v>
      </c>
      <c r="AM25" s="223">
        <v>0</v>
      </c>
      <c r="AN25" s="226">
        <v>0</v>
      </c>
      <c r="AO25" s="228">
        <v>0</v>
      </c>
      <c r="AP25" s="37"/>
    </row>
    <row r="26" spans="1:42" ht="20.25" customHeight="1" x14ac:dyDescent="0.2">
      <c r="A26" s="63" t="s">
        <v>24</v>
      </c>
      <c r="B26" s="222">
        <v>0</v>
      </c>
      <c r="C26" s="223">
        <v>0</v>
      </c>
      <c r="D26" s="223">
        <v>0</v>
      </c>
      <c r="E26" s="224">
        <v>0</v>
      </c>
      <c r="F26" s="225">
        <v>0</v>
      </c>
      <c r="G26" s="225">
        <v>1</v>
      </c>
      <c r="H26" s="225">
        <v>1</v>
      </c>
      <c r="I26" s="223">
        <v>5</v>
      </c>
      <c r="J26" s="226">
        <v>7</v>
      </c>
      <c r="K26" s="227">
        <v>7</v>
      </c>
      <c r="L26" s="222">
        <v>0</v>
      </c>
      <c r="M26" s="223">
        <v>0</v>
      </c>
      <c r="N26" s="226">
        <v>0</v>
      </c>
      <c r="O26" s="229">
        <v>2</v>
      </c>
      <c r="P26" s="225">
        <v>1</v>
      </c>
      <c r="Q26" s="225">
        <v>2</v>
      </c>
      <c r="R26" s="225">
        <v>3</v>
      </c>
      <c r="S26" s="223">
        <v>0</v>
      </c>
      <c r="T26" s="226">
        <v>8</v>
      </c>
      <c r="U26" s="230">
        <v>8</v>
      </c>
      <c r="V26" s="229">
        <v>0</v>
      </c>
      <c r="W26" s="223">
        <v>0</v>
      </c>
      <c r="X26" s="223">
        <v>0</v>
      </c>
      <c r="Y26" s="224">
        <v>0</v>
      </c>
      <c r="Z26" s="225">
        <v>0</v>
      </c>
      <c r="AA26" s="225">
        <v>0</v>
      </c>
      <c r="AB26" s="225">
        <v>0</v>
      </c>
      <c r="AC26" s="223">
        <v>0</v>
      </c>
      <c r="AD26" s="226">
        <v>0</v>
      </c>
      <c r="AE26" s="227">
        <v>0</v>
      </c>
      <c r="AF26" s="222">
        <v>0</v>
      </c>
      <c r="AG26" s="223">
        <v>0</v>
      </c>
      <c r="AH26" s="223">
        <v>0</v>
      </c>
      <c r="AI26" s="224">
        <v>0</v>
      </c>
      <c r="AJ26" s="225">
        <v>0</v>
      </c>
      <c r="AK26" s="225">
        <v>0</v>
      </c>
      <c r="AL26" s="225">
        <v>0</v>
      </c>
      <c r="AM26" s="223">
        <v>0</v>
      </c>
      <c r="AN26" s="226">
        <v>0</v>
      </c>
      <c r="AO26" s="228">
        <v>0</v>
      </c>
      <c r="AP26" s="37"/>
    </row>
    <row r="27" spans="1:42" ht="20.25" customHeight="1" x14ac:dyDescent="0.2">
      <c r="A27" s="63" t="s">
        <v>25</v>
      </c>
      <c r="B27" s="222">
        <v>0</v>
      </c>
      <c r="C27" s="223">
        <v>0</v>
      </c>
      <c r="D27" s="223">
        <v>0</v>
      </c>
      <c r="E27" s="224">
        <v>1</v>
      </c>
      <c r="F27" s="225">
        <v>0</v>
      </c>
      <c r="G27" s="225">
        <v>6</v>
      </c>
      <c r="H27" s="225">
        <v>2</v>
      </c>
      <c r="I27" s="223">
        <v>1</v>
      </c>
      <c r="J27" s="226">
        <v>10</v>
      </c>
      <c r="K27" s="227">
        <v>10</v>
      </c>
      <c r="L27" s="222">
        <v>0</v>
      </c>
      <c r="M27" s="223">
        <v>0</v>
      </c>
      <c r="N27" s="226">
        <v>0</v>
      </c>
      <c r="O27" s="229">
        <v>2</v>
      </c>
      <c r="P27" s="225">
        <v>0</v>
      </c>
      <c r="Q27" s="225">
        <v>1</v>
      </c>
      <c r="R27" s="225">
        <v>1</v>
      </c>
      <c r="S27" s="223">
        <v>2</v>
      </c>
      <c r="T27" s="226">
        <v>6</v>
      </c>
      <c r="U27" s="230">
        <v>6</v>
      </c>
      <c r="V27" s="229">
        <v>0</v>
      </c>
      <c r="W27" s="223">
        <v>0</v>
      </c>
      <c r="X27" s="223">
        <v>0</v>
      </c>
      <c r="Y27" s="224">
        <v>0</v>
      </c>
      <c r="Z27" s="225">
        <v>0</v>
      </c>
      <c r="AA27" s="225">
        <v>0</v>
      </c>
      <c r="AB27" s="225">
        <v>0</v>
      </c>
      <c r="AC27" s="223">
        <v>0</v>
      </c>
      <c r="AD27" s="226">
        <v>0</v>
      </c>
      <c r="AE27" s="227">
        <v>0</v>
      </c>
      <c r="AF27" s="222">
        <v>0</v>
      </c>
      <c r="AG27" s="223">
        <v>0</v>
      </c>
      <c r="AH27" s="223">
        <v>0</v>
      </c>
      <c r="AI27" s="224">
        <v>0</v>
      </c>
      <c r="AJ27" s="225">
        <v>0</v>
      </c>
      <c r="AK27" s="225">
        <v>0</v>
      </c>
      <c r="AL27" s="225">
        <v>0</v>
      </c>
      <c r="AM27" s="223">
        <v>0</v>
      </c>
      <c r="AN27" s="226">
        <v>0</v>
      </c>
      <c r="AO27" s="228">
        <v>0</v>
      </c>
      <c r="AP27" s="37"/>
    </row>
    <row r="28" spans="1:42" ht="20.25" customHeight="1" x14ac:dyDescent="0.2">
      <c r="A28" s="63" t="s">
        <v>26</v>
      </c>
      <c r="B28" s="222">
        <v>0</v>
      </c>
      <c r="C28" s="223">
        <v>0</v>
      </c>
      <c r="D28" s="223">
        <v>0</v>
      </c>
      <c r="E28" s="224">
        <v>0</v>
      </c>
      <c r="F28" s="225">
        <v>0</v>
      </c>
      <c r="G28" s="225">
        <v>2</v>
      </c>
      <c r="H28" s="225">
        <v>3</v>
      </c>
      <c r="I28" s="223">
        <v>1</v>
      </c>
      <c r="J28" s="226">
        <v>6</v>
      </c>
      <c r="K28" s="227">
        <v>6</v>
      </c>
      <c r="L28" s="222">
        <v>0</v>
      </c>
      <c r="M28" s="223">
        <v>0</v>
      </c>
      <c r="N28" s="226">
        <v>0</v>
      </c>
      <c r="O28" s="229">
        <v>0</v>
      </c>
      <c r="P28" s="225">
        <v>0</v>
      </c>
      <c r="Q28" s="225">
        <v>2</v>
      </c>
      <c r="R28" s="225">
        <v>0</v>
      </c>
      <c r="S28" s="223">
        <v>1</v>
      </c>
      <c r="T28" s="226">
        <v>3</v>
      </c>
      <c r="U28" s="230">
        <v>3</v>
      </c>
      <c r="V28" s="229">
        <v>0</v>
      </c>
      <c r="W28" s="223">
        <v>0</v>
      </c>
      <c r="X28" s="223">
        <v>0</v>
      </c>
      <c r="Y28" s="224">
        <v>0</v>
      </c>
      <c r="Z28" s="225">
        <v>0</v>
      </c>
      <c r="AA28" s="225">
        <v>0</v>
      </c>
      <c r="AB28" s="225">
        <v>0</v>
      </c>
      <c r="AC28" s="223">
        <v>0</v>
      </c>
      <c r="AD28" s="226">
        <v>0</v>
      </c>
      <c r="AE28" s="227">
        <v>0</v>
      </c>
      <c r="AF28" s="222">
        <v>0</v>
      </c>
      <c r="AG28" s="223">
        <v>0</v>
      </c>
      <c r="AH28" s="223">
        <v>0</v>
      </c>
      <c r="AI28" s="224">
        <v>0</v>
      </c>
      <c r="AJ28" s="225">
        <v>0</v>
      </c>
      <c r="AK28" s="225">
        <v>0</v>
      </c>
      <c r="AL28" s="225">
        <v>0</v>
      </c>
      <c r="AM28" s="223">
        <v>0</v>
      </c>
      <c r="AN28" s="226">
        <v>0</v>
      </c>
      <c r="AO28" s="228">
        <v>0</v>
      </c>
      <c r="AP28" s="37"/>
    </row>
    <row r="29" spans="1:42" ht="20.25" customHeight="1" x14ac:dyDescent="0.2">
      <c r="A29" s="63" t="s">
        <v>27</v>
      </c>
      <c r="B29" s="222">
        <v>0</v>
      </c>
      <c r="C29" s="223">
        <v>0</v>
      </c>
      <c r="D29" s="223">
        <v>0</v>
      </c>
      <c r="E29" s="224">
        <v>0</v>
      </c>
      <c r="F29" s="225">
        <v>1</v>
      </c>
      <c r="G29" s="225">
        <v>1</v>
      </c>
      <c r="H29" s="225">
        <v>1</v>
      </c>
      <c r="I29" s="223">
        <v>2</v>
      </c>
      <c r="J29" s="226">
        <v>5</v>
      </c>
      <c r="K29" s="227">
        <v>5</v>
      </c>
      <c r="L29" s="222">
        <v>0</v>
      </c>
      <c r="M29" s="223">
        <v>0</v>
      </c>
      <c r="N29" s="226">
        <v>0</v>
      </c>
      <c r="O29" s="229">
        <v>0</v>
      </c>
      <c r="P29" s="225">
        <v>0</v>
      </c>
      <c r="Q29" s="225">
        <v>3</v>
      </c>
      <c r="R29" s="225">
        <v>1</v>
      </c>
      <c r="S29" s="223">
        <v>0</v>
      </c>
      <c r="T29" s="226">
        <v>4</v>
      </c>
      <c r="U29" s="230">
        <v>4</v>
      </c>
      <c r="V29" s="229">
        <v>0</v>
      </c>
      <c r="W29" s="223">
        <v>0</v>
      </c>
      <c r="X29" s="223">
        <v>0</v>
      </c>
      <c r="Y29" s="224">
        <v>0</v>
      </c>
      <c r="Z29" s="225">
        <v>0</v>
      </c>
      <c r="AA29" s="225">
        <v>0</v>
      </c>
      <c r="AB29" s="225">
        <v>0</v>
      </c>
      <c r="AC29" s="223">
        <v>0</v>
      </c>
      <c r="AD29" s="226">
        <v>0</v>
      </c>
      <c r="AE29" s="227">
        <v>0</v>
      </c>
      <c r="AF29" s="222">
        <v>0</v>
      </c>
      <c r="AG29" s="223">
        <v>0</v>
      </c>
      <c r="AH29" s="223">
        <v>0</v>
      </c>
      <c r="AI29" s="224">
        <v>0</v>
      </c>
      <c r="AJ29" s="225">
        <v>0</v>
      </c>
      <c r="AK29" s="225">
        <v>0</v>
      </c>
      <c r="AL29" s="225">
        <v>1</v>
      </c>
      <c r="AM29" s="223">
        <v>0</v>
      </c>
      <c r="AN29" s="226">
        <v>1</v>
      </c>
      <c r="AO29" s="228">
        <v>1</v>
      </c>
      <c r="AP29" s="37"/>
    </row>
    <row r="30" spans="1:42" ht="20.25" customHeight="1" x14ac:dyDescent="0.2">
      <c r="A30" s="63" t="s">
        <v>28</v>
      </c>
      <c r="B30" s="222">
        <v>0</v>
      </c>
      <c r="C30" s="223">
        <v>0</v>
      </c>
      <c r="D30" s="223">
        <v>0</v>
      </c>
      <c r="E30" s="224">
        <v>0</v>
      </c>
      <c r="F30" s="225">
        <v>0</v>
      </c>
      <c r="G30" s="225">
        <v>0</v>
      </c>
      <c r="H30" s="225">
        <v>1</v>
      </c>
      <c r="I30" s="223">
        <v>0</v>
      </c>
      <c r="J30" s="226">
        <v>1</v>
      </c>
      <c r="K30" s="227">
        <v>1</v>
      </c>
      <c r="L30" s="222">
        <v>0</v>
      </c>
      <c r="M30" s="223">
        <v>0</v>
      </c>
      <c r="N30" s="226">
        <v>0</v>
      </c>
      <c r="O30" s="229">
        <v>0</v>
      </c>
      <c r="P30" s="225">
        <v>1</v>
      </c>
      <c r="Q30" s="225">
        <v>0</v>
      </c>
      <c r="R30" s="225">
        <v>1</v>
      </c>
      <c r="S30" s="223">
        <v>0</v>
      </c>
      <c r="T30" s="226">
        <v>2</v>
      </c>
      <c r="U30" s="230">
        <v>2</v>
      </c>
      <c r="V30" s="229">
        <v>0</v>
      </c>
      <c r="W30" s="223">
        <v>0</v>
      </c>
      <c r="X30" s="223">
        <v>0</v>
      </c>
      <c r="Y30" s="224">
        <v>0</v>
      </c>
      <c r="Z30" s="225">
        <v>0</v>
      </c>
      <c r="AA30" s="225">
        <v>0</v>
      </c>
      <c r="AB30" s="225">
        <v>0</v>
      </c>
      <c r="AC30" s="223">
        <v>0</v>
      </c>
      <c r="AD30" s="226">
        <v>0</v>
      </c>
      <c r="AE30" s="227">
        <v>0</v>
      </c>
      <c r="AF30" s="222">
        <v>0</v>
      </c>
      <c r="AG30" s="223">
        <v>0</v>
      </c>
      <c r="AH30" s="223">
        <v>0</v>
      </c>
      <c r="AI30" s="224">
        <v>0</v>
      </c>
      <c r="AJ30" s="225">
        <v>0</v>
      </c>
      <c r="AK30" s="225">
        <v>0</v>
      </c>
      <c r="AL30" s="225">
        <v>0</v>
      </c>
      <c r="AM30" s="223">
        <v>0</v>
      </c>
      <c r="AN30" s="226">
        <v>0</v>
      </c>
      <c r="AO30" s="228">
        <v>0</v>
      </c>
      <c r="AP30" s="37"/>
    </row>
    <row r="31" spans="1:42" ht="20.25" customHeight="1" x14ac:dyDescent="0.2">
      <c r="A31" s="63" t="s">
        <v>29</v>
      </c>
      <c r="B31" s="222">
        <v>0</v>
      </c>
      <c r="C31" s="223">
        <v>0</v>
      </c>
      <c r="D31" s="223">
        <v>0</v>
      </c>
      <c r="E31" s="224">
        <v>0</v>
      </c>
      <c r="F31" s="225">
        <v>0</v>
      </c>
      <c r="G31" s="225">
        <v>1</v>
      </c>
      <c r="H31" s="225">
        <v>1</v>
      </c>
      <c r="I31" s="223">
        <v>1</v>
      </c>
      <c r="J31" s="226">
        <v>3</v>
      </c>
      <c r="K31" s="227">
        <v>3</v>
      </c>
      <c r="L31" s="222">
        <v>0</v>
      </c>
      <c r="M31" s="223">
        <v>0</v>
      </c>
      <c r="N31" s="226">
        <v>0</v>
      </c>
      <c r="O31" s="229">
        <v>0</v>
      </c>
      <c r="P31" s="225">
        <v>1</v>
      </c>
      <c r="Q31" s="225">
        <v>0</v>
      </c>
      <c r="R31" s="225">
        <v>0</v>
      </c>
      <c r="S31" s="223">
        <v>0</v>
      </c>
      <c r="T31" s="226">
        <v>1</v>
      </c>
      <c r="U31" s="230">
        <v>1</v>
      </c>
      <c r="V31" s="229">
        <v>0</v>
      </c>
      <c r="W31" s="223">
        <v>0</v>
      </c>
      <c r="X31" s="223">
        <v>0</v>
      </c>
      <c r="Y31" s="224">
        <v>0</v>
      </c>
      <c r="Z31" s="225">
        <v>0</v>
      </c>
      <c r="AA31" s="225">
        <v>0</v>
      </c>
      <c r="AB31" s="225">
        <v>0</v>
      </c>
      <c r="AC31" s="223">
        <v>0</v>
      </c>
      <c r="AD31" s="226">
        <v>0</v>
      </c>
      <c r="AE31" s="227">
        <v>0</v>
      </c>
      <c r="AF31" s="222">
        <v>0</v>
      </c>
      <c r="AG31" s="223">
        <v>0</v>
      </c>
      <c r="AH31" s="223">
        <v>0</v>
      </c>
      <c r="AI31" s="224">
        <v>0</v>
      </c>
      <c r="AJ31" s="225">
        <v>0</v>
      </c>
      <c r="AK31" s="225">
        <v>0</v>
      </c>
      <c r="AL31" s="225">
        <v>0</v>
      </c>
      <c r="AM31" s="223">
        <v>0</v>
      </c>
      <c r="AN31" s="226">
        <v>0</v>
      </c>
      <c r="AO31" s="228">
        <v>0</v>
      </c>
      <c r="AP31" s="37"/>
    </row>
    <row r="32" spans="1:42" ht="20.25" customHeight="1" x14ac:dyDescent="0.2">
      <c r="A32" s="63" t="s">
        <v>30</v>
      </c>
      <c r="B32" s="222">
        <v>0</v>
      </c>
      <c r="C32" s="223">
        <v>0</v>
      </c>
      <c r="D32" s="223">
        <v>0</v>
      </c>
      <c r="E32" s="224">
        <v>0</v>
      </c>
      <c r="F32" s="225">
        <v>0</v>
      </c>
      <c r="G32" s="225">
        <v>0</v>
      </c>
      <c r="H32" s="225">
        <v>3</v>
      </c>
      <c r="I32" s="223">
        <v>0</v>
      </c>
      <c r="J32" s="226">
        <v>3</v>
      </c>
      <c r="K32" s="227">
        <v>3</v>
      </c>
      <c r="L32" s="222">
        <v>0</v>
      </c>
      <c r="M32" s="223">
        <v>0</v>
      </c>
      <c r="N32" s="226">
        <v>0</v>
      </c>
      <c r="O32" s="229">
        <v>1</v>
      </c>
      <c r="P32" s="225">
        <v>0</v>
      </c>
      <c r="Q32" s="225">
        <v>2</v>
      </c>
      <c r="R32" s="225">
        <v>2</v>
      </c>
      <c r="S32" s="223">
        <v>0</v>
      </c>
      <c r="T32" s="226">
        <v>5</v>
      </c>
      <c r="U32" s="230">
        <v>5</v>
      </c>
      <c r="V32" s="229">
        <v>0</v>
      </c>
      <c r="W32" s="223">
        <v>0</v>
      </c>
      <c r="X32" s="223">
        <v>0</v>
      </c>
      <c r="Y32" s="224">
        <v>0</v>
      </c>
      <c r="Z32" s="225">
        <v>0</v>
      </c>
      <c r="AA32" s="225">
        <v>0</v>
      </c>
      <c r="AB32" s="225">
        <v>0</v>
      </c>
      <c r="AC32" s="223">
        <v>0</v>
      </c>
      <c r="AD32" s="226">
        <v>0</v>
      </c>
      <c r="AE32" s="227">
        <v>0</v>
      </c>
      <c r="AF32" s="222">
        <v>0</v>
      </c>
      <c r="AG32" s="223">
        <v>0</v>
      </c>
      <c r="AH32" s="223">
        <v>0</v>
      </c>
      <c r="AI32" s="224">
        <v>0</v>
      </c>
      <c r="AJ32" s="225">
        <v>0</v>
      </c>
      <c r="AK32" s="225">
        <v>0</v>
      </c>
      <c r="AL32" s="225">
        <v>0</v>
      </c>
      <c r="AM32" s="223">
        <v>1</v>
      </c>
      <c r="AN32" s="226">
        <v>1</v>
      </c>
      <c r="AO32" s="228">
        <v>1</v>
      </c>
      <c r="AP32" s="37"/>
    </row>
    <row r="33" spans="1:42" ht="20.25" customHeight="1" x14ac:dyDescent="0.2">
      <c r="A33" s="63" t="s">
        <v>31</v>
      </c>
      <c r="B33" s="222">
        <v>0</v>
      </c>
      <c r="C33" s="223">
        <v>0</v>
      </c>
      <c r="D33" s="223">
        <v>0</v>
      </c>
      <c r="E33" s="224">
        <v>0</v>
      </c>
      <c r="F33" s="225">
        <v>0</v>
      </c>
      <c r="G33" s="225">
        <v>1</v>
      </c>
      <c r="H33" s="225">
        <v>0</v>
      </c>
      <c r="I33" s="223">
        <v>0</v>
      </c>
      <c r="J33" s="226">
        <v>1</v>
      </c>
      <c r="K33" s="227">
        <v>1</v>
      </c>
      <c r="L33" s="222">
        <v>0</v>
      </c>
      <c r="M33" s="223">
        <v>0</v>
      </c>
      <c r="N33" s="226">
        <v>0</v>
      </c>
      <c r="O33" s="229">
        <v>0</v>
      </c>
      <c r="P33" s="225">
        <v>2</v>
      </c>
      <c r="Q33" s="225">
        <v>0</v>
      </c>
      <c r="R33" s="225">
        <v>1</v>
      </c>
      <c r="S33" s="223">
        <v>0</v>
      </c>
      <c r="T33" s="226">
        <v>3</v>
      </c>
      <c r="U33" s="230">
        <v>3</v>
      </c>
      <c r="V33" s="229">
        <v>0</v>
      </c>
      <c r="W33" s="223">
        <v>0</v>
      </c>
      <c r="X33" s="223">
        <v>0</v>
      </c>
      <c r="Y33" s="224">
        <v>0</v>
      </c>
      <c r="Z33" s="225">
        <v>0</v>
      </c>
      <c r="AA33" s="225">
        <v>0</v>
      </c>
      <c r="AB33" s="225">
        <v>0</v>
      </c>
      <c r="AC33" s="223">
        <v>0</v>
      </c>
      <c r="AD33" s="226">
        <v>0</v>
      </c>
      <c r="AE33" s="227">
        <v>0</v>
      </c>
      <c r="AF33" s="222">
        <v>0</v>
      </c>
      <c r="AG33" s="223">
        <v>0</v>
      </c>
      <c r="AH33" s="223">
        <v>0</v>
      </c>
      <c r="AI33" s="224">
        <v>0</v>
      </c>
      <c r="AJ33" s="225">
        <v>0</v>
      </c>
      <c r="AK33" s="225">
        <v>0</v>
      </c>
      <c r="AL33" s="225">
        <v>0</v>
      </c>
      <c r="AM33" s="223">
        <v>0</v>
      </c>
      <c r="AN33" s="226">
        <v>0</v>
      </c>
      <c r="AO33" s="228">
        <v>0</v>
      </c>
      <c r="AP33" s="37"/>
    </row>
    <row r="34" spans="1:42" ht="20.25" customHeight="1" x14ac:dyDescent="0.2">
      <c r="A34" s="63" t="s">
        <v>32</v>
      </c>
      <c r="B34" s="222">
        <v>0</v>
      </c>
      <c r="C34" s="223">
        <v>0</v>
      </c>
      <c r="D34" s="223">
        <v>0</v>
      </c>
      <c r="E34" s="224">
        <v>0</v>
      </c>
      <c r="F34" s="225">
        <v>0</v>
      </c>
      <c r="G34" s="225">
        <v>0</v>
      </c>
      <c r="H34" s="225">
        <v>2</v>
      </c>
      <c r="I34" s="223">
        <v>1</v>
      </c>
      <c r="J34" s="226">
        <v>3</v>
      </c>
      <c r="K34" s="227">
        <v>3</v>
      </c>
      <c r="L34" s="222">
        <v>0</v>
      </c>
      <c r="M34" s="223">
        <v>0</v>
      </c>
      <c r="N34" s="226">
        <v>0</v>
      </c>
      <c r="O34" s="229">
        <v>1</v>
      </c>
      <c r="P34" s="225">
        <v>0</v>
      </c>
      <c r="Q34" s="225">
        <v>1</v>
      </c>
      <c r="R34" s="225">
        <v>0</v>
      </c>
      <c r="S34" s="223">
        <v>1</v>
      </c>
      <c r="T34" s="226">
        <v>3</v>
      </c>
      <c r="U34" s="230">
        <v>3</v>
      </c>
      <c r="V34" s="229">
        <v>0</v>
      </c>
      <c r="W34" s="223">
        <v>0</v>
      </c>
      <c r="X34" s="223">
        <v>0</v>
      </c>
      <c r="Y34" s="224">
        <v>0</v>
      </c>
      <c r="Z34" s="225">
        <v>0</v>
      </c>
      <c r="AA34" s="225">
        <v>0</v>
      </c>
      <c r="AB34" s="225">
        <v>0</v>
      </c>
      <c r="AC34" s="223">
        <v>0</v>
      </c>
      <c r="AD34" s="226">
        <v>0</v>
      </c>
      <c r="AE34" s="227">
        <v>0</v>
      </c>
      <c r="AF34" s="222">
        <v>0</v>
      </c>
      <c r="AG34" s="223">
        <v>0</v>
      </c>
      <c r="AH34" s="223">
        <v>0</v>
      </c>
      <c r="AI34" s="224">
        <v>0</v>
      </c>
      <c r="AJ34" s="225">
        <v>0</v>
      </c>
      <c r="AK34" s="225">
        <v>0</v>
      </c>
      <c r="AL34" s="225">
        <v>0</v>
      </c>
      <c r="AM34" s="223">
        <v>0</v>
      </c>
      <c r="AN34" s="226">
        <v>0</v>
      </c>
      <c r="AO34" s="228">
        <v>0</v>
      </c>
      <c r="AP34" s="37"/>
    </row>
    <row r="35" spans="1:42" ht="20.25" customHeight="1" x14ac:dyDescent="0.2">
      <c r="A35" s="63" t="s">
        <v>33</v>
      </c>
      <c r="B35" s="222">
        <v>0</v>
      </c>
      <c r="C35" s="223">
        <v>0</v>
      </c>
      <c r="D35" s="223">
        <v>0</v>
      </c>
      <c r="E35" s="224">
        <v>0</v>
      </c>
      <c r="F35" s="225">
        <v>0</v>
      </c>
      <c r="G35" s="225">
        <v>0</v>
      </c>
      <c r="H35" s="225">
        <v>0</v>
      </c>
      <c r="I35" s="223">
        <v>0</v>
      </c>
      <c r="J35" s="226">
        <v>0</v>
      </c>
      <c r="K35" s="227">
        <v>0</v>
      </c>
      <c r="L35" s="222">
        <v>0</v>
      </c>
      <c r="M35" s="223">
        <v>0</v>
      </c>
      <c r="N35" s="226">
        <v>0</v>
      </c>
      <c r="O35" s="229">
        <v>1</v>
      </c>
      <c r="P35" s="225">
        <v>0</v>
      </c>
      <c r="Q35" s="225">
        <v>0</v>
      </c>
      <c r="R35" s="225">
        <v>0</v>
      </c>
      <c r="S35" s="223">
        <v>1</v>
      </c>
      <c r="T35" s="226">
        <v>2</v>
      </c>
      <c r="U35" s="230">
        <v>2</v>
      </c>
      <c r="V35" s="229">
        <v>0</v>
      </c>
      <c r="W35" s="223">
        <v>0</v>
      </c>
      <c r="X35" s="223">
        <v>0</v>
      </c>
      <c r="Y35" s="224">
        <v>0</v>
      </c>
      <c r="Z35" s="225">
        <v>0</v>
      </c>
      <c r="AA35" s="225">
        <v>0</v>
      </c>
      <c r="AB35" s="225">
        <v>0</v>
      </c>
      <c r="AC35" s="223">
        <v>0</v>
      </c>
      <c r="AD35" s="226">
        <v>0</v>
      </c>
      <c r="AE35" s="227">
        <v>0</v>
      </c>
      <c r="AF35" s="222">
        <v>0</v>
      </c>
      <c r="AG35" s="223">
        <v>0</v>
      </c>
      <c r="AH35" s="223">
        <v>0</v>
      </c>
      <c r="AI35" s="224">
        <v>0</v>
      </c>
      <c r="AJ35" s="225">
        <v>0</v>
      </c>
      <c r="AK35" s="225">
        <v>1</v>
      </c>
      <c r="AL35" s="225">
        <v>1</v>
      </c>
      <c r="AM35" s="223">
        <v>0</v>
      </c>
      <c r="AN35" s="226">
        <v>2</v>
      </c>
      <c r="AO35" s="228">
        <v>2</v>
      </c>
      <c r="AP35" s="37"/>
    </row>
    <row r="36" spans="1:42" ht="20.25" customHeight="1" x14ac:dyDescent="0.2">
      <c r="A36" s="63" t="s">
        <v>34</v>
      </c>
      <c r="B36" s="222">
        <v>0</v>
      </c>
      <c r="C36" s="223">
        <v>0</v>
      </c>
      <c r="D36" s="223">
        <v>0</v>
      </c>
      <c r="E36" s="224">
        <v>0</v>
      </c>
      <c r="F36" s="225">
        <v>0</v>
      </c>
      <c r="G36" s="225">
        <v>1</v>
      </c>
      <c r="H36" s="225">
        <v>0</v>
      </c>
      <c r="I36" s="223">
        <v>1</v>
      </c>
      <c r="J36" s="226">
        <v>2</v>
      </c>
      <c r="K36" s="227">
        <v>2</v>
      </c>
      <c r="L36" s="222">
        <v>0</v>
      </c>
      <c r="M36" s="223">
        <v>0</v>
      </c>
      <c r="N36" s="226">
        <v>0</v>
      </c>
      <c r="O36" s="229">
        <v>0</v>
      </c>
      <c r="P36" s="225">
        <v>0</v>
      </c>
      <c r="Q36" s="225">
        <v>0</v>
      </c>
      <c r="R36" s="225">
        <v>0</v>
      </c>
      <c r="S36" s="223">
        <v>0</v>
      </c>
      <c r="T36" s="226">
        <v>0</v>
      </c>
      <c r="U36" s="230">
        <v>0</v>
      </c>
      <c r="V36" s="229">
        <v>0</v>
      </c>
      <c r="W36" s="223">
        <v>0</v>
      </c>
      <c r="X36" s="223">
        <v>0</v>
      </c>
      <c r="Y36" s="224">
        <v>0</v>
      </c>
      <c r="Z36" s="225">
        <v>0</v>
      </c>
      <c r="AA36" s="225">
        <v>0</v>
      </c>
      <c r="AB36" s="225">
        <v>0</v>
      </c>
      <c r="AC36" s="223">
        <v>0</v>
      </c>
      <c r="AD36" s="226">
        <v>0</v>
      </c>
      <c r="AE36" s="227">
        <v>0</v>
      </c>
      <c r="AF36" s="222">
        <v>0</v>
      </c>
      <c r="AG36" s="223">
        <v>0</v>
      </c>
      <c r="AH36" s="223">
        <v>0</v>
      </c>
      <c r="AI36" s="224">
        <v>0</v>
      </c>
      <c r="AJ36" s="225">
        <v>0</v>
      </c>
      <c r="AK36" s="225">
        <v>0</v>
      </c>
      <c r="AL36" s="225">
        <v>0</v>
      </c>
      <c r="AM36" s="223">
        <v>0</v>
      </c>
      <c r="AN36" s="226">
        <v>0</v>
      </c>
      <c r="AO36" s="228">
        <v>0</v>
      </c>
      <c r="AP36" s="37"/>
    </row>
    <row r="37" spans="1:42" ht="20.25" customHeight="1" x14ac:dyDescent="0.2">
      <c r="A37" s="63" t="s">
        <v>35</v>
      </c>
      <c r="B37" s="222">
        <v>0</v>
      </c>
      <c r="C37" s="223">
        <v>0</v>
      </c>
      <c r="D37" s="223">
        <v>0</v>
      </c>
      <c r="E37" s="224">
        <v>0</v>
      </c>
      <c r="F37" s="225">
        <v>0</v>
      </c>
      <c r="G37" s="225">
        <v>0</v>
      </c>
      <c r="H37" s="225">
        <v>3</v>
      </c>
      <c r="I37" s="223">
        <v>1</v>
      </c>
      <c r="J37" s="226">
        <v>4</v>
      </c>
      <c r="K37" s="227">
        <v>4</v>
      </c>
      <c r="L37" s="222">
        <v>0</v>
      </c>
      <c r="M37" s="223">
        <v>0</v>
      </c>
      <c r="N37" s="226">
        <v>0</v>
      </c>
      <c r="O37" s="229">
        <v>0</v>
      </c>
      <c r="P37" s="225">
        <v>0</v>
      </c>
      <c r="Q37" s="225">
        <v>1</v>
      </c>
      <c r="R37" s="225">
        <v>2</v>
      </c>
      <c r="S37" s="223">
        <v>0</v>
      </c>
      <c r="T37" s="226">
        <v>3</v>
      </c>
      <c r="U37" s="230">
        <v>3</v>
      </c>
      <c r="V37" s="229">
        <v>0</v>
      </c>
      <c r="W37" s="223">
        <v>0</v>
      </c>
      <c r="X37" s="223">
        <v>0</v>
      </c>
      <c r="Y37" s="224">
        <v>0</v>
      </c>
      <c r="Z37" s="225">
        <v>0</v>
      </c>
      <c r="AA37" s="225">
        <v>0</v>
      </c>
      <c r="AB37" s="225">
        <v>0</v>
      </c>
      <c r="AC37" s="223">
        <v>0</v>
      </c>
      <c r="AD37" s="226">
        <v>0</v>
      </c>
      <c r="AE37" s="227">
        <v>0</v>
      </c>
      <c r="AF37" s="222">
        <v>0</v>
      </c>
      <c r="AG37" s="223">
        <v>0</v>
      </c>
      <c r="AH37" s="223">
        <v>0</v>
      </c>
      <c r="AI37" s="224">
        <v>0</v>
      </c>
      <c r="AJ37" s="225">
        <v>0</v>
      </c>
      <c r="AK37" s="225">
        <v>0</v>
      </c>
      <c r="AL37" s="225">
        <v>0</v>
      </c>
      <c r="AM37" s="223">
        <v>0</v>
      </c>
      <c r="AN37" s="226">
        <v>0</v>
      </c>
      <c r="AO37" s="228">
        <v>0</v>
      </c>
      <c r="AP37" s="37"/>
    </row>
    <row r="38" spans="1:42" ht="20.25" customHeight="1" x14ac:dyDescent="0.2">
      <c r="A38" s="63" t="s">
        <v>36</v>
      </c>
      <c r="B38" s="222">
        <v>0</v>
      </c>
      <c r="C38" s="223">
        <v>0</v>
      </c>
      <c r="D38" s="223">
        <v>0</v>
      </c>
      <c r="E38" s="224">
        <v>0</v>
      </c>
      <c r="F38" s="225">
        <v>0</v>
      </c>
      <c r="G38" s="225">
        <v>1</v>
      </c>
      <c r="H38" s="225">
        <v>4</v>
      </c>
      <c r="I38" s="223">
        <v>5</v>
      </c>
      <c r="J38" s="226">
        <v>10</v>
      </c>
      <c r="K38" s="227">
        <v>10</v>
      </c>
      <c r="L38" s="222">
        <v>0</v>
      </c>
      <c r="M38" s="223">
        <v>0</v>
      </c>
      <c r="N38" s="226">
        <v>0</v>
      </c>
      <c r="O38" s="229">
        <v>1</v>
      </c>
      <c r="P38" s="225">
        <v>0</v>
      </c>
      <c r="Q38" s="225">
        <v>3</v>
      </c>
      <c r="R38" s="225">
        <v>0</v>
      </c>
      <c r="S38" s="223">
        <v>0</v>
      </c>
      <c r="T38" s="226">
        <v>4</v>
      </c>
      <c r="U38" s="230">
        <v>4</v>
      </c>
      <c r="V38" s="229">
        <v>0</v>
      </c>
      <c r="W38" s="223">
        <v>0</v>
      </c>
      <c r="X38" s="223">
        <v>0</v>
      </c>
      <c r="Y38" s="224">
        <v>0</v>
      </c>
      <c r="Z38" s="225">
        <v>0</v>
      </c>
      <c r="AA38" s="225">
        <v>0</v>
      </c>
      <c r="AB38" s="225">
        <v>0</v>
      </c>
      <c r="AC38" s="223">
        <v>0</v>
      </c>
      <c r="AD38" s="226">
        <v>0</v>
      </c>
      <c r="AE38" s="227">
        <v>0</v>
      </c>
      <c r="AF38" s="222">
        <v>0</v>
      </c>
      <c r="AG38" s="223">
        <v>0</v>
      </c>
      <c r="AH38" s="223">
        <v>0</v>
      </c>
      <c r="AI38" s="224">
        <v>0</v>
      </c>
      <c r="AJ38" s="225">
        <v>0</v>
      </c>
      <c r="AK38" s="225">
        <v>0</v>
      </c>
      <c r="AL38" s="225">
        <v>0</v>
      </c>
      <c r="AM38" s="223">
        <v>0</v>
      </c>
      <c r="AN38" s="226">
        <v>0</v>
      </c>
      <c r="AO38" s="228">
        <v>0</v>
      </c>
      <c r="AP38" s="37"/>
    </row>
    <row r="39" spans="1:42" ht="20.25" customHeight="1" thickBot="1" x14ac:dyDescent="0.25">
      <c r="A39" s="64" t="s">
        <v>37</v>
      </c>
      <c r="B39" s="231">
        <v>0</v>
      </c>
      <c r="C39" s="232">
        <v>0</v>
      </c>
      <c r="D39" s="232">
        <v>0</v>
      </c>
      <c r="E39" s="233">
        <v>0</v>
      </c>
      <c r="F39" s="234">
        <v>0</v>
      </c>
      <c r="G39" s="234">
        <v>1</v>
      </c>
      <c r="H39" s="234">
        <v>0</v>
      </c>
      <c r="I39" s="232">
        <v>1</v>
      </c>
      <c r="J39" s="235">
        <v>2</v>
      </c>
      <c r="K39" s="236">
        <v>2</v>
      </c>
      <c r="L39" s="231">
        <v>0</v>
      </c>
      <c r="M39" s="232">
        <v>0</v>
      </c>
      <c r="N39" s="235">
        <v>0</v>
      </c>
      <c r="O39" s="238">
        <v>0</v>
      </c>
      <c r="P39" s="234">
        <v>0</v>
      </c>
      <c r="Q39" s="234">
        <v>0</v>
      </c>
      <c r="R39" s="234">
        <v>0</v>
      </c>
      <c r="S39" s="232">
        <v>0</v>
      </c>
      <c r="T39" s="235">
        <v>0</v>
      </c>
      <c r="U39" s="239">
        <v>0</v>
      </c>
      <c r="V39" s="238">
        <v>0</v>
      </c>
      <c r="W39" s="232">
        <v>0</v>
      </c>
      <c r="X39" s="232">
        <v>0</v>
      </c>
      <c r="Y39" s="233">
        <v>0</v>
      </c>
      <c r="Z39" s="234">
        <v>0</v>
      </c>
      <c r="AA39" s="234">
        <v>0</v>
      </c>
      <c r="AB39" s="234">
        <v>0</v>
      </c>
      <c r="AC39" s="232">
        <v>0</v>
      </c>
      <c r="AD39" s="235">
        <v>0</v>
      </c>
      <c r="AE39" s="236">
        <v>0</v>
      </c>
      <c r="AF39" s="231">
        <v>0</v>
      </c>
      <c r="AG39" s="232">
        <v>0</v>
      </c>
      <c r="AH39" s="232">
        <v>0</v>
      </c>
      <c r="AI39" s="233">
        <v>0</v>
      </c>
      <c r="AJ39" s="234">
        <v>0</v>
      </c>
      <c r="AK39" s="234">
        <v>0</v>
      </c>
      <c r="AL39" s="234">
        <v>0</v>
      </c>
      <c r="AM39" s="232">
        <v>0</v>
      </c>
      <c r="AN39" s="235">
        <v>0</v>
      </c>
      <c r="AO39" s="237">
        <v>0</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F1:G1"/>
    <mergeCell ref="A3:A4"/>
    <mergeCell ref="B3:K3"/>
    <mergeCell ref="L3:U3"/>
    <mergeCell ref="B4:D4"/>
    <mergeCell ref="E4:J4"/>
    <mergeCell ref="K4:K5"/>
    <mergeCell ref="V3:AE3"/>
    <mergeCell ref="AF3:AO3"/>
    <mergeCell ref="L4:N4"/>
    <mergeCell ref="O4:T4"/>
    <mergeCell ref="U4:U5"/>
    <mergeCell ref="V4:X4"/>
    <mergeCell ref="Y4:AD4"/>
    <mergeCell ref="AE4:AE5"/>
    <mergeCell ref="AF4:AH4"/>
    <mergeCell ref="AI4:AN4"/>
    <mergeCell ref="AO4:AO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44140625"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408">
        <f>第１表!F2</f>
        <v>4</v>
      </c>
      <c r="E1" s="286">
        <f>第１表!G2</f>
        <v>2</v>
      </c>
      <c r="F1" s="497">
        <f>IF(E1&lt;3,E1-2+12,E1-2)</f>
        <v>12</v>
      </c>
      <c r="G1" s="497"/>
    </row>
    <row r="2" spans="1:42" ht="17.25" customHeight="1" thickBot="1" x14ac:dyDescent="0.25">
      <c r="A2" s="20" t="s">
        <v>159</v>
      </c>
      <c r="E2" s="20" t="s">
        <v>140</v>
      </c>
    </row>
    <row r="3" spans="1:42" ht="24.75" customHeight="1" x14ac:dyDescent="0.2">
      <c r="A3" s="543"/>
      <c r="B3" s="533" t="s">
        <v>57</v>
      </c>
      <c r="C3" s="534"/>
      <c r="D3" s="534"/>
      <c r="E3" s="534"/>
      <c r="F3" s="534"/>
      <c r="G3" s="534"/>
      <c r="H3" s="534"/>
      <c r="I3" s="534"/>
      <c r="J3" s="534"/>
      <c r="K3" s="534"/>
      <c r="L3" s="533" t="s">
        <v>58</v>
      </c>
      <c r="M3" s="546"/>
      <c r="N3" s="546"/>
      <c r="O3" s="546"/>
      <c r="P3" s="546"/>
      <c r="Q3" s="546"/>
      <c r="R3" s="546"/>
      <c r="S3" s="546"/>
      <c r="T3" s="546"/>
      <c r="U3" s="546"/>
      <c r="V3" s="533" t="s">
        <v>59</v>
      </c>
      <c r="W3" s="534"/>
      <c r="X3" s="534"/>
      <c r="Y3" s="534"/>
      <c r="Z3" s="534"/>
      <c r="AA3" s="534"/>
      <c r="AB3" s="534"/>
      <c r="AC3" s="534"/>
      <c r="AD3" s="534"/>
      <c r="AE3" s="534"/>
      <c r="AF3" s="542" t="s">
        <v>151</v>
      </c>
      <c r="AG3" s="534"/>
      <c r="AH3" s="534"/>
      <c r="AI3" s="534"/>
      <c r="AJ3" s="534"/>
      <c r="AK3" s="534"/>
      <c r="AL3" s="534"/>
      <c r="AM3" s="534"/>
      <c r="AN3" s="534"/>
      <c r="AO3" s="535"/>
    </row>
    <row r="4" spans="1:42" ht="24.75" customHeight="1" x14ac:dyDescent="0.2">
      <c r="A4" s="545"/>
      <c r="B4" s="515" t="s">
        <v>61</v>
      </c>
      <c r="C4" s="516"/>
      <c r="D4" s="517"/>
      <c r="E4" s="518" t="s">
        <v>62</v>
      </c>
      <c r="F4" s="519"/>
      <c r="G4" s="519"/>
      <c r="H4" s="519"/>
      <c r="I4" s="519"/>
      <c r="J4" s="520"/>
      <c r="K4" s="530" t="s">
        <v>52</v>
      </c>
      <c r="L4" s="515" t="s">
        <v>61</v>
      </c>
      <c r="M4" s="516"/>
      <c r="N4" s="517"/>
      <c r="O4" s="518" t="s">
        <v>62</v>
      </c>
      <c r="P4" s="519"/>
      <c r="Q4" s="519"/>
      <c r="R4" s="519"/>
      <c r="S4" s="519"/>
      <c r="T4" s="520"/>
      <c r="U4" s="521" t="s">
        <v>52</v>
      </c>
      <c r="V4" s="515" t="s">
        <v>61</v>
      </c>
      <c r="W4" s="516"/>
      <c r="X4" s="517"/>
      <c r="Y4" s="518" t="s">
        <v>62</v>
      </c>
      <c r="Z4" s="519"/>
      <c r="AA4" s="519"/>
      <c r="AB4" s="519"/>
      <c r="AC4" s="519"/>
      <c r="AD4" s="520"/>
      <c r="AE4" s="530" t="s">
        <v>52</v>
      </c>
      <c r="AF4" s="515" t="s">
        <v>61</v>
      </c>
      <c r="AG4" s="516"/>
      <c r="AH4" s="517"/>
      <c r="AI4" s="518" t="s">
        <v>62</v>
      </c>
      <c r="AJ4" s="519"/>
      <c r="AK4" s="519"/>
      <c r="AL4" s="519"/>
      <c r="AM4" s="519"/>
      <c r="AN4" s="520"/>
      <c r="AO4" s="521" t="s">
        <v>52</v>
      </c>
    </row>
    <row r="5" spans="1:42" ht="24.75" customHeight="1" thickBot="1" x14ac:dyDescent="0.25">
      <c r="A5" s="405" t="s">
        <v>42</v>
      </c>
      <c r="B5" s="31" t="s">
        <v>43</v>
      </c>
      <c r="C5" s="32" t="s">
        <v>44</v>
      </c>
      <c r="D5" s="32" t="s">
        <v>45</v>
      </c>
      <c r="E5" s="33" t="s">
        <v>47</v>
      </c>
      <c r="F5" s="34" t="s">
        <v>48</v>
      </c>
      <c r="G5" s="34" t="s">
        <v>49</v>
      </c>
      <c r="H5" s="35" t="s">
        <v>50</v>
      </c>
      <c r="I5" s="32" t="s">
        <v>51</v>
      </c>
      <c r="J5" s="36" t="s">
        <v>95</v>
      </c>
      <c r="K5" s="531"/>
      <c r="L5" s="31" t="s">
        <v>43</v>
      </c>
      <c r="M5" s="32" t="s">
        <v>44</v>
      </c>
      <c r="N5" s="36" t="s">
        <v>45</v>
      </c>
      <c r="O5" s="15" t="s">
        <v>47</v>
      </c>
      <c r="P5" s="34" t="s">
        <v>48</v>
      </c>
      <c r="Q5" s="34" t="s">
        <v>49</v>
      </c>
      <c r="R5" s="35" t="s">
        <v>50</v>
      </c>
      <c r="S5" s="32" t="s">
        <v>51</v>
      </c>
      <c r="T5" s="36" t="s">
        <v>45</v>
      </c>
      <c r="U5" s="522"/>
      <c r="V5" s="31" t="s">
        <v>43</v>
      </c>
      <c r="W5" s="32" t="s">
        <v>44</v>
      </c>
      <c r="X5" s="32" t="s">
        <v>45</v>
      </c>
      <c r="Y5" s="33" t="s">
        <v>47</v>
      </c>
      <c r="Z5" s="34" t="s">
        <v>48</v>
      </c>
      <c r="AA5" s="34" t="s">
        <v>49</v>
      </c>
      <c r="AB5" s="35" t="s">
        <v>50</v>
      </c>
      <c r="AC5" s="32" t="s">
        <v>51</v>
      </c>
      <c r="AD5" s="36" t="s">
        <v>45</v>
      </c>
      <c r="AE5" s="531"/>
      <c r="AF5" s="31" t="s">
        <v>43</v>
      </c>
      <c r="AG5" s="32" t="s">
        <v>44</v>
      </c>
      <c r="AH5" s="32" t="s">
        <v>45</v>
      </c>
      <c r="AI5" s="33" t="s">
        <v>47</v>
      </c>
      <c r="AJ5" s="34" t="s">
        <v>48</v>
      </c>
      <c r="AK5" s="34" t="s">
        <v>49</v>
      </c>
      <c r="AL5" s="35" t="s">
        <v>50</v>
      </c>
      <c r="AM5" s="32" t="s">
        <v>51</v>
      </c>
      <c r="AN5" s="36" t="s">
        <v>45</v>
      </c>
      <c r="AO5" s="522"/>
    </row>
    <row r="6" spans="1:42" ht="20.25" customHeight="1" x14ac:dyDescent="0.2">
      <c r="A6" s="404" t="s">
        <v>4</v>
      </c>
      <c r="B6" s="213">
        <v>0</v>
      </c>
      <c r="C6" s="214">
        <v>0</v>
      </c>
      <c r="D6" s="214">
        <v>0</v>
      </c>
      <c r="E6" s="215">
        <v>5</v>
      </c>
      <c r="F6" s="216">
        <v>34</v>
      </c>
      <c r="G6" s="216">
        <v>240</v>
      </c>
      <c r="H6" s="216">
        <v>416</v>
      </c>
      <c r="I6" s="214">
        <v>288</v>
      </c>
      <c r="J6" s="217">
        <v>983</v>
      </c>
      <c r="K6" s="218">
        <v>983</v>
      </c>
      <c r="L6" s="213">
        <v>0</v>
      </c>
      <c r="M6" s="214">
        <v>0</v>
      </c>
      <c r="N6" s="217">
        <v>0</v>
      </c>
      <c r="O6" s="220">
        <v>58</v>
      </c>
      <c r="P6" s="216">
        <v>136</v>
      </c>
      <c r="Q6" s="216">
        <v>220</v>
      </c>
      <c r="R6" s="216">
        <v>248</v>
      </c>
      <c r="S6" s="214">
        <v>132</v>
      </c>
      <c r="T6" s="217">
        <v>794</v>
      </c>
      <c r="U6" s="221">
        <v>794</v>
      </c>
      <c r="V6" s="220">
        <v>0</v>
      </c>
      <c r="W6" s="214">
        <v>0</v>
      </c>
      <c r="X6" s="214">
        <v>0</v>
      </c>
      <c r="Y6" s="215">
        <v>0</v>
      </c>
      <c r="Z6" s="216">
        <v>0</v>
      </c>
      <c r="AA6" s="216">
        <v>2</v>
      </c>
      <c r="AB6" s="216">
        <v>14</v>
      </c>
      <c r="AC6" s="214">
        <v>17</v>
      </c>
      <c r="AD6" s="217">
        <v>33</v>
      </c>
      <c r="AE6" s="218">
        <v>33</v>
      </c>
      <c r="AF6" s="213">
        <v>0</v>
      </c>
      <c r="AG6" s="214">
        <v>0</v>
      </c>
      <c r="AH6" s="214">
        <v>0</v>
      </c>
      <c r="AI6" s="215">
        <v>0</v>
      </c>
      <c r="AJ6" s="216">
        <v>2</v>
      </c>
      <c r="AK6" s="216">
        <v>2</v>
      </c>
      <c r="AL6" s="216">
        <v>7</v>
      </c>
      <c r="AM6" s="214">
        <v>11</v>
      </c>
      <c r="AN6" s="217">
        <v>22</v>
      </c>
      <c r="AO6" s="219">
        <v>22</v>
      </c>
      <c r="AP6" s="37"/>
    </row>
    <row r="7" spans="1:42" ht="20.25" customHeight="1" x14ac:dyDescent="0.2">
      <c r="A7" s="63" t="s">
        <v>5</v>
      </c>
      <c r="B7" s="222">
        <v>0</v>
      </c>
      <c r="C7" s="223">
        <v>0</v>
      </c>
      <c r="D7" s="223">
        <v>0</v>
      </c>
      <c r="E7" s="224">
        <v>4</v>
      </c>
      <c r="F7" s="225">
        <v>19</v>
      </c>
      <c r="G7" s="225">
        <v>114</v>
      </c>
      <c r="H7" s="225">
        <v>187</v>
      </c>
      <c r="I7" s="223">
        <v>141</v>
      </c>
      <c r="J7" s="226">
        <v>465</v>
      </c>
      <c r="K7" s="227">
        <v>465</v>
      </c>
      <c r="L7" s="222">
        <v>0</v>
      </c>
      <c r="M7" s="223">
        <v>0</v>
      </c>
      <c r="N7" s="226">
        <v>0</v>
      </c>
      <c r="O7" s="229">
        <v>26</v>
      </c>
      <c r="P7" s="225">
        <v>74</v>
      </c>
      <c r="Q7" s="225">
        <v>104</v>
      </c>
      <c r="R7" s="225">
        <v>127</v>
      </c>
      <c r="S7" s="223">
        <v>74</v>
      </c>
      <c r="T7" s="226">
        <v>405</v>
      </c>
      <c r="U7" s="230">
        <v>405</v>
      </c>
      <c r="V7" s="229">
        <v>0</v>
      </c>
      <c r="W7" s="223">
        <v>0</v>
      </c>
      <c r="X7" s="223">
        <v>0</v>
      </c>
      <c r="Y7" s="224">
        <v>0</v>
      </c>
      <c r="Z7" s="225">
        <v>0</v>
      </c>
      <c r="AA7" s="225">
        <v>1</v>
      </c>
      <c r="AB7" s="225">
        <v>4</v>
      </c>
      <c r="AC7" s="223">
        <v>5</v>
      </c>
      <c r="AD7" s="226">
        <v>10</v>
      </c>
      <c r="AE7" s="227">
        <v>10</v>
      </c>
      <c r="AF7" s="222">
        <v>0</v>
      </c>
      <c r="AG7" s="223">
        <v>0</v>
      </c>
      <c r="AH7" s="223">
        <v>0</v>
      </c>
      <c r="AI7" s="224">
        <v>0</v>
      </c>
      <c r="AJ7" s="225">
        <v>1</v>
      </c>
      <c r="AK7" s="225">
        <v>1</v>
      </c>
      <c r="AL7" s="225">
        <v>3</v>
      </c>
      <c r="AM7" s="223">
        <v>6</v>
      </c>
      <c r="AN7" s="226">
        <v>11</v>
      </c>
      <c r="AO7" s="228">
        <v>11</v>
      </c>
      <c r="AP7" s="37"/>
    </row>
    <row r="8" spans="1:42" ht="20.25" customHeight="1" x14ac:dyDescent="0.2">
      <c r="A8" s="63" t="s">
        <v>6</v>
      </c>
      <c r="B8" s="222">
        <v>0</v>
      </c>
      <c r="C8" s="223">
        <v>0</v>
      </c>
      <c r="D8" s="223">
        <v>0</v>
      </c>
      <c r="E8" s="224">
        <v>0</v>
      </c>
      <c r="F8" s="225">
        <v>7</v>
      </c>
      <c r="G8" s="225">
        <v>29</v>
      </c>
      <c r="H8" s="225">
        <v>50</v>
      </c>
      <c r="I8" s="223">
        <v>35</v>
      </c>
      <c r="J8" s="226">
        <v>121</v>
      </c>
      <c r="K8" s="227">
        <v>121</v>
      </c>
      <c r="L8" s="222">
        <v>0</v>
      </c>
      <c r="M8" s="223">
        <v>0</v>
      </c>
      <c r="N8" s="226">
        <v>0</v>
      </c>
      <c r="O8" s="229">
        <v>9</v>
      </c>
      <c r="P8" s="225">
        <v>17</v>
      </c>
      <c r="Q8" s="225">
        <v>22</v>
      </c>
      <c r="R8" s="225">
        <v>42</v>
      </c>
      <c r="S8" s="223">
        <v>16</v>
      </c>
      <c r="T8" s="226">
        <v>106</v>
      </c>
      <c r="U8" s="230">
        <v>106</v>
      </c>
      <c r="V8" s="229">
        <v>0</v>
      </c>
      <c r="W8" s="223">
        <v>0</v>
      </c>
      <c r="X8" s="223">
        <v>0</v>
      </c>
      <c r="Y8" s="224">
        <v>0</v>
      </c>
      <c r="Z8" s="225">
        <v>0</v>
      </c>
      <c r="AA8" s="225">
        <v>1</v>
      </c>
      <c r="AB8" s="225">
        <v>9</v>
      </c>
      <c r="AC8" s="223">
        <v>8</v>
      </c>
      <c r="AD8" s="226">
        <v>18</v>
      </c>
      <c r="AE8" s="227">
        <v>18</v>
      </c>
      <c r="AF8" s="222">
        <v>0</v>
      </c>
      <c r="AG8" s="223">
        <v>0</v>
      </c>
      <c r="AH8" s="223">
        <v>0</v>
      </c>
      <c r="AI8" s="224">
        <v>0</v>
      </c>
      <c r="AJ8" s="225">
        <v>0</v>
      </c>
      <c r="AK8" s="225">
        <v>0</v>
      </c>
      <c r="AL8" s="225">
        <v>1</v>
      </c>
      <c r="AM8" s="223">
        <v>0</v>
      </c>
      <c r="AN8" s="226">
        <v>1</v>
      </c>
      <c r="AO8" s="228">
        <v>1</v>
      </c>
      <c r="AP8" s="37"/>
    </row>
    <row r="9" spans="1:42" ht="20.25" customHeight="1" x14ac:dyDescent="0.2">
      <c r="A9" s="63" t="s">
        <v>14</v>
      </c>
      <c r="B9" s="222">
        <v>0</v>
      </c>
      <c r="C9" s="223">
        <v>0</v>
      </c>
      <c r="D9" s="223">
        <v>0</v>
      </c>
      <c r="E9" s="224">
        <v>0</v>
      </c>
      <c r="F9" s="225">
        <v>0</v>
      </c>
      <c r="G9" s="225">
        <v>16</v>
      </c>
      <c r="H9" s="225">
        <v>32</v>
      </c>
      <c r="I9" s="223">
        <v>18</v>
      </c>
      <c r="J9" s="226">
        <v>66</v>
      </c>
      <c r="K9" s="227">
        <v>66</v>
      </c>
      <c r="L9" s="222">
        <v>0</v>
      </c>
      <c r="M9" s="223">
        <v>0</v>
      </c>
      <c r="N9" s="226">
        <v>0</v>
      </c>
      <c r="O9" s="229">
        <v>3</v>
      </c>
      <c r="P9" s="225">
        <v>6</v>
      </c>
      <c r="Q9" s="225">
        <v>11</v>
      </c>
      <c r="R9" s="225">
        <v>11</v>
      </c>
      <c r="S9" s="223">
        <v>5</v>
      </c>
      <c r="T9" s="226">
        <v>36</v>
      </c>
      <c r="U9" s="230">
        <v>36</v>
      </c>
      <c r="V9" s="229">
        <v>0</v>
      </c>
      <c r="W9" s="223">
        <v>0</v>
      </c>
      <c r="X9" s="223">
        <v>0</v>
      </c>
      <c r="Y9" s="224">
        <v>0</v>
      </c>
      <c r="Z9" s="225">
        <v>0</v>
      </c>
      <c r="AA9" s="225">
        <v>0</v>
      </c>
      <c r="AB9" s="225">
        <v>1</v>
      </c>
      <c r="AC9" s="223">
        <v>0</v>
      </c>
      <c r="AD9" s="226">
        <v>1</v>
      </c>
      <c r="AE9" s="227">
        <v>1</v>
      </c>
      <c r="AF9" s="222">
        <v>0</v>
      </c>
      <c r="AG9" s="223">
        <v>0</v>
      </c>
      <c r="AH9" s="223">
        <v>0</v>
      </c>
      <c r="AI9" s="224">
        <v>0</v>
      </c>
      <c r="AJ9" s="225">
        <v>0</v>
      </c>
      <c r="AK9" s="225">
        <v>1</v>
      </c>
      <c r="AL9" s="225">
        <v>1</v>
      </c>
      <c r="AM9" s="223">
        <v>1</v>
      </c>
      <c r="AN9" s="226">
        <v>3</v>
      </c>
      <c r="AO9" s="228">
        <v>3</v>
      </c>
      <c r="AP9" s="37"/>
    </row>
    <row r="10" spans="1:42" ht="20.25" customHeight="1" x14ac:dyDescent="0.2">
      <c r="A10" s="63" t="s">
        <v>7</v>
      </c>
      <c r="B10" s="222">
        <v>0</v>
      </c>
      <c r="C10" s="223">
        <v>0</v>
      </c>
      <c r="D10" s="223">
        <v>0</v>
      </c>
      <c r="E10" s="224">
        <v>0</v>
      </c>
      <c r="F10" s="225">
        <v>1</v>
      </c>
      <c r="G10" s="225">
        <v>2</v>
      </c>
      <c r="H10" s="225">
        <v>19</v>
      </c>
      <c r="I10" s="223">
        <v>14</v>
      </c>
      <c r="J10" s="226">
        <v>36</v>
      </c>
      <c r="K10" s="227">
        <v>36</v>
      </c>
      <c r="L10" s="222">
        <v>0</v>
      </c>
      <c r="M10" s="223">
        <v>0</v>
      </c>
      <c r="N10" s="226">
        <v>0</v>
      </c>
      <c r="O10" s="229">
        <v>0</v>
      </c>
      <c r="P10" s="225">
        <v>6</v>
      </c>
      <c r="Q10" s="225">
        <v>6</v>
      </c>
      <c r="R10" s="225">
        <v>4</v>
      </c>
      <c r="S10" s="223">
        <v>2</v>
      </c>
      <c r="T10" s="226">
        <v>18</v>
      </c>
      <c r="U10" s="230">
        <v>18</v>
      </c>
      <c r="V10" s="229">
        <v>0</v>
      </c>
      <c r="W10" s="223">
        <v>0</v>
      </c>
      <c r="X10" s="223">
        <v>0</v>
      </c>
      <c r="Y10" s="224">
        <v>0</v>
      </c>
      <c r="Z10" s="225">
        <v>0</v>
      </c>
      <c r="AA10" s="225">
        <v>0</v>
      </c>
      <c r="AB10" s="225">
        <v>0</v>
      </c>
      <c r="AC10" s="223">
        <v>0</v>
      </c>
      <c r="AD10" s="226">
        <v>0</v>
      </c>
      <c r="AE10" s="227">
        <v>0</v>
      </c>
      <c r="AF10" s="222">
        <v>0</v>
      </c>
      <c r="AG10" s="223">
        <v>0</v>
      </c>
      <c r="AH10" s="223">
        <v>0</v>
      </c>
      <c r="AI10" s="224">
        <v>0</v>
      </c>
      <c r="AJ10" s="225">
        <v>0</v>
      </c>
      <c r="AK10" s="225">
        <v>0</v>
      </c>
      <c r="AL10" s="225">
        <v>0</v>
      </c>
      <c r="AM10" s="223">
        <v>0</v>
      </c>
      <c r="AN10" s="226">
        <v>0</v>
      </c>
      <c r="AO10" s="228">
        <v>0</v>
      </c>
      <c r="AP10" s="37"/>
    </row>
    <row r="11" spans="1:42" ht="20.25" customHeight="1" x14ac:dyDescent="0.2">
      <c r="A11" s="63" t="s">
        <v>8</v>
      </c>
      <c r="B11" s="222">
        <v>0</v>
      </c>
      <c r="C11" s="223">
        <v>0</v>
      </c>
      <c r="D11" s="223">
        <v>0</v>
      </c>
      <c r="E11" s="224">
        <v>0</v>
      </c>
      <c r="F11" s="225">
        <v>1</v>
      </c>
      <c r="G11" s="225">
        <v>2</v>
      </c>
      <c r="H11" s="225">
        <v>11</v>
      </c>
      <c r="I11" s="223">
        <v>6</v>
      </c>
      <c r="J11" s="226">
        <v>20</v>
      </c>
      <c r="K11" s="227">
        <v>20</v>
      </c>
      <c r="L11" s="222">
        <v>0</v>
      </c>
      <c r="M11" s="223">
        <v>0</v>
      </c>
      <c r="N11" s="226">
        <v>0</v>
      </c>
      <c r="O11" s="229">
        <v>0</v>
      </c>
      <c r="P11" s="225">
        <v>2</v>
      </c>
      <c r="Q11" s="225">
        <v>4</v>
      </c>
      <c r="R11" s="225">
        <v>6</v>
      </c>
      <c r="S11" s="223">
        <v>1</v>
      </c>
      <c r="T11" s="226">
        <v>13</v>
      </c>
      <c r="U11" s="230">
        <v>13</v>
      </c>
      <c r="V11" s="229">
        <v>0</v>
      </c>
      <c r="W11" s="223">
        <v>0</v>
      </c>
      <c r="X11" s="223">
        <v>0</v>
      </c>
      <c r="Y11" s="224">
        <v>0</v>
      </c>
      <c r="Z11" s="225">
        <v>0</v>
      </c>
      <c r="AA11" s="225">
        <v>0</v>
      </c>
      <c r="AB11" s="225">
        <v>0</v>
      </c>
      <c r="AC11" s="223">
        <v>0</v>
      </c>
      <c r="AD11" s="226">
        <v>0</v>
      </c>
      <c r="AE11" s="227">
        <v>0</v>
      </c>
      <c r="AF11" s="222">
        <v>0</v>
      </c>
      <c r="AG11" s="223">
        <v>0</v>
      </c>
      <c r="AH11" s="223">
        <v>0</v>
      </c>
      <c r="AI11" s="224">
        <v>0</v>
      </c>
      <c r="AJ11" s="225">
        <v>0</v>
      </c>
      <c r="AK11" s="225">
        <v>0</v>
      </c>
      <c r="AL11" s="225">
        <v>0</v>
      </c>
      <c r="AM11" s="223">
        <v>0</v>
      </c>
      <c r="AN11" s="226">
        <v>0</v>
      </c>
      <c r="AO11" s="228">
        <v>0</v>
      </c>
      <c r="AP11" s="37"/>
    </row>
    <row r="12" spans="1:42" ht="20.25" customHeight="1" x14ac:dyDescent="0.2">
      <c r="A12" s="63" t="s">
        <v>9</v>
      </c>
      <c r="B12" s="222">
        <v>0</v>
      </c>
      <c r="C12" s="223">
        <v>0</v>
      </c>
      <c r="D12" s="223">
        <v>0</v>
      </c>
      <c r="E12" s="224">
        <v>0</v>
      </c>
      <c r="F12" s="225">
        <v>0</v>
      </c>
      <c r="G12" s="225">
        <v>6</v>
      </c>
      <c r="H12" s="225">
        <v>16</v>
      </c>
      <c r="I12" s="223">
        <v>16</v>
      </c>
      <c r="J12" s="226">
        <v>38</v>
      </c>
      <c r="K12" s="227">
        <v>38</v>
      </c>
      <c r="L12" s="222">
        <v>0</v>
      </c>
      <c r="M12" s="223">
        <v>0</v>
      </c>
      <c r="N12" s="226">
        <v>0</v>
      </c>
      <c r="O12" s="229">
        <v>2</v>
      </c>
      <c r="P12" s="225">
        <v>2</v>
      </c>
      <c r="Q12" s="225">
        <v>9</v>
      </c>
      <c r="R12" s="225">
        <v>6</v>
      </c>
      <c r="S12" s="223">
        <v>7</v>
      </c>
      <c r="T12" s="226">
        <v>26</v>
      </c>
      <c r="U12" s="230">
        <v>26</v>
      </c>
      <c r="V12" s="229">
        <v>0</v>
      </c>
      <c r="W12" s="223">
        <v>0</v>
      </c>
      <c r="X12" s="223">
        <v>0</v>
      </c>
      <c r="Y12" s="224">
        <v>0</v>
      </c>
      <c r="Z12" s="225">
        <v>0</v>
      </c>
      <c r="AA12" s="225">
        <v>0</v>
      </c>
      <c r="AB12" s="225">
        <v>0</v>
      </c>
      <c r="AC12" s="223">
        <v>0</v>
      </c>
      <c r="AD12" s="226">
        <v>0</v>
      </c>
      <c r="AE12" s="227">
        <v>0</v>
      </c>
      <c r="AF12" s="222">
        <v>0</v>
      </c>
      <c r="AG12" s="223">
        <v>0</v>
      </c>
      <c r="AH12" s="223">
        <v>0</v>
      </c>
      <c r="AI12" s="224">
        <v>0</v>
      </c>
      <c r="AJ12" s="225">
        <v>0</v>
      </c>
      <c r="AK12" s="225">
        <v>0</v>
      </c>
      <c r="AL12" s="225">
        <v>0</v>
      </c>
      <c r="AM12" s="223">
        <v>0</v>
      </c>
      <c r="AN12" s="226">
        <v>0</v>
      </c>
      <c r="AO12" s="228">
        <v>0</v>
      </c>
      <c r="AP12" s="37"/>
    </row>
    <row r="13" spans="1:42" ht="20.25" customHeight="1" x14ac:dyDescent="0.2">
      <c r="A13" s="63" t="s">
        <v>10</v>
      </c>
      <c r="B13" s="222">
        <v>0</v>
      </c>
      <c r="C13" s="223">
        <v>0</v>
      </c>
      <c r="D13" s="223">
        <v>0</v>
      </c>
      <c r="E13" s="224">
        <v>0</v>
      </c>
      <c r="F13" s="225">
        <v>2</v>
      </c>
      <c r="G13" s="225">
        <v>21</v>
      </c>
      <c r="H13" s="225">
        <v>17</v>
      </c>
      <c r="I13" s="223">
        <v>16</v>
      </c>
      <c r="J13" s="226">
        <v>56</v>
      </c>
      <c r="K13" s="227">
        <v>56</v>
      </c>
      <c r="L13" s="222">
        <v>0</v>
      </c>
      <c r="M13" s="223">
        <v>0</v>
      </c>
      <c r="N13" s="226">
        <v>0</v>
      </c>
      <c r="O13" s="229">
        <v>2</v>
      </c>
      <c r="P13" s="225">
        <v>5</v>
      </c>
      <c r="Q13" s="225">
        <v>11</v>
      </c>
      <c r="R13" s="225">
        <v>5</v>
      </c>
      <c r="S13" s="223">
        <v>2</v>
      </c>
      <c r="T13" s="226">
        <v>25</v>
      </c>
      <c r="U13" s="230">
        <v>25</v>
      </c>
      <c r="V13" s="229">
        <v>0</v>
      </c>
      <c r="W13" s="223">
        <v>0</v>
      </c>
      <c r="X13" s="223">
        <v>0</v>
      </c>
      <c r="Y13" s="224">
        <v>0</v>
      </c>
      <c r="Z13" s="225">
        <v>0</v>
      </c>
      <c r="AA13" s="225">
        <v>0</v>
      </c>
      <c r="AB13" s="225">
        <v>0</v>
      </c>
      <c r="AC13" s="223">
        <v>0</v>
      </c>
      <c r="AD13" s="226">
        <v>0</v>
      </c>
      <c r="AE13" s="227">
        <v>0</v>
      </c>
      <c r="AF13" s="222">
        <v>0</v>
      </c>
      <c r="AG13" s="223">
        <v>0</v>
      </c>
      <c r="AH13" s="223">
        <v>0</v>
      </c>
      <c r="AI13" s="224">
        <v>0</v>
      </c>
      <c r="AJ13" s="225">
        <v>0</v>
      </c>
      <c r="AK13" s="225">
        <v>0</v>
      </c>
      <c r="AL13" s="225">
        <v>0</v>
      </c>
      <c r="AM13" s="223">
        <v>2</v>
      </c>
      <c r="AN13" s="226">
        <v>2</v>
      </c>
      <c r="AO13" s="228">
        <v>2</v>
      </c>
      <c r="AP13" s="37"/>
    </row>
    <row r="14" spans="1:42" ht="20.25" customHeight="1" x14ac:dyDescent="0.2">
      <c r="A14" s="63" t="s">
        <v>11</v>
      </c>
      <c r="B14" s="222">
        <v>0</v>
      </c>
      <c r="C14" s="223">
        <v>0</v>
      </c>
      <c r="D14" s="223">
        <v>0</v>
      </c>
      <c r="E14" s="224">
        <v>0</v>
      </c>
      <c r="F14" s="225">
        <v>0</v>
      </c>
      <c r="G14" s="225">
        <v>2</v>
      </c>
      <c r="H14" s="225">
        <v>9</v>
      </c>
      <c r="I14" s="223">
        <v>4</v>
      </c>
      <c r="J14" s="226">
        <v>15</v>
      </c>
      <c r="K14" s="227">
        <v>15</v>
      </c>
      <c r="L14" s="222">
        <v>0</v>
      </c>
      <c r="M14" s="223">
        <v>0</v>
      </c>
      <c r="N14" s="226">
        <v>0</v>
      </c>
      <c r="O14" s="229">
        <v>3</v>
      </c>
      <c r="P14" s="225">
        <v>1</v>
      </c>
      <c r="Q14" s="225">
        <v>3</v>
      </c>
      <c r="R14" s="225">
        <v>4</v>
      </c>
      <c r="S14" s="223">
        <v>2</v>
      </c>
      <c r="T14" s="226">
        <v>13</v>
      </c>
      <c r="U14" s="230">
        <v>13</v>
      </c>
      <c r="V14" s="229">
        <v>0</v>
      </c>
      <c r="W14" s="223">
        <v>0</v>
      </c>
      <c r="X14" s="223">
        <v>0</v>
      </c>
      <c r="Y14" s="224">
        <v>0</v>
      </c>
      <c r="Z14" s="225">
        <v>0</v>
      </c>
      <c r="AA14" s="225">
        <v>0</v>
      </c>
      <c r="AB14" s="225">
        <v>0</v>
      </c>
      <c r="AC14" s="223">
        <v>0</v>
      </c>
      <c r="AD14" s="226">
        <v>0</v>
      </c>
      <c r="AE14" s="227">
        <v>0</v>
      </c>
      <c r="AF14" s="222">
        <v>0</v>
      </c>
      <c r="AG14" s="223">
        <v>0</v>
      </c>
      <c r="AH14" s="223">
        <v>0</v>
      </c>
      <c r="AI14" s="224">
        <v>0</v>
      </c>
      <c r="AJ14" s="225">
        <v>0</v>
      </c>
      <c r="AK14" s="225">
        <v>0</v>
      </c>
      <c r="AL14" s="225">
        <v>1</v>
      </c>
      <c r="AM14" s="223">
        <v>0</v>
      </c>
      <c r="AN14" s="226">
        <v>1</v>
      </c>
      <c r="AO14" s="228">
        <v>1</v>
      </c>
      <c r="AP14" s="37"/>
    </row>
    <row r="15" spans="1:42" ht="20.25" customHeight="1" x14ac:dyDescent="0.2">
      <c r="A15" s="63" t="s">
        <v>12</v>
      </c>
      <c r="B15" s="222">
        <v>0</v>
      </c>
      <c r="C15" s="223">
        <v>0</v>
      </c>
      <c r="D15" s="223">
        <v>0</v>
      </c>
      <c r="E15" s="224">
        <v>0</v>
      </c>
      <c r="F15" s="225">
        <v>1</v>
      </c>
      <c r="G15" s="225">
        <v>6</v>
      </c>
      <c r="H15" s="225">
        <v>10</v>
      </c>
      <c r="I15" s="223">
        <v>6</v>
      </c>
      <c r="J15" s="226">
        <v>23</v>
      </c>
      <c r="K15" s="227">
        <v>23</v>
      </c>
      <c r="L15" s="222">
        <v>0</v>
      </c>
      <c r="M15" s="223">
        <v>0</v>
      </c>
      <c r="N15" s="226">
        <v>0</v>
      </c>
      <c r="O15" s="229">
        <v>0</v>
      </c>
      <c r="P15" s="225">
        <v>3</v>
      </c>
      <c r="Q15" s="225">
        <v>4</v>
      </c>
      <c r="R15" s="225">
        <v>9</v>
      </c>
      <c r="S15" s="223">
        <v>1</v>
      </c>
      <c r="T15" s="226">
        <v>17</v>
      </c>
      <c r="U15" s="230">
        <v>17</v>
      </c>
      <c r="V15" s="229">
        <v>0</v>
      </c>
      <c r="W15" s="223">
        <v>0</v>
      </c>
      <c r="X15" s="223">
        <v>0</v>
      </c>
      <c r="Y15" s="224">
        <v>0</v>
      </c>
      <c r="Z15" s="225">
        <v>0</v>
      </c>
      <c r="AA15" s="225">
        <v>0</v>
      </c>
      <c r="AB15" s="225">
        <v>0</v>
      </c>
      <c r="AC15" s="223">
        <v>1</v>
      </c>
      <c r="AD15" s="226">
        <v>1</v>
      </c>
      <c r="AE15" s="227">
        <v>1</v>
      </c>
      <c r="AF15" s="222">
        <v>0</v>
      </c>
      <c r="AG15" s="223">
        <v>0</v>
      </c>
      <c r="AH15" s="223">
        <v>0</v>
      </c>
      <c r="AI15" s="224">
        <v>0</v>
      </c>
      <c r="AJ15" s="225">
        <v>0</v>
      </c>
      <c r="AK15" s="225">
        <v>0</v>
      </c>
      <c r="AL15" s="225">
        <v>0</v>
      </c>
      <c r="AM15" s="223">
        <v>0</v>
      </c>
      <c r="AN15" s="226">
        <v>0</v>
      </c>
      <c r="AO15" s="228">
        <v>0</v>
      </c>
      <c r="AP15" s="37"/>
    </row>
    <row r="16" spans="1:42" ht="20.25" customHeight="1" x14ac:dyDescent="0.2">
      <c r="A16" s="63" t="s">
        <v>13</v>
      </c>
      <c r="B16" s="222">
        <v>0</v>
      </c>
      <c r="C16" s="223">
        <v>0</v>
      </c>
      <c r="D16" s="223">
        <v>0</v>
      </c>
      <c r="E16" s="224">
        <v>0</v>
      </c>
      <c r="F16" s="225">
        <v>0</v>
      </c>
      <c r="G16" s="225">
        <v>3</v>
      </c>
      <c r="H16" s="225">
        <v>4</v>
      </c>
      <c r="I16" s="223">
        <v>6</v>
      </c>
      <c r="J16" s="226">
        <v>13</v>
      </c>
      <c r="K16" s="227">
        <v>13</v>
      </c>
      <c r="L16" s="222">
        <v>0</v>
      </c>
      <c r="M16" s="223">
        <v>0</v>
      </c>
      <c r="N16" s="226">
        <v>0</v>
      </c>
      <c r="O16" s="229">
        <v>0</v>
      </c>
      <c r="P16" s="225">
        <v>0</v>
      </c>
      <c r="Q16" s="225">
        <v>3</v>
      </c>
      <c r="R16" s="225">
        <v>1</v>
      </c>
      <c r="S16" s="223">
        <v>1</v>
      </c>
      <c r="T16" s="226">
        <v>5</v>
      </c>
      <c r="U16" s="230">
        <v>5</v>
      </c>
      <c r="V16" s="229">
        <v>0</v>
      </c>
      <c r="W16" s="223">
        <v>0</v>
      </c>
      <c r="X16" s="223">
        <v>0</v>
      </c>
      <c r="Y16" s="224">
        <v>0</v>
      </c>
      <c r="Z16" s="225">
        <v>0</v>
      </c>
      <c r="AA16" s="225">
        <v>0</v>
      </c>
      <c r="AB16" s="225">
        <v>0</v>
      </c>
      <c r="AC16" s="223">
        <v>0</v>
      </c>
      <c r="AD16" s="226">
        <v>0</v>
      </c>
      <c r="AE16" s="227">
        <v>0</v>
      </c>
      <c r="AF16" s="222">
        <v>0</v>
      </c>
      <c r="AG16" s="223">
        <v>0</v>
      </c>
      <c r="AH16" s="223">
        <v>0</v>
      </c>
      <c r="AI16" s="224">
        <v>0</v>
      </c>
      <c r="AJ16" s="225">
        <v>0</v>
      </c>
      <c r="AK16" s="225">
        <v>0</v>
      </c>
      <c r="AL16" s="225">
        <v>0</v>
      </c>
      <c r="AM16" s="223">
        <v>0</v>
      </c>
      <c r="AN16" s="226">
        <v>0</v>
      </c>
      <c r="AO16" s="228">
        <v>0</v>
      </c>
      <c r="AP16" s="37"/>
    </row>
    <row r="17" spans="1:42" ht="20.25" customHeight="1" x14ac:dyDescent="0.2">
      <c r="A17" s="63" t="s">
        <v>15</v>
      </c>
      <c r="B17" s="222">
        <v>0</v>
      </c>
      <c r="C17" s="223">
        <v>0</v>
      </c>
      <c r="D17" s="223">
        <v>0</v>
      </c>
      <c r="E17" s="224">
        <v>0</v>
      </c>
      <c r="F17" s="225">
        <v>0</v>
      </c>
      <c r="G17" s="225">
        <v>0</v>
      </c>
      <c r="H17" s="225">
        <v>1</v>
      </c>
      <c r="I17" s="223">
        <v>3</v>
      </c>
      <c r="J17" s="226">
        <v>4</v>
      </c>
      <c r="K17" s="227">
        <v>4</v>
      </c>
      <c r="L17" s="222">
        <v>0</v>
      </c>
      <c r="M17" s="223">
        <v>0</v>
      </c>
      <c r="N17" s="226">
        <v>0</v>
      </c>
      <c r="O17" s="229">
        <v>1</v>
      </c>
      <c r="P17" s="225">
        <v>0</v>
      </c>
      <c r="Q17" s="225">
        <v>1</v>
      </c>
      <c r="R17" s="225">
        <v>1</v>
      </c>
      <c r="S17" s="223">
        <v>0</v>
      </c>
      <c r="T17" s="226">
        <v>3</v>
      </c>
      <c r="U17" s="230">
        <v>3</v>
      </c>
      <c r="V17" s="229">
        <v>0</v>
      </c>
      <c r="W17" s="223">
        <v>0</v>
      </c>
      <c r="X17" s="223">
        <v>0</v>
      </c>
      <c r="Y17" s="224">
        <v>0</v>
      </c>
      <c r="Z17" s="225">
        <v>0</v>
      </c>
      <c r="AA17" s="225">
        <v>0</v>
      </c>
      <c r="AB17" s="225">
        <v>0</v>
      </c>
      <c r="AC17" s="223">
        <v>0</v>
      </c>
      <c r="AD17" s="226">
        <v>0</v>
      </c>
      <c r="AE17" s="227">
        <v>0</v>
      </c>
      <c r="AF17" s="222">
        <v>0</v>
      </c>
      <c r="AG17" s="223">
        <v>0</v>
      </c>
      <c r="AH17" s="223">
        <v>0</v>
      </c>
      <c r="AI17" s="224">
        <v>0</v>
      </c>
      <c r="AJ17" s="225">
        <v>0</v>
      </c>
      <c r="AK17" s="225">
        <v>0</v>
      </c>
      <c r="AL17" s="225">
        <v>0</v>
      </c>
      <c r="AM17" s="223">
        <v>0</v>
      </c>
      <c r="AN17" s="226">
        <v>0</v>
      </c>
      <c r="AO17" s="228">
        <v>0</v>
      </c>
      <c r="AP17" s="37"/>
    </row>
    <row r="18" spans="1:42" ht="20.25" customHeight="1" x14ac:dyDescent="0.2">
      <c r="A18" s="63" t="s">
        <v>16</v>
      </c>
      <c r="B18" s="222">
        <v>0</v>
      </c>
      <c r="C18" s="223">
        <v>0</v>
      </c>
      <c r="D18" s="223">
        <v>0</v>
      </c>
      <c r="E18" s="224">
        <v>0</v>
      </c>
      <c r="F18" s="225">
        <v>0</v>
      </c>
      <c r="G18" s="225">
        <v>8</v>
      </c>
      <c r="H18" s="225">
        <v>3</v>
      </c>
      <c r="I18" s="223">
        <v>0</v>
      </c>
      <c r="J18" s="226">
        <v>11</v>
      </c>
      <c r="K18" s="227">
        <v>11</v>
      </c>
      <c r="L18" s="222">
        <v>0</v>
      </c>
      <c r="M18" s="223">
        <v>0</v>
      </c>
      <c r="N18" s="226">
        <v>0</v>
      </c>
      <c r="O18" s="229">
        <v>2</v>
      </c>
      <c r="P18" s="225">
        <v>4</v>
      </c>
      <c r="Q18" s="225">
        <v>4</v>
      </c>
      <c r="R18" s="225">
        <v>5</v>
      </c>
      <c r="S18" s="223">
        <v>4</v>
      </c>
      <c r="T18" s="226">
        <v>19</v>
      </c>
      <c r="U18" s="230">
        <v>19</v>
      </c>
      <c r="V18" s="229">
        <v>0</v>
      </c>
      <c r="W18" s="223">
        <v>0</v>
      </c>
      <c r="X18" s="223">
        <v>0</v>
      </c>
      <c r="Y18" s="224">
        <v>0</v>
      </c>
      <c r="Z18" s="225">
        <v>0</v>
      </c>
      <c r="AA18" s="225">
        <v>0</v>
      </c>
      <c r="AB18" s="225">
        <v>0</v>
      </c>
      <c r="AC18" s="223">
        <v>0</v>
      </c>
      <c r="AD18" s="226">
        <v>0</v>
      </c>
      <c r="AE18" s="227">
        <v>0</v>
      </c>
      <c r="AF18" s="222">
        <v>0</v>
      </c>
      <c r="AG18" s="223">
        <v>0</v>
      </c>
      <c r="AH18" s="223">
        <v>0</v>
      </c>
      <c r="AI18" s="224">
        <v>0</v>
      </c>
      <c r="AJ18" s="225">
        <v>0</v>
      </c>
      <c r="AK18" s="225">
        <v>0</v>
      </c>
      <c r="AL18" s="225">
        <v>1</v>
      </c>
      <c r="AM18" s="223">
        <v>0</v>
      </c>
      <c r="AN18" s="226">
        <v>1</v>
      </c>
      <c r="AO18" s="228">
        <v>1</v>
      </c>
      <c r="AP18" s="37"/>
    </row>
    <row r="19" spans="1:42" ht="20.25" customHeight="1" x14ac:dyDescent="0.2">
      <c r="A19" s="63" t="s">
        <v>17</v>
      </c>
      <c r="B19" s="222">
        <v>0</v>
      </c>
      <c r="C19" s="223">
        <v>0</v>
      </c>
      <c r="D19" s="223">
        <v>0</v>
      </c>
      <c r="E19" s="224">
        <v>1</v>
      </c>
      <c r="F19" s="225">
        <v>2</v>
      </c>
      <c r="G19" s="225">
        <v>6</v>
      </c>
      <c r="H19" s="225">
        <v>6</v>
      </c>
      <c r="I19" s="223">
        <v>6</v>
      </c>
      <c r="J19" s="226">
        <v>21</v>
      </c>
      <c r="K19" s="227">
        <v>21</v>
      </c>
      <c r="L19" s="222">
        <v>0</v>
      </c>
      <c r="M19" s="223">
        <v>0</v>
      </c>
      <c r="N19" s="226">
        <v>0</v>
      </c>
      <c r="O19" s="229">
        <v>0</v>
      </c>
      <c r="P19" s="225">
        <v>4</v>
      </c>
      <c r="Q19" s="225">
        <v>11</v>
      </c>
      <c r="R19" s="225">
        <v>8</v>
      </c>
      <c r="S19" s="223">
        <v>1</v>
      </c>
      <c r="T19" s="226">
        <v>24</v>
      </c>
      <c r="U19" s="230">
        <v>24</v>
      </c>
      <c r="V19" s="229">
        <v>0</v>
      </c>
      <c r="W19" s="223">
        <v>0</v>
      </c>
      <c r="X19" s="223">
        <v>0</v>
      </c>
      <c r="Y19" s="224">
        <v>0</v>
      </c>
      <c r="Z19" s="225">
        <v>0</v>
      </c>
      <c r="AA19" s="225">
        <v>0</v>
      </c>
      <c r="AB19" s="225">
        <v>0</v>
      </c>
      <c r="AC19" s="223">
        <v>1</v>
      </c>
      <c r="AD19" s="226">
        <v>1</v>
      </c>
      <c r="AE19" s="227">
        <v>1</v>
      </c>
      <c r="AF19" s="222">
        <v>0</v>
      </c>
      <c r="AG19" s="223">
        <v>0</v>
      </c>
      <c r="AH19" s="223">
        <v>0</v>
      </c>
      <c r="AI19" s="224">
        <v>0</v>
      </c>
      <c r="AJ19" s="225">
        <v>0</v>
      </c>
      <c r="AK19" s="225">
        <v>0</v>
      </c>
      <c r="AL19" s="225">
        <v>0</v>
      </c>
      <c r="AM19" s="223">
        <v>0</v>
      </c>
      <c r="AN19" s="226">
        <v>0</v>
      </c>
      <c r="AO19" s="228">
        <v>0</v>
      </c>
      <c r="AP19" s="37"/>
    </row>
    <row r="20" spans="1:42" ht="20.25" customHeight="1" x14ac:dyDescent="0.2">
      <c r="A20" s="63" t="s">
        <v>18</v>
      </c>
      <c r="B20" s="222">
        <v>0</v>
      </c>
      <c r="C20" s="223">
        <v>0</v>
      </c>
      <c r="D20" s="223">
        <v>0</v>
      </c>
      <c r="E20" s="224">
        <v>0</v>
      </c>
      <c r="F20" s="225">
        <v>0</v>
      </c>
      <c r="G20" s="225">
        <v>6</v>
      </c>
      <c r="H20" s="225">
        <v>18</v>
      </c>
      <c r="I20" s="223">
        <v>3</v>
      </c>
      <c r="J20" s="226">
        <v>27</v>
      </c>
      <c r="K20" s="227">
        <v>27</v>
      </c>
      <c r="L20" s="222">
        <v>0</v>
      </c>
      <c r="M20" s="223">
        <v>0</v>
      </c>
      <c r="N20" s="226">
        <v>0</v>
      </c>
      <c r="O20" s="229">
        <v>4</v>
      </c>
      <c r="P20" s="225">
        <v>2</v>
      </c>
      <c r="Q20" s="225">
        <v>6</v>
      </c>
      <c r="R20" s="225">
        <v>5</v>
      </c>
      <c r="S20" s="223">
        <v>5</v>
      </c>
      <c r="T20" s="226">
        <v>22</v>
      </c>
      <c r="U20" s="230">
        <v>22</v>
      </c>
      <c r="V20" s="229">
        <v>0</v>
      </c>
      <c r="W20" s="223">
        <v>0</v>
      </c>
      <c r="X20" s="223">
        <v>0</v>
      </c>
      <c r="Y20" s="224">
        <v>0</v>
      </c>
      <c r="Z20" s="225">
        <v>0</v>
      </c>
      <c r="AA20" s="225">
        <v>0</v>
      </c>
      <c r="AB20" s="225">
        <v>0</v>
      </c>
      <c r="AC20" s="223">
        <v>1</v>
      </c>
      <c r="AD20" s="226">
        <v>1</v>
      </c>
      <c r="AE20" s="227">
        <v>1</v>
      </c>
      <c r="AF20" s="222">
        <v>0</v>
      </c>
      <c r="AG20" s="223">
        <v>0</v>
      </c>
      <c r="AH20" s="223">
        <v>0</v>
      </c>
      <c r="AI20" s="224">
        <v>0</v>
      </c>
      <c r="AJ20" s="225">
        <v>0</v>
      </c>
      <c r="AK20" s="225">
        <v>0</v>
      </c>
      <c r="AL20" s="225">
        <v>0</v>
      </c>
      <c r="AM20" s="223">
        <v>0</v>
      </c>
      <c r="AN20" s="226">
        <v>0</v>
      </c>
      <c r="AO20" s="228">
        <v>0</v>
      </c>
      <c r="AP20" s="37"/>
    </row>
    <row r="21" spans="1:42" ht="20.25" customHeight="1" x14ac:dyDescent="0.2">
      <c r="A21" s="63" t="s">
        <v>19</v>
      </c>
      <c r="B21" s="222">
        <v>0</v>
      </c>
      <c r="C21" s="223">
        <v>0</v>
      </c>
      <c r="D21" s="223">
        <v>0</v>
      </c>
      <c r="E21" s="224">
        <v>0</v>
      </c>
      <c r="F21" s="225">
        <v>0</v>
      </c>
      <c r="G21" s="225">
        <v>3</v>
      </c>
      <c r="H21" s="225">
        <v>4</v>
      </c>
      <c r="I21" s="223">
        <v>3</v>
      </c>
      <c r="J21" s="226">
        <v>10</v>
      </c>
      <c r="K21" s="227">
        <v>10</v>
      </c>
      <c r="L21" s="222">
        <v>0</v>
      </c>
      <c r="M21" s="223">
        <v>0</v>
      </c>
      <c r="N21" s="226">
        <v>0</v>
      </c>
      <c r="O21" s="229">
        <v>1</v>
      </c>
      <c r="P21" s="225">
        <v>3</v>
      </c>
      <c r="Q21" s="225">
        <v>5</v>
      </c>
      <c r="R21" s="225">
        <v>0</v>
      </c>
      <c r="S21" s="223">
        <v>1</v>
      </c>
      <c r="T21" s="226">
        <v>10</v>
      </c>
      <c r="U21" s="230">
        <v>10</v>
      </c>
      <c r="V21" s="229">
        <v>0</v>
      </c>
      <c r="W21" s="223">
        <v>0</v>
      </c>
      <c r="X21" s="223">
        <v>0</v>
      </c>
      <c r="Y21" s="224">
        <v>0</v>
      </c>
      <c r="Z21" s="225">
        <v>0</v>
      </c>
      <c r="AA21" s="225">
        <v>0</v>
      </c>
      <c r="AB21" s="225">
        <v>0</v>
      </c>
      <c r="AC21" s="223">
        <v>0</v>
      </c>
      <c r="AD21" s="226">
        <v>0</v>
      </c>
      <c r="AE21" s="227">
        <v>0</v>
      </c>
      <c r="AF21" s="222">
        <v>0</v>
      </c>
      <c r="AG21" s="223">
        <v>0</v>
      </c>
      <c r="AH21" s="223">
        <v>0</v>
      </c>
      <c r="AI21" s="224">
        <v>0</v>
      </c>
      <c r="AJ21" s="225">
        <v>0</v>
      </c>
      <c r="AK21" s="225">
        <v>0</v>
      </c>
      <c r="AL21" s="225">
        <v>0</v>
      </c>
      <c r="AM21" s="223">
        <v>0</v>
      </c>
      <c r="AN21" s="226">
        <v>0</v>
      </c>
      <c r="AO21" s="228">
        <v>0</v>
      </c>
      <c r="AP21" s="37"/>
    </row>
    <row r="22" spans="1:42" ht="20.25" customHeight="1" x14ac:dyDescent="0.2">
      <c r="A22" s="63" t="s">
        <v>20</v>
      </c>
      <c r="B22" s="222">
        <v>0</v>
      </c>
      <c r="C22" s="223">
        <v>0</v>
      </c>
      <c r="D22" s="223">
        <v>0</v>
      </c>
      <c r="E22" s="224">
        <v>0</v>
      </c>
      <c r="F22" s="225">
        <v>1</v>
      </c>
      <c r="G22" s="225">
        <v>4</v>
      </c>
      <c r="H22" s="225">
        <v>7</v>
      </c>
      <c r="I22" s="223">
        <v>2</v>
      </c>
      <c r="J22" s="226">
        <v>14</v>
      </c>
      <c r="K22" s="227">
        <v>14</v>
      </c>
      <c r="L22" s="222">
        <v>0</v>
      </c>
      <c r="M22" s="223">
        <v>0</v>
      </c>
      <c r="N22" s="226">
        <v>0</v>
      </c>
      <c r="O22" s="229">
        <v>1</v>
      </c>
      <c r="P22" s="225">
        <v>1</v>
      </c>
      <c r="Q22" s="225">
        <v>4</v>
      </c>
      <c r="R22" s="225">
        <v>1</v>
      </c>
      <c r="S22" s="223">
        <v>0</v>
      </c>
      <c r="T22" s="226">
        <v>7</v>
      </c>
      <c r="U22" s="230">
        <v>7</v>
      </c>
      <c r="V22" s="229">
        <v>0</v>
      </c>
      <c r="W22" s="223">
        <v>0</v>
      </c>
      <c r="X22" s="223">
        <v>0</v>
      </c>
      <c r="Y22" s="224">
        <v>0</v>
      </c>
      <c r="Z22" s="225">
        <v>0</v>
      </c>
      <c r="AA22" s="225">
        <v>0</v>
      </c>
      <c r="AB22" s="225">
        <v>0</v>
      </c>
      <c r="AC22" s="223">
        <v>0</v>
      </c>
      <c r="AD22" s="226">
        <v>0</v>
      </c>
      <c r="AE22" s="227">
        <v>0</v>
      </c>
      <c r="AF22" s="222">
        <v>0</v>
      </c>
      <c r="AG22" s="223">
        <v>0</v>
      </c>
      <c r="AH22" s="223">
        <v>0</v>
      </c>
      <c r="AI22" s="224">
        <v>0</v>
      </c>
      <c r="AJ22" s="225">
        <v>0</v>
      </c>
      <c r="AK22" s="225">
        <v>0</v>
      </c>
      <c r="AL22" s="225">
        <v>0</v>
      </c>
      <c r="AM22" s="223">
        <v>0</v>
      </c>
      <c r="AN22" s="226">
        <v>0</v>
      </c>
      <c r="AO22" s="228">
        <v>0</v>
      </c>
      <c r="AP22" s="37"/>
    </row>
    <row r="23" spans="1:42" ht="20.25" customHeight="1" x14ac:dyDescent="0.2">
      <c r="A23" s="63" t="s">
        <v>21</v>
      </c>
      <c r="B23" s="222">
        <v>0</v>
      </c>
      <c r="C23" s="223">
        <v>0</v>
      </c>
      <c r="D23" s="223">
        <v>0</v>
      </c>
      <c r="E23" s="224">
        <v>0</v>
      </c>
      <c r="F23" s="225">
        <v>0</v>
      </c>
      <c r="G23" s="225">
        <v>2</v>
      </c>
      <c r="H23" s="225">
        <v>5</v>
      </c>
      <c r="I23" s="223">
        <v>2</v>
      </c>
      <c r="J23" s="226">
        <v>9</v>
      </c>
      <c r="K23" s="227">
        <v>9</v>
      </c>
      <c r="L23" s="222">
        <v>0</v>
      </c>
      <c r="M23" s="223">
        <v>0</v>
      </c>
      <c r="N23" s="226">
        <v>0</v>
      </c>
      <c r="O23" s="229">
        <v>0</v>
      </c>
      <c r="P23" s="225">
        <v>2</v>
      </c>
      <c r="Q23" s="225">
        <v>2</v>
      </c>
      <c r="R23" s="225">
        <v>4</v>
      </c>
      <c r="S23" s="223">
        <v>2</v>
      </c>
      <c r="T23" s="226">
        <v>10</v>
      </c>
      <c r="U23" s="230">
        <v>10</v>
      </c>
      <c r="V23" s="229">
        <v>0</v>
      </c>
      <c r="W23" s="223">
        <v>0</v>
      </c>
      <c r="X23" s="223">
        <v>0</v>
      </c>
      <c r="Y23" s="224">
        <v>0</v>
      </c>
      <c r="Z23" s="225">
        <v>0</v>
      </c>
      <c r="AA23" s="225">
        <v>0</v>
      </c>
      <c r="AB23" s="225">
        <v>0</v>
      </c>
      <c r="AC23" s="223">
        <v>0</v>
      </c>
      <c r="AD23" s="226">
        <v>0</v>
      </c>
      <c r="AE23" s="227">
        <v>0</v>
      </c>
      <c r="AF23" s="222">
        <v>0</v>
      </c>
      <c r="AG23" s="223">
        <v>0</v>
      </c>
      <c r="AH23" s="223">
        <v>0</v>
      </c>
      <c r="AI23" s="224">
        <v>0</v>
      </c>
      <c r="AJ23" s="225">
        <v>0</v>
      </c>
      <c r="AK23" s="225">
        <v>0</v>
      </c>
      <c r="AL23" s="225">
        <v>0</v>
      </c>
      <c r="AM23" s="223">
        <v>0</v>
      </c>
      <c r="AN23" s="226">
        <v>0</v>
      </c>
      <c r="AO23" s="228">
        <v>0</v>
      </c>
      <c r="AP23" s="37"/>
    </row>
    <row r="24" spans="1:42" ht="20.25" customHeight="1" x14ac:dyDescent="0.2">
      <c r="A24" s="63" t="s">
        <v>22</v>
      </c>
      <c r="B24" s="222">
        <v>0</v>
      </c>
      <c r="C24" s="223">
        <v>0</v>
      </c>
      <c r="D24" s="223">
        <v>0</v>
      </c>
      <c r="E24" s="224">
        <v>0</v>
      </c>
      <c r="F24" s="225">
        <v>0</v>
      </c>
      <c r="G24" s="225">
        <v>0</v>
      </c>
      <c r="H24" s="225">
        <v>0</v>
      </c>
      <c r="I24" s="223">
        <v>0</v>
      </c>
      <c r="J24" s="226">
        <v>0</v>
      </c>
      <c r="K24" s="227">
        <v>0</v>
      </c>
      <c r="L24" s="222">
        <v>0</v>
      </c>
      <c r="M24" s="223">
        <v>0</v>
      </c>
      <c r="N24" s="226">
        <v>0</v>
      </c>
      <c r="O24" s="229">
        <v>1</v>
      </c>
      <c r="P24" s="225">
        <v>1</v>
      </c>
      <c r="Q24" s="225">
        <v>2</v>
      </c>
      <c r="R24" s="225">
        <v>0</v>
      </c>
      <c r="S24" s="223">
        <v>0</v>
      </c>
      <c r="T24" s="226">
        <v>4</v>
      </c>
      <c r="U24" s="230">
        <v>4</v>
      </c>
      <c r="V24" s="229">
        <v>0</v>
      </c>
      <c r="W24" s="223">
        <v>0</v>
      </c>
      <c r="X24" s="223">
        <v>0</v>
      </c>
      <c r="Y24" s="224">
        <v>0</v>
      </c>
      <c r="Z24" s="225">
        <v>0</v>
      </c>
      <c r="AA24" s="225">
        <v>0</v>
      </c>
      <c r="AB24" s="225">
        <v>0</v>
      </c>
      <c r="AC24" s="223">
        <v>0</v>
      </c>
      <c r="AD24" s="226">
        <v>0</v>
      </c>
      <c r="AE24" s="227">
        <v>0</v>
      </c>
      <c r="AF24" s="222">
        <v>0</v>
      </c>
      <c r="AG24" s="223">
        <v>0</v>
      </c>
      <c r="AH24" s="223">
        <v>0</v>
      </c>
      <c r="AI24" s="224">
        <v>0</v>
      </c>
      <c r="AJ24" s="225">
        <v>0</v>
      </c>
      <c r="AK24" s="225">
        <v>0</v>
      </c>
      <c r="AL24" s="225">
        <v>0</v>
      </c>
      <c r="AM24" s="223">
        <v>0</v>
      </c>
      <c r="AN24" s="226">
        <v>0</v>
      </c>
      <c r="AO24" s="228">
        <v>0</v>
      </c>
      <c r="AP24" s="37"/>
    </row>
    <row r="25" spans="1:42" ht="20.25" customHeight="1" x14ac:dyDescent="0.2">
      <c r="A25" s="63" t="s">
        <v>23</v>
      </c>
      <c r="B25" s="222">
        <v>0</v>
      </c>
      <c r="C25" s="223">
        <v>0</v>
      </c>
      <c r="D25" s="223">
        <v>0</v>
      </c>
      <c r="E25" s="224">
        <v>0</v>
      </c>
      <c r="F25" s="225">
        <v>0</v>
      </c>
      <c r="G25" s="225">
        <v>2</v>
      </c>
      <c r="H25" s="225">
        <v>6</v>
      </c>
      <c r="I25" s="223">
        <v>1</v>
      </c>
      <c r="J25" s="226">
        <v>9</v>
      </c>
      <c r="K25" s="227">
        <v>9</v>
      </c>
      <c r="L25" s="222">
        <v>0</v>
      </c>
      <c r="M25" s="223">
        <v>0</v>
      </c>
      <c r="N25" s="226">
        <v>0</v>
      </c>
      <c r="O25" s="229">
        <v>0</v>
      </c>
      <c r="P25" s="225">
        <v>1</v>
      </c>
      <c r="Q25" s="225">
        <v>2</v>
      </c>
      <c r="R25" s="225">
        <v>2</v>
      </c>
      <c r="S25" s="223">
        <v>3</v>
      </c>
      <c r="T25" s="226">
        <v>8</v>
      </c>
      <c r="U25" s="230">
        <v>8</v>
      </c>
      <c r="V25" s="229">
        <v>0</v>
      </c>
      <c r="W25" s="223">
        <v>0</v>
      </c>
      <c r="X25" s="223">
        <v>0</v>
      </c>
      <c r="Y25" s="224">
        <v>0</v>
      </c>
      <c r="Z25" s="225">
        <v>0</v>
      </c>
      <c r="AA25" s="225">
        <v>0</v>
      </c>
      <c r="AB25" s="225">
        <v>0</v>
      </c>
      <c r="AC25" s="223">
        <v>1</v>
      </c>
      <c r="AD25" s="226">
        <v>1</v>
      </c>
      <c r="AE25" s="227">
        <v>1</v>
      </c>
      <c r="AF25" s="222">
        <v>0</v>
      </c>
      <c r="AG25" s="223">
        <v>0</v>
      </c>
      <c r="AH25" s="223">
        <v>0</v>
      </c>
      <c r="AI25" s="224">
        <v>0</v>
      </c>
      <c r="AJ25" s="225">
        <v>0</v>
      </c>
      <c r="AK25" s="225">
        <v>0</v>
      </c>
      <c r="AL25" s="225">
        <v>0</v>
      </c>
      <c r="AM25" s="223">
        <v>0</v>
      </c>
      <c r="AN25" s="226">
        <v>0</v>
      </c>
      <c r="AO25" s="228">
        <v>0</v>
      </c>
      <c r="AP25" s="37"/>
    </row>
    <row r="26" spans="1:42" ht="20.25" customHeight="1" x14ac:dyDescent="0.2">
      <c r="A26" s="63" t="s">
        <v>24</v>
      </c>
      <c r="B26" s="222">
        <v>0</v>
      </c>
      <c r="C26" s="223">
        <v>0</v>
      </c>
      <c r="D26" s="223">
        <v>0</v>
      </c>
      <c r="E26" s="224">
        <v>0</v>
      </c>
      <c r="F26" s="225">
        <v>0</v>
      </c>
      <c r="G26" s="225">
        <v>1</v>
      </c>
      <c r="H26" s="225">
        <v>2</v>
      </c>
      <c r="I26" s="223">
        <v>0</v>
      </c>
      <c r="J26" s="226">
        <v>3</v>
      </c>
      <c r="K26" s="227">
        <v>3</v>
      </c>
      <c r="L26" s="222">
        <v>0</v>
      </c>
      <c r="M26" s="223">
        <v>0</v>
      </c>
      <c r="N26" s="226">
        <v>0</v>
      </c>
      <c r="O26" s="229">
        <v>1</v>
      </c>
      <c r="P26" s="225">
        <v>0</v>
      </c>
      <c r="Q26" s="225">
        <v>0</v>
      </c>
      <c r="R26" s="225">
        <v>2</v>
      </c>
      <c r="S26" s="223">
        <v>0</v>
      </c>
      <c r="T26" s="226">
        <v>3</v>
      </c>
      <c r="U26" s="230">
        <v>3</v>
      </c>
      <c r="V26" s="229">
        <v>0</v>
      </c>
      <c r="W26" s="223">
        <v>0</v>
      </c>
      <c r="X26" s="223">
        <v>0</v>
      </c>
      <c r="Y26" s="224">
        <v>0</v>
      </c>
      <c r="Z26" s="225">
        <v>0</v>
      </c>
      <c r="AA26" s="225">
        <v>0</v>
      </c>
      <c r="AB26" s="225">
        <v>0</v>
      </c>
      <c r="AC26" s="223">
        <v>0</v>
      </c>
      <c r="AD26" s="226">
        <v>0</v>
      </c>
      <c r="AE26" s="227">
        <v>0</v>
      </c>
      <c r="AF26" s="222">
        <v>0</v>
      </c>
      <c r="AG26" s="223">
        <v>0</v>
      </c>
      <c r="AH26" s="223">
        <v>0</v>
      </c>
      <c r="AI26" s="224">
        <v>0</v>
      </c>
      <c r="AJ26" s="225">
        <v>0</v>
      </c>
      <c r="AK26" s="225">
        <v>0</v>
      </c>
      <c r="AL26" s="225">
        <v>0</v>
      </c>
      <c r="AM26" s="223">
        <v>0</v>
      </c>
      <c r="AN26" s="226">
        <v>0</v>
      </c>
      <c r="AO26" s="228">
        <v>0</v>
      </c>
      <c r="AP26" s="37"/>
    </row>
    <row r="27" spans="1:42" ht="20.25" customHeight="1" x14ac:dyDescent="0.2">
      <c r="A27" s="63" t="s">
        <v>25</v>
      </c>
      <c r="B27" s="222">
        <v>0</v>
      </c>
      <c r="C27" s="223">
        <v>0</v>
      </c>
      <c r="D27" s="223">
        <v>0</v>
      </c>
      <c r="E27" s="224">
        <v>0</v>
      </c>
      <c r="F27" s="225">
        <v>0</v>
      </c>
      <c r="G27" s="225">
        <v>1</v>
      </c>
      <c r="H27" s="225">
        <v>1</v>
      </c>
      <c r="I27" s="223">
        <v>2</v>
      </c>
      <c r="J27" s="226">
        <v>4</v>
      </c>
      <c r="K27" s="227">
        <v>4</v>
      </c>
      <c r="L27" s="222">
        <v>0</v>
      </c>
      <c r="M27" s="223">
        <v>0</v>
      </c>
      <c r="N27" s="226">
        <v>0</v>
      </c>
      <c r="O27" s="229">
        <v>0</v>
      </c>
      <c r="P27" s="225">
        <v>0</v>
      </c>
      <c r="Q27" s="225">
        <v>0</v>
      </c>
      <c r="R27" s="225">
        <v>1</v>
      </c>
      <c r="S27" s="223">
        <v>0</v>
      </c>
      <c r="T27" s="226">
        <v>1</v>
      </c>
      <c r="U27" s="230">
        <v>1</v>
      </c>
      <c r="V27" s="229">
        <v>0</v>
      </c>
      <c r="W27" s="223">
        <v>0</v>
      </c>
      <c r="X27" s="223">
        <v>0</v>
      </c>
      <c r="Y27" s="224">
        <v>0</v>
      </c>
      <c r="Z27" s="225">
        <v>0</v>
      </c>
      <c r="AA27" s="225">
        <v>0</v>
      </c>
      <c r="AB27" s="225">
        <v>0</v>
      </c>
      <c r="AC27" s="223">
        <v>0</v>
      </c>
      <c r="AD27" s="226">
        <v>0</v>
      </c>
      <c r="AE27" s="227">
        <v>0</v>
      </c>
      <c r="AF27" s="222">
        <v>0</v>
      </c>
      <c r="AG27" s="223">
        <v>0</v>
      </c>
      <c r="AH27" s="223">
        <v>0</v>
      </c>
      <c r="AI27" s="224">
        <v>0</v>
      </c>
      <c r="AJ27" s="225">
        <v>0</v>
      </c>
      <c r="AK27" s="225">
        <v>0</v>
      </c>
      <c r="AL27" s="225">
        <v>0</v>
      </c>
      <c r="AM27" s="223">
        <v>0</v>
      </c>
      <c r="AN27" s="226">
        <v>0</v>
      </c>
      <c r="AO27" s="228">
        <v>0</v>
      </c>
      <c r="AP27" s="37"/>
    </row>
    <row r="28" spans="1:42" ht="20.25" customHeight="1" x14ac:dyDescent="0.2">
      <c r="A28" s="63" t="s">
        <v>26</v>
      </c>
      <c r="B28" s="222">
        <v>0</v>
      </c>
      <c r="C28" s="223">
        <v>0</v>
      </c>
      <c r="D28" s="223">
        <v>0</v>
      </c>
      <c r="E28" s="224">
        <v>0</v>
      </c>
      <c r="F28" s="225">
        <v>0</v>
      </c>
      <c r="G28" s="225">
        <v>0</v>
      </c>
      <c r="H28" s="225">
        <v>2</v>
      </c>
      <c r="I28" s="223">
        <v>1</v>
      </c>
      <c r="J28" s="226">
        <v>3</v>
      </c>
      <c r="K28" s="227">
        <v>3</v>
      </c>
      <c r="L28" s="222">
        <v>0</v>
      </c>
      <c r="M28" s="223">
        <v>0</v>
      </c>
      <c r="N28" s="226">
        <v>0</v>
      </c>
      <c r="O28" s="229">
        <v>1</v>
      </c>
      <c r="P28" s="225">
        <v>0</v>
      </c>
      <c r="Q28" s="225">
        <v>1</v>
      </c>
      <c r="R28" s="225">
        <v>0</v>
      </c>
      <c r="S28" s="223">
        <v>0</v>
      </c>
      <c r="T28" s="226">
        <v>2</v>
      </c>
      <c r="U28" s="230">
        <v>2</v>
      </c>
      <c r="V28" s="229">
        <v>0</v>
      </c>
      <c r="W28" s="223">
        <v>0</v>
      </c>
      <c r="X28" s="223">
        <v>0</v>
      </c>
      <c r="Y28" s="224">
        <v>0</v>
      </c>
      <c r="Z28" s="225">
        <v>0</v>
      </c>
      <c r="AA28" s="225">
        <v>0</v>
      </c>
      <c r="AB28" s="225">
        <v>0</v>
      </c>
      <c r="AC28" s="223">
        <v>0</v>
      </c>
      <c r="AD28" s="226">
        <v>0</v>
      </c>
      <c r="AE28" s="227">
        <v>0</v>
      </c>
      <c r="AF28" s="222">
        <v>0</v>
      </c>
      <c r="AG28" s="223">
        <v>0</v>
      </c>
      <c r="AH28" s="223">
        <v>0</v>
      </c>
      <c r="AI28" s="224">
        <v>0</v>
      </c>
      <c r="AJ28" s="225">
        <v>0</v>
      </c>
      <c r="AK28" s="225">
        <v>0</v>
      </c>
      <c r="AL28" s="225">
        <v>0</v>
      </c>
      <c r="AM28" s="223">
        <v>0</v>
      </c>
      <c r="AN28" s="226">
        <v>0</v>
      </c>
      <c r="AO28" s="228">
        <v>0</v>
      </c>
      <c r="AP28" s="37"/>
    </row>
    <row r="29" spans="1:42" ht="20.25" customHeight="1" x14ac:dyDescent="0.2">
      <c r="A29" s="63" t="s">
        <v>27</v>
      </c>
      <c r="B29" s="222">
        <v>0</v>
      </c>
      <c r="C29" s="223">
        <v>0</v>
      </c>
      <c r="D29" s="223">
        <v>0</v>
      </c>
      <c r="E29" s="224">
        <v>0</v>
      </c>
      <c r="F29" s="225">
        <v>0</v>
      </c>
      <c r="G29" s="225">
        <v>2</v>
      </c>
      <c r="H29" s="225">
        <v>1</v>
      </c>
      <c r="I29" s="223">
        <v>0</v>
      </c>
      <c r="J29" s="226">
        <v>3</v>
      </c>
      <c r="K29" s="227">
        <v>3</v>
      </c>
      <c r="L29" s="222">
        <v>0</v>
      </c>
      <c r="M29" s="223">
        <v>0</v>
      </c>
      <c r="N29" s="226">
        <v>0</v>
      </c>
      <c r="O29" s="229">
        <v>0</v>
      </c>
      <c r="P29" s="225">
        <v>0</v>
      </c>
      <c r="Q29" s="225">
        <v>1</v>
      </c>
      <c r="R29" s="225">
        <v>1</v>
      </c>
      <c r="S29" s="223">
        <v>0</v>
      </c>
      <c r="T29" s="226">
        <v>2</v>
      </c>
      <c r="U29" s="230">
        <v>2</v>
      </c>
      <c r="V29" s="229">
        <v>0</v>
      </c>
      <c r="W29" s="223">
        <v>0</v>
      </c>
      <c r="X29" s="223">
        <v>0</v>
      </c>
      <c r="Y29" s="224">
        <v>0</v>
      </c>
      <c r="Z29" s="225">
        <v>0</v>
      </c>
      <c r="AA29" s="225">
        <v>0</v>
      </c>
      <c r="AB29" s="225">
        <v>0</v>
      </c>
      <c r="AC29" s="223">
        <v>0</v>
      </c>
      <c r="AD29" s="226">
        <v>0</v>
      </c>
      <c r="AE29" s="227">
        <v>0</v>
      </c>
      <c r="AF29" s="222">
        <v>0</v>
      </c>
      <c r="AG29" s="223">
        <v>0</v>
      </c>
      <c r="AH29" s="223">
        <v>0</v>
      </c>
      <c r="AI29" s="224">
        <v>0</v>
      </c>
      <c r="AJ29" s="225">
        <v>0</v>
      </c>
      <c r="AK29" s="225">
        <v>0</v>
      </c>
      <c r="AL29" s="225">
        <v>0</v>
      </c>
      <c r="AM29" s="223">
        <v>0</v>
      </c>
      <c r="AN29" s="226">
        <v>0</v>
      </c>
      <c r="AO29" s="228">
        <v>0</v>
      </c>
      <c r="AP29" s="37"/>
    </row>
    <row r="30" spans="1:42" ht="20.25" customHeight="1" x14ac:dyDescent="0.2">
      <c r="A30" s="63" t="s">
        <v>28</v>
      </c>
      <c r="B30" s="222">
        <v>0</v>
      </c>
      <c r="C30" s="223">
        <v>0</v>
      </c>
      <c r="D30" s="223">
        <v>0</v>
      </c>
      <c r="E30" s="224">
        <v>0</v>
      </c>
      <c r="F30" s="225">
        <v>0</v>
      </c>
      <c r="G30" s="225">
        <v>0</v>
      </c>
      <c r="H30" s="225">
        <v>2</v>
      </c>
      <c r="I30" s="223">
        <v>0</v>
      </c>
      <c r="J30" s="226">
        <v>2</v>
      </c>
      <c r="K30" s="227">
        <v>2</v>
      </c>
      <c r="L30" s="222">
        <v>0</v>
      </c>
      <c r="M30" s="223">
        <v>0</v>
      </c>
      <c r="N30" s="226">
        <v>0</v>
      </c>
      <c r="O30" s="229">
        <v>0</v>
      </c>
      <c r="P30" s="225">
        <v>0</v>
      </c>
      <c r="Q30" s="225">
        <v>1</v>
      </c>
      <c r="R30" s="225">
        <v>0</v>
      </c>
      <c r="S30" s="223">
        <v>1</v>
      </c>
      <c r="T30" s="226">
        <v>2</v>
      </c>
      <c r="U30" s="230">
        <v>2</v>
      </c>
      <c r="V30" s="229">
        <v>0</v>
      </c>
      <c r="W30" s="223">
        <v>0</v>
      </c>
      <c r="X30" s="223">
        <v>0</v>
      </c>
      <c r="Y30" s="224">
        <v>0</v>
      </c>
      <c r="Z30" s="225">
        <v>0</v>
      </c>
      <c r="AA30" s="225">
        <v>0</v>
      </c>
      <c r="AB30" s="225">
        <v>0</v>
      </c>
      <c r="AC30" s="223">
        <v>0</v>
      </c>
      <c r="AD30" s="226">
        <v>0</v>
      </c>
      <c r="AE30" s="227">
        <v>0</v>
      </c>
      <c r="AF30" s="222">
        <v>0</v>
      </c>
      <c r="AG30" s="223">
        <v>0</v>
      </c>
      <c r="AH30" s="223">
        <v>0</v>
      </c>
      <c r="AI30" s="224">
        <v>0</v>
      </c>
      <c r="AJ30" s="225">
        <v>0</v>
      </c>
      <c r="AK30" s="225">
        <v>0</v>
      </c>
      <c r="AL30" s="225">
        <v>0</v>
      </c>
      <c r="AM30" s="223">
        <v>0</v>
      </c>
      <c r="AN30" s="226">
        <v>0</v>
      </c>
      <c r="AO30" s="228">
        <v>0</v>
      </c>
      <c r="AP30" s="37"/>
    </row>
    <row r="31" spans="1:42" ht="20.25" customHeight="1" x14ac:dyDescent="0.2">
      <c r="A31" s="63" t="s">
        <v>29</v>
      </c>
      <c r="B31" s="222">
        <v>0</v>
      </c>
      <c r="C31" s="223">
        <v>0</v>
      </c>
      <c r="D31" s="223">
        <v>0</v>
      </c>
      <c r="E31" s="224">
        <v>0</v>
      </c>
      <c r="F31" s="225">
        <v>0</v>
      </c>
      <c r="G31" s="225">
        <v>1</v>
      </c>
      <c r="H31" s="225">
        <v>0</v>
      </c>
      <c r="I31" s="223">
        <v>0</v>
      </c>
      <c r="J31" s="226">
        <v>1</v>
      </c>
      <c r="K31" s="227">
        <v>1</v>
      </c>
      <c r="L31" s="222">
        <v>0</v>
      </c>
      <c r="M31" s="223">
        <v>0</v>
      </c>
      <c r="N31" s="226">
        <v>0</v>
      </c>
      <c r="O31" s="229">
        <v>0</v>
      </c>
      <c r="P31" s="225">
        <v>0</v>
      </c>
      <c r="Q31" s="225">
        <v>1</v>
      </c>
      <c r="R31" s="225">
        <v>0</v>
      </c>
      <c r="S31" s="223">
        <v>1</v>
      </c>
      <c r="T31" s="226">
        <v>2</v>
      </c>
      <c r="U31" s="230">
        <v>2</v>
      </c>
      <c r="V31" s="229">
        <v>0</v>
      </c>
      <c r="W31" s="223">
        <v>0</v>
      </c>
      <c r="X31" s="223">
        <v>0</v>
      </c>
      <c r="Y31" s="224">
        <v>0</v>
      </c>
      <c r="Z31" s="225">
        <v>0</v>
      </c>
      <c r="AA31" s="225">
        <v>0</v>
      </c>
      <c r="AB31" s="225">
        <v>0</v>
      </c>
      <c r="AC31" s="223">
        <v>0</v>
      </c>
      <c r="AD31" s="226">
        <v>0</v>
      </c>
      <c r="AE31" s="227">
        <v>0</v>
      </c>
      <c r="AF31" s="222">
        <v>0</v>
      </c>
      <c r="AG31" s="223">
        <v>0</v>
      </c>
      <c r="AH31" s="223">
        <v>0</v>
      </c>
      <c r="AI31" s="224">
        <v>0</v>
      </c>
      <c r="AJ31" s="225">
        <v>0</v>
      </c>
      <c r="AK31" s="225">
        <v>0</v>
      </c>
      <c r="AL31" s="225">
        <v>0</v>
      </c>
      <c r="AM31" s="223">
        <v>0</v>
      </c>
      <c r="AN31" s="226">
        <v>0</v>
      </c>
      <c r="AO31" s="228">
        <v>0</v>
      </c>
      <c r="AP31" s="37"/>
    </row>
    <row r="32" spans="1:42" ht="20.25" customHeight="1" x14ac:dyDescent="0.2">
      <c r="A32" s="63" t="s">
        <v>30</v>
      </c>
      <c r="B32" s="222">
        <v>0</v>
      </c>
      <c r="C32" s="223">
        <v>0</v>
      </c>
      <c r="D32" s="223">
        <v>0</v>
      </c>
      <c r="E32" s="224">
        <v>0</v>
      </c>
      <c r="F32" s="225">
        <v>0</v>
      </c>
      <c r="G32" s="225">
        <v>0</v>
      </c>
      <c r="H32" s="225">
        <v>0</v>
      </c>
      <c r="I32" s="223">
        <v>0</v>
      </c>
      <c r="J32" s="226">
        <v>0</v>
      </c>
      <c r="K32" s="227">
        <v>0</v>
      </c>
      <c r="L32" s="222">
        <v>0</v>
      </c>
      <c r="M32" s="223">
        <v>0</v>
      </c>
      <c r="N32" s="226">
        <v>0</v>
      </c>
      <c r="O32" s="229">
        <v>0</v>
      </c>
      <c r="P32" s="225">
        <v>1</v>
      </c>
      <c r="Q32" s="225">
        <v>0</v>
      </c>
      <c r="R32" s="225">
        <v>0</v>
      </c>
      <c r="S32" s="223">
        <v>1</v>
      </c>
      <c r="T32" s="226">
        <v>2</v>
      </c>
      <c r="U32" s="230">
        <v>2</v>
      </c>
      <c r="V32" s="229">
        <v>0</v>
      </c>
      <c r="W32" s="223">
        <v>0</v>
      </c>
      <c r="X32" s="223">
        <v>0</v>
      </c>
      <c r="Y32" s="224">
        <v>0</v>
      </c>
      <c r="Z32" s="225">
        <v>0</v>
      </c>
      <c r="AA32" s="225">
        <v>0</v>
      </c>
      <c r="AB32" s="225">
        <v>0</v>
      </c>
      <c r="AC32" s="223">
        <v>0</v>
      </c>
      <c r="AD32" s="226">
        <v>0</v>
      </c>
      <c r="AE32" s="227">
        <v>0</v>
      </c>
      <c r="AF32" s="222">
        <v>0</v>
      </c>
      <c r="AG32" s="223">
        <v>0</v>
      </c>
      <c r="AH32" s="223">
        <v>0</v>
      </c>
      <c r="AI32" s="224">
        <v>0</v>
      </c>
      <c r="AJ32" s="225">
        <v>0</v>
      </c>
      <c r="AK32" s="225">
        <v>0</v>
      </c>
      <c r="AL32" s="225">
        <v>0</v>
      </c>
      <c r="AM32" s="223">
        <v>0</v>
      </c>
      <c r="AN32" s="226">
        <v>0</v>
      </c>
      <c r="AO32" s="228">
        <v>0</v>
      </c>
      <c r="AP32" s="37"/>
    </row>
    <row r="33" spans="1:42" ht="20.25" customHeight="1" x14ac:dyDescent="0.2">
      <c r="A33" s="63" t="s">
        <v>31</v>
      </c>
      <c r="B33" s="222">
        <v>0</v>
      </c>
      <c r="C33" s="223">
        <v>0</v>
      </c>
      <c r="D33" s="223">
        <v>0</v>
      </c>
      <c r="E33" s="224">
        <v>0</v>
      </c>
      <c r="F33" s="225">
        <v>0</v>
      </c>
      <c r="G33" s="225">
        <v>2</v>
      </c>
      <c r="H33" s="225">
        <v>0</v>
      </c>
      <c r="I33" s="223">
        <v>0</v>
      </c>
      <c r="J33" s="226">
        <v>2</v>
      </c>
      <c r="K33" s="227">
        <v>2</v>
      </c>
      <c r="L33" s="222">
        <v>0</v>
      </c>
      <c r="M33" s="223">
        <v>0</v>
      </c>
      <c r="N33" s="226">
        <v>0</v>
      </c>
      <c r="O33" s="229">
        <v>0</v>
      </c>
      <c r="P33" s="225">
        <v>1</v>
      </c>
      <c r="Q33" s="225">
        <v>0</v>
      </c>
      <c r="R33" s="225">
        <v>1</v>
      </c>
      <c r="S33" s="223">
        <v>1</v>
      </c>
      <c r="T33" s="226">
        <v>3</v>
      </c>
      <c r="U33" s="230">
        <v>3</v>
      </c>
      <c r="V33" s="229">
        <v>0</v>
      </c>
      <c r="W33" s="223">
        <v>0</v>
      </c>
      <c r="X33" s="223">
        <v>0</v>
      </c>
      <c r="Y33" s="224">
        <v>0</v>
      </c>
      <c r="Z33" s="225">
        <v>0</v>
      </c>
      <c r="AA33" s="225">
        <v>0</v>
      </c>
      <c r="AB33" s="225">
        <v>0</v>
      </c>
      <c r="AC33" s="223">
        <v>0</v>
      </c>
      <c r="AD33" s="226">
        <v>0</v>
      </c>
      <c r="AE33" s="227">
        <v>0</v>
      </c>
      <c r="AF33" s="222">
        <v>0</v>
      </c>
      <c r="AG33" s="223">
        <v>0</v>
      </c>
      <c r="AH33" s="223">
        <v>0</v>
      </c>
      <c r="AI33" s="224">
        <v>0</v>
      </c>
      <c r="AJ33" s="225">
        <v>0</v>
      </c>
      <c r="AK33" s="225">
        <v>0</v>
      </c>
      <c r="AL33" s="225">
        <v>0</v>
      </c>
      <c r="AM33" s="223">
        <v>0</v>
      </c>
      <c r="AN33" s="226">
        <v>0</v>
      </c>
      <c r="AO33" s="228">
        <v>0</v>
      </c>
      <c r="AP33" s="37"/>
    </row>
    <row r="34" spans="1:42" ht="20.25" customHeight="1" x14ac:dyDescent="0.2">
      <c r="A34" s="63" t="s">
        <v>32</v>
      </c>
      <c r="B34" s="222">
        <v>0</v>
      </c>
      <c r="C34" s="223">
        <v>0</v>
      </c>
      <c r="D34" s="223">
        <v>0</v>
      </c>
      <c r="E34" s="224">
        <v>0</v>
      </c>
      <c r="F34" s="225">
        <v>0</v>
      </c>
      <c r="G34" s="225">
        <v>0</v>
      </c>
      <c r="H34" s="225">
        <v>0</v>
      </c>
      <c r="I34" s="223">
        <v>1</v>
      </c>
      <c r="J34" s="226">
        <v>1</v>
      </c>
      <c r="K34" s="227">
        <v>1</v>
      </c>
      <c r="L34" s="222">
        <v>0</v>
      </c>
      <c r="M34" s="223">
        <v>0</v>
      </c>
      <c r="N34" s="226">
        <v>0</v>
      </c>
      <c r="O34" s="229">
        <v>0</v>
      </c>
      <c r="P34" s="225">
        <v>0</v>
      </c>
      <c r="Q34" s="225">
        <v>0</v>
      </c>
      <c r="R34" s="225">
        <v>0</v>
      </c>
      <c r="S34" s="223">
        <v>0</v>
      </c>
      <c r="T34" s="226">
        <v>0</v>
      </c>
      <c r="U34" s="230">
        <v>0</v>
      </c>
      <c r="V34" s="229">
        <v>0</v>
      </c>
      <c r="W34" s="223">
        <v>0</v>
      </c>
      <c r="X34" s="223">
        <v>0</v>
      </c>
      <c r="Y34" s="224">
        <v>0</v>
      </c>
      <c r="Z34" s="225">
        <v>0</v>
      </c>
      <c r="AA34" s="225">
        <v>0</v>
      </c>
      <c r="AB34" s="225">
        <v>0</v>
      </c>
      <c r="AC34" s="223">
        <v>0</v>
      </c>
      <c r="AD34" s="226">
        <v>0</v>
      </c>
      <c r="AE34" s="227">
        <v>0</v>
      </c>
      <c r="AF34" s="222">
        <v>0</v>
      </c>
      <c r="AG34" s="223">
        <v>0</v>
      </c>
      <c r="AH34" s="223">
        <v>0</v>
      </c>
      <c r="AI34" s="224">
        <v>0</v>
      </c>
      <c r="AJ34" s="225">
        <v>0</v>
      </c>
      <c r="AK34" s="225">
        <v>0</v>
      </c>
      <c r="AL34" s="225">
        <v>0</v>
      </c>
      <c r="AM34" s="223">
        <v>0</v>
      </c>
      <c r="AN34" s="226">
        <v>0</v>
      </c>
      <c r="AO34" s="228">
        <v>0</v>
      </c>
      <c r="AP34" s="37"/>
    </row>
    <row r="35" spans="1:42" ht="20.25" customHeight="1" x14ac:dyDescent="0.2">
      <c r="A35" s="63" t="s">
        <v>33</v>
      </c>
      <c r="B35" s="222">
        <v>0</v>
      </c>
      <c r="C35" s="223">
        <v>0</v>
      </c>
      <c r="D35" s="223">
        <v>0</v>
      </c>
      <c r="E35" s="224">
        <v>0</v>
      </c>
      <c r="F35" s="225">
        <v>0</v>
      </c>
      <c r="G35" s="225">
        <v>0</v>
      </c>
      <c r="H35" s="225">
        <v>1</v>
      </c>
      <c r="I35" s="223">
        <v>0</v>
      </c>
      <c r="J35" s="226">
        <v>1</v>
      </c>
      <c r="K35" s="227">
        <v>1</v>
      </c>
      <c r="L35" s="222">
        <v>0</v>
      </c>
      <c r="M35" s="223">
        <v>0</v>
      </c>
      <c r="N35" s="226">
        <v>0</v>
      </c>
      <c r="O35" s="229">
        <v>0</v>
      </c>
      <c r="P35" s="225">
        <v>0</v>
      </c>
      <c r="Q35" s="225">
        <v>0</v>
      </c>
      <c r="R35" s="225">
        <v>0</v>
      </c>
      <c r="S35" s="223">
        <v>0</v>
      </c>
      <c r="T35" s="226">
        <v>0</v>
      </c>
      <c r="U35" s="230">
        <v>0</v>
      </c>
      <c r="V35" s="229">
        <v>0</v>
      </c>
      <c r="W35" s="223">
        <v>0</v>
      </c>
      <c r="X35" s="223">
        <v>0</v>
      </c>
      <c r="Y35" s="224">
        <v>0</v>
      </c>
      <c r="Z35" s="225">
        <v>0</v>
      </c>
      <c r="AA35" s="225">
        <v>0</v>
      </c>
      <c r="AB35" s="225">
        <v>0</v>
      </c>
      <c r="AC35" s="223">
        <v>0</v>
      </c>
      <c r="AD35" s="226">
        <v>0</v>
      </c>
      <c r="AE35" s="227">
        <v>0</v>
      </c>
      <c r="AF35" s="222">
        <v>0</v>
      </c>
      <c r="AG35" s="223">
        <v>0</v>
      </c>
      <c r="AH35" s="223">
        <v>0</v>
      </c>
      <c r="AI35" s="224">
        <v>0</v>
      </c>
      <c r="AJ35" s="225">
        <v>1</v>
      </c>
      <c r="AK35" s="225">
        <v>0</v>
      </c>
      <c r="AL35" s="225">
        <v>0</v>
      </c>
      <c r="AM35" s="223">
        <v>1</v>
      </c>
      <c r="AN35" s="226">
        <v>2</v>
      </c>
      <c r="AO35" s="228">
        <v>2</v>
      </c>
      <c r="AP35" s="37"/>
    </row>
    <row r="36" spans="1:42" ht="20.25" customHeight="1" x14ac:dyDescent="0.2">
      <c r="A36" s="63" t="s">
        <v>34</v>
      </c>
      <c r="B36" s="222">
        <v>0</v>
      </c>
      <c r="C36" s="223">
        <v>0</v>
      </c>
      <c r="D36" s="223">
        <v>0</v>
      </c>
      <c r="E36" s="224">
        <v>0</v>
      </c>
      <c r="F36" s="225">
        <v>0</v>
      </c>
      <c r="G36" s="225">
        <v>0</v>
      </c>
      <c r="H36" s="225">
        <v>0</v>
      </c>
      <c r="I36" s="223">
        <v>0</v>
      </c>
      <c r="J36" s="226">
        <v>0</v>
      </c>
      <c r="K36" s="227">
        <v>0</v>
      </c>
      <c r="L36" s="222">
        <v>0</v>
      </c>
      <c r="M36" s="223">
        <v>0</v>
      </c>
      <c r="N36" s="226">
        <v>0</v>
      </c>
      <c r="O36" s="229">
        <v>0</v>
      </c>
      <c r="P36" s="225">
        <v>0</v>
      </c>
      <c r="Q36" s="225">
        <v>1</v>
      </c>
      <c r="R36" s="225">
        <v>0</v>
      </c>
      <c r="S36" s="223">
        <v>0</v>
      </c>
      <c r="T36" s="226">
        <v>1</v>
      </c>
      <c r="U36" s="230">
        <v>1</v>
      </c>
      <c r="V36" s="229">
        <v>0</v>
      </c>
      <c r="W36" s="223">
        <v>0</v>
      </c>
      <c r="X36" s="223">
        <v>0</v>
      </c>
      <c r="Y36" s="224">
        <v>0</v>
      </c>
      <c r="Z36" s="225">
        <v>0</v>
      </c>
      <c r="AA36" s="225">
        <v>0</v>
      </c>
      <c r="AB36" s="225">
        <v>0</v>
      </c>
      <c r="AC36" s="223">
        <v>0</v>
      </c>
      <c r="AD36" s="226">
        <v>0</v>
      </c>
      <c r="AE36" s="227">
        <v>0</v>
      </c>
      <c r="AF36" s="222">
        <v>0</v>
      </c>
      <c r="AG36" s="223">
        <v>0</v>
      </c>
      <c r="AH36" s="223">
        <v>0</v>
      </c>
      <c r="AI36" s="224">
        <v>0</v>
      </c>
      <c r="AJ36" s="225">
        <v>0</v>
      </c>
      <c r="AK36" s="225">
        <v>0</v>
      </c>
      <c r="AL36" s="225">
        <v>0</v>
      </c>
      <c r="AM36" s="223">
        <v>0</v>
      </c>
      <c r="AN36" s="226">
        <v>0</v>
      </c>
      <c r="AO36" s="228">
        <v>0</v>
      </c>
      <c r="AP36" s="37"/>
    </row>
    <row r="37" spans="1:42" ht="20.25" customHeight="1" x14ac:dyDescent="0.2">
      <c r="A37" s="63" t="s">
        <v>35</v>
      </c>
      <c r="B37" s="222">
        <v>0</v>
      </c>
      <c r="C37" s="223">
        <v>0</v>
      </c>
      <c r="D37" s="223">
        <v>0</v>
      </c>
      <c r="E37" s="224">
        <v>0</v>
      </c>
      <c r="F37" s="225">
        <v>0</v>
      </c>
      <c r="G37" s="225">
        <v>1</v>
      </c>
      <c r="H37" s="225">
        <v>1</v>
      </c>
      <c r="I37" s="223">
        <v>0</v>
      </c>
      <c r="J37" s="226">
        <v>2</v>
      </c>
      <c r="K37" s="227">
        <v>2</v>
      </c>
      <c r="L37" s="222">
        <v>0</v>
      </c>
      <c r="M37" s="223">
        <v>0</v>
      </c>
      <c r="N37" s="226">
        <v>0</v>
      </c>
      <c r="O37" s="229">
        <v>0</v>
      </c>
      <c r="P37" s="225">
        <v>0</v>
      </c>
      <c r="Q37" s="225">
        <v>1</v>
      </c>
      <c r="R37" s="225">
        <v>1</v>
      </c>
      <c r="S37" s="223">
        <v>0</v>
      </c>
      <c r="T37" s="226">
        <v>2</v>
      </c>
      <c r="U37" s="230">
        <v>2</v>
      </c>
      <c r="V37" s="229">
        <v>0</v>
      </c>
      <c r="W37" s="223">
        <v>0</v>
      </c>
      <c r="X37" s="223">
        <v>0</v>
      </c>
      <c r="Y37" s="224">
        <v>0</v>
      </c>
      <c r="Z37" s="225">
        <v>0</v>
      </c>
      <c r="AA37" s="225">
        <v>0</v>
      </c>
      <c r="AB37" s="225">
        <v>0</v>
      </c>
      <c r="AC37" s="223">
        <v>0</v>
      </c>
      <c r="AD37" s="226">
        <v>0</v>
      </c>
      <c r="AE37" s="227">
        <v>0</v>
      </c>
      <c r="AF37" s="222">
        <v>0</v>
      </c>
      <c r="AG37" s="223">
        <v>0</v>
      </c>
      <c r="AH37" s="223">
        <v>0</v>
      </c>
      <c r="AI37" s="224">
        <v>0</v>
      </c>
      <c r="AJ37" s="225">
        <v>0</v>
      </c>
      <c r="AK37" s="225">
        <v>0</v>
      </c>
      <c r="AL37" s="225">
        <v>0</v>
      </c>
      <c r="AM37" s="223">
        <v>0</v>
      </c>
      <c r="AN37" s="226">
        <v>0</v>
      </c>
      <c r="AO37" s="228">
        <v>0</v>
      </c>
      <c r="AP37" s="37"/>
    </row>
    <row r="38" spans="1:42" ht="20.25" customHeight="1" x14ac:dyDescent="0.2">
      <c r="A38" s="63" t="s">
        <v>36</v>
      </c>
      <c r="B38" s="222">
        <v>0</v>
      </c>
      <c r="C38" s="223">
        <v>0</v>
      </c>
      <c r="D38" s="223">
        <v>0</v>
      </c>
      <c r="E38" s="224">
        <v>0</v>
      </c>
      <c r="F38" s="225">
        <v>0</v>
      </c>
      <c r="G38" s="225">
        <v>0</v>
      </c>
      <c r="H38" s="225">
        <v>1</v>
      </c>
      <c r="I38" s="223">
        <v>2</v>
      </c>
      <c r="J38" s="226">
        <v>3</v>
      </c>
      <c r="K38" s="227">
        <v>3</v>
      </c>
      <c r="L38" s="222">
        <v>0</v>
      </c>
      <c r="M38" s="223">
        <v>0</v>
      </c>
      <c r="N38" s="226">
        <v>0</v>
      </c>
      <c r="O38" s="229">
        <v>1</v>
      </c>
      <c r="P38" s="225">
        <v>0</v>
      </c>
      <c r="Q38" s="225">
        <v>0</v>
      </c>
      <c r="R38" s="225">
        <v>1</v>
      </c>
      <c r="S38" s="223">
        <v>1</v>
      </c>
      <c r="T38" s="226">
        <v>3</v>
      </c>
      <c r="U38" s="230">
        <v>3</v>
      </c>
      <c r="V38" s="229">
        <v>0</v>
      </c>
      <c r="W38" s="223">
        <v>0</v>
      </c>
      <c r="X38" s="223">
        <v>0</v>
      </c>
      <c r="Y38" s="224">
        <v>0</v>
      </c>
      <c r="Z38" s="225">
        <v>0</v>
      </c>
      <c r="AA38" s="225">
        <v>0</v>
      </c>
      <c r="AB38" s="225">
        <v>0</v>
      </c>
      <c r="AC38" s="223">
        <v>0</v>
      </c>
      <c r="AD38" s="226">
        <v>0</v>
      </c>
      <c r="AE38" s="227">
        <v>0</v>
      </c>
      <c r="AF38" s="222">
        <v>0</v>
      </c>
      <c r="AG38" s="223">
        <v>0</v>
      </c>
      <c r="AH38" s="223">
        <v>0</v>
      </c>
      <c r="AI38" s="224">
        <v>0</v>
      </c>
      <c r="AJ38" s="225">
        <v>0</v>
      </c>
      <c r="AK38" s="225">
        <v>0</v>
      </c>
      <c r="AL38" s="225">
        <v>0</v>
      </c>
      <c r="AM38" s="223">
        <v>0</v>
      </c>
      <c r="AN38" s="226">
        <v>0</v>
      </c>
      <c r="AO38" s="228">
        <v>0</v>
      </c>
      <c r="AP38" s="37"/>
    </row>
    <row r="39" spans="1:42" ht="20.25" customHeight="1" thickBot="1" x14ac:dyDescent="0.25">
      <c r="A39" s="64" t="s">
        <v>37</v>
      </c>
      <c r="B39" s="231">
        <v>0</v>
      </c>
      <c r="C39" s="232">
        <v>0</v>
      </c>
      <c r="D39" s="232">
        <v>0</v>
      </c>
      <c r="E39" s="233">
        <v>0</v>
      </c>
      <c r="F39" s="234">
        <v>0</v>
      </c>
      <c r="G39" s="234">
        <v>0</v>
      </c>
      <c r="H39" s="234">
        <v>0</v>
      </c>
      <c r="I39" s="232">
        <v>0</v>
      </c>
      <c r="J39" s="235">
        <v>0</v>
      </c>
      <c r="K39" s="236">
        <v>0</v>
      </c>
      <c r="L39" s="231">
        <v>0</v>
      </c>
      <c r="M39" s="232">
        <v>0</v>
      </c>
      <c r="N39" s="235">
        <v>0</v>
      </c>
      <c r="O39" s="238">
        <v>0</v>
      </c>
      <c r="P39" s="234">
        <v>0</v>
      </c>
      <c r="Q39" s="234">
        <v>0</v>
      </c>
      <c r="R39" s="234">
        <v>0</v>
      </c>
      <c r="S39" s="232">
        <v>0</v>
      </c>
      <c r="T39" s="235">
        <v>0</v>
      </c>
      <c r="U39" s="239">
        <v>0</v>
      </c>
      <c r="V39" s="238">
        <v>0</v>
      </c>
      <c r="W39" s="232">
        <v>0</v>
      </c>
      <c r="X39" s="232">
        <v>0</v>
      </c>
      <c r="Y39" s="233">
        <v>0</v>
      </c>
      <c r="Z39" s="234">
        <v>0</v>
      </c>
      <c r="AA39" s="234">
        <v>0</v>
      </c>
      <c r="AB39" s="234">
        <v>0</v>
      </c>
      <c r="AC39" s="232">
        <v>0</v>
      </c>
      <c r="AD39" s="235">
        <v>0</v>
      </c>
      <c r="AE39" s="236">
        <v>0</v>
      </c>
      <c r="AF39" s="231">
        <v>0</v>
      </c>
      <c r="AG39" s="232">
        <v>0</v>
      </c>
      <c r="AH39" s="232">
        <v>0</v>
      </c>
      <c r="AI39" s="233">
        <v>0</v>
      </c>
      <c r="AJ39" s="234">
        <v>0</v>
      </c>
      <c r="AK39" s="234">
        <v>0</v>
      </c>
      <c r="AL39" s="234">
        <v>0</v>
      </c>
      <c r="AM39" s="232">
        <v>1</v>
      </c>
      <c r="AN39" s="235">
        <v>1</v>
      </c>
      <c r="AO39" s="237">
        <v>1</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AO4:AO5"/>
    <mergeCell ref="A3:A4"/>
    <mergeCell ref="B3:K3"/>
    <mergeCell ref="L3:U3"/>
    <mergeCell ref="V3:AE3"/>
    <mergeCell ref="AF3:AO3"/>
    <mergeCell ref="B4:D4"/>
    <mergeCell ref="E4:J4"/>
    <mergeCell ref="K4:K5"/>
    <mergeCell ref="L4:N4"/>
    <mergeCell ref="O4:T4"/>
    <mergeCell ref="U4:U5"/>
    <mergeCell ref="V4:X4"/>
    <mergeCell ref="Y4:AD4"/>
    <mergeCell ref="AE4:AE5"/>
    <mergeCell ref="F1:G1"/>
    <mergeCell ref="AF4:AH4"/>
    <mergeCell ref="AI4:AN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1" max="1048575" man="1"/>
    <brk id="21"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1" customWidth="1"/>
    <col min="2" max="2" width="8.21875" style="1" customWidth="1"/>
    <col min="3" max="4" width="10" style="1" customWidth="1"/>
    <col min="5" max="5" width="7" style="1" customWidth="1"/>
    <col min="6" max="12" width="10.33203125" style="1" customWidth="1"/>
    <col min="13" max="15" width="8.88671875" style="1" customWidth="1"/>
    <col min="16" max="16" width="7.6640625" style="1" customWidth="1"/>
    <col min="17" max="23" width="10.6640625" style="1" customWidth="1"/>
    <col min="24" max="26" width="8.88671875" style="1" customWidth="1"/>
    <col min="27" max="27" width="7.6640625" style="1" customWidth="1"/>
    <col min="28" max="28" width="8.88671875" style="1" customWidth="1"/>
    <col min="29" max="29" width="10.44140625" style="1" customWidth="1"/>
    <col min="30" max="32" width="8.88671875" style="1" customWidth="1"/>
    <col min="33" max="34" width="10" style="1" customWidth="1"/>
    <col min="35" max="37" width="8.88671875" style="1" customWidth="1"/>
    <col min="38" max="38" width="7.77734375" style="1" customWidth="1"/>
    <col min="39" max="48" width="8.88671875" style="1" customWidth="1"/>
    <col min="49" max="49" width="7.77734375" style="1" customWidth="1"/>
    <col min="50" max="54" width="8.88671875" style="1" customWidth="1"/>
    <col min="55" max="56" width="10.33203125" style="1" customWidth="1"/>
    <col min="57" max="59" width="8.88671875" style="1" customWidth="1"/>
    <col min="60" max="60" width="8" style="1" customWidth="1"/>
    <col min="61" max="70" width="8.88671875" style="1" customWidth="1"/>
    <col min="71" max="71" width="7.44140625" style="1" customWidth="1"/>
    <col min="72" max="76" width="8.88671875" style="1" customWidth="1"/>
    <col min="77" max="77" width="11.77734375" style="1" customWidth="1"/>
    <col min="78" max="78" width="12" style="1" customWidth="1"/>
    <col min="79" max="81" width="8.88671875" style="39" customWidth="1"/>
    <col min="82" max="82" width="7.77734375" style="39" customWidth="1"/>
    <col min="83" max="89" width="9" style="39" customWidth="1"/>
    <col min="90" max="92" width="8.88671875" style="1" customWidth="1"/>
    <col min="93" max="93" width="7.44140625" style="1" customWidth="1"/>
    <col min="94" max="96" width="10.109375" style="1" customWidth="1"/>
    <col min="97" max="98" width="8.88671875" style="1" customWidth="1"/>
    <col min="99" max="100" width="10.21875" style="1" customWidth="1"/>
    <col min="101" max="103" width="8.88671875" style="1" customWidth="1"/>
    <col min="104" max="104" width="7.33203125" style="1" customWidth="1"/>
    <col min="105" max="109" width="8.88671875" style="1" customWidth="1"/>
    <col min="110" max="111" width="9.21875" style="1" customWidth="1"/>
    <col min="112" max="114" width="8.88671875" style="39" customWidth="1"/>
    <col min="115" max="115" width="7.33203125" style="39" customWidth="1"/>
    <col min="116" max="120" width="8.88671875" style="39" customWidth="1"/>
    <col min="121" max="122" width="9.6640625" style="39" customWidth="1"/>
    <col min="123" max="125" width="8.88671875" style="1" customWidth="1"/>
    <col min="126" max="126" width="7.77734375" style="1" customWidth="1"/>
    <col min="127" max="131" width="8.88671875" style="1" customWidth="1"/>
    <col min="132" max="133" width="9.33203125" style="1" customWidth="1"/>
    <col min="134" max="136" width="8.88671875" style="1" customWidth="1"/>
    <col min="137" max="137" width="7.44140625" style="1" customWidth="1"/>
    <col min="138" max="147" width="8.88671875" style="1" customWidth="1"/>
    <col min="148" max="148" width="7.21875" style="1" customWidth="1"/>
    <col min="149" max="158" width="8.88671875" style="1" customWidth="1"/>
    <col min="159" max="159" width="7.21875" style="1" customWidth="1"/>
    <col min="160" max="166" width="8.88671875" style="1" customWidth="1"/>
    <col min="167" max="169" width="8.88671875" style="39" customWidth="1"/>
    <col min="170" max="170" width="7.33203125" style="39" customWidth="1"/>
    <col min="171" max="175" width="8.88671875" style="39" customWidth="1"/>
    <col min="176" max="177" width="9.6640625" style="39" customWidth="1"/>
    <col min="178" max="180" width="8.88671875" style="1" customWidth="1"/>
    <col min="181" max="181" width="7.21875" style="1" customWidth="1"/>
    <col min="182" max="186" width="8.88671875" style="1" customWidth="1"/>
    <col min="187" max="188" width="9.44140625" style="1" customWidth="1"/>
    <col min="189" max="191" width="8.88671875" style="1" customWidth="1"/>
    <col min="192" max="192" width="7.77734375" style="1" customWidth="1"/>
    <col min="193" max="202" width="8.88671875" style="1" customWidth="1"/>
    <col min="203" max="203" width="7.44140625" style="1" customWidth="1"/>
    <col min="204" max="213" width="8.88671875" style="1" customWidth="1"/>
    <col min="214" max="214" width="7.33203125" style="1" customWidth="1"/>
    <col min="215" max="217" width="8.88671875" style="1" customWidth="1"/>
    <col min="218" max="218" width="10.44140625" style="1" customWidth="1"/>
    <col min="219" max="219" width="8.88671875" style="1" customWidth="1"/>
    <col min="220" max="221" width="9.6640625" style="1" customWidth="1"/>
    <col min="222" max="224" width="8.88671875" style="1" customWidth="1"/>
    <col min="225" max="225" width="7.6640625" style="1" customWidth="1"/>
    <col min="226" max="230" width="8.88671875" style="1" customWidth="1"/>
    <col min="231" max="232" width="10" style="1"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7.10937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1"/>
  </cols>
  <sheetData>
    <row r="1" spans="1:408" ht="21" customHeight="1" x14ac:dyDescent="0.2">
      <c r="A1" s="20" t="s">
        <v>146</v>
      </c>
      <c r="F1" s="408">
        <f>第１表!F2</f>
        <v>4</v>
      </c>
      <c r="G1" s="286">
        <f>第１表!G2</f>
        <v>2</v>
      </c>
      <c r="H1" s="583">
        <f>IF(G1&lt;3,G1-2+12,G1-2)</f>
        <v>12</v>
      </c>
      <c r="I1" s="583"/>
      <c r="IA1" s="408"/>
      <c r="IB1" s="288"/>
      <c r="IC1" s="583"/>
      <c r="ID1" s="583"/>
    </row>
    <row r="2" spans="1:408" s="44" customFormat="1" ht="16.5" customHeight="1" x14ac:dyDescent="0.2">
      <c r="A2" s="20" t="s">
        <v>147</v>
      </c>
      <c r="D2" s="285"/>
      <c r="E2" s="286"/>
      <c r="F2" s="592"/>
      <c r="G2" s="592"/>
      <c r="CA2" s="358"/>
      <c r="CB2" s="358"/>
      <c r="CC2" s="358"/>
      <c r="CD2" s="358"/>
      <c r="CE2" s="358"/>
      <c r="CF2" s="358"/>
      <c r="CG2" s="358"/>
      <c r="CH2" s="358"/>
      <c r="CI2" s="358"/>
      <c r="CJ2" s="358"/>
      <c r="CK2" s="358"/>
      <c r="DH2" s="358"/>
      <c r="DI2" s="358"/>
      <c r="DJ2" s="358"/>
      <c r="DK2" s="358"/>
      <c r="DL2" s="358"/>
      <c r="DM2" s="358"/>
      <c r="DN2" s="358"/>
      <c r="DO2" s="358"/>
      <c r="DP2" s="358"/>
      <c r="DQ2" s="358"/>
      <c r="DR2" s="358"/>
      <c r="FK2" s="358"/>
      <c r="FL2" s="358"/>
      <c r="FM2" s="358"/>
      <c r="FN2" s="358"/>
      <c r="FO2" s="358"/>
      <c r="FP2" s="358"/>
      <c r="FQ2" s="358"/>
      <c r="FR2" s="358"/>
      <c r="FS2" s="358"/>
      <c r="FT2" s="358"/>
      <c r="FU2" s="358"/>
      <c r="HY2" s="39"/>
      <c r="HZ2" s="39"/>
      <c r="IA2" s="287"/>
      <c r="IB2" s="288"/>
      <c r="IC2" s="411"/>
      <c r="ID2" s="411"/>
      <c r="IE2" s="39"/>
      <c r="IF2" s="39"/>
      <c r="IG2" s="39"/>
      <c r="IH2" s="39"/>
      <c r="II2" s="39"/>
      <c r="IJ2" s="1"/>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39"/>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1"/>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row>
    <row r="3" spans="1:408" s="44" customFormat="1" ht="18.75" customHeight="1" thickBot="1" x14ac:dyDescent="0.25">
      <c r="A3" s="20" t="s">
        <v>148</v>
      </c>
      <c r="CA3" s="358"/>
      <c r="CB3" s="358"/>
      <c r="CC3" s="358"/>
      <c r="CD3" s="358"/>
      <c r="CE3" s="358"/>
      <c r="CF3" s="358"/>
      <c r="CG3" s="358"/>
      <c r="CH3" s="358"/>
      <c r="CI3" s="358"/>
      <c r="CJ3" s="358"/>
      <c r="CK3" s="358"/>
      <c r="DH3" s="358"/>
      <c r="DI3" s="358"/>
      <c r="DJ3" s="358"/>
      <c r="DK3" s="358"/>
      <c r="DL3" s="358"/>
      <c r="DM3" s="358"/>
      <c r="DN3" s="358"/>
      <c r="DO3" s="358"/>
      <c r="DP3" s="358"/>
      <c r="DQ3" s="358"/>
      <c r="DR3" s="358"/>
      <c r="FK3" s="358"/>
      <c r="FL3" s="358"/>
      <c r="FM3" s="358"/>
      <c r="FN3" s="358"/>
      <c r="FO3" s="358"/>
      <c r="FP3" s="358"/>
      <c r="FQ3" s="358"/>
      <c r="FR3" s="358"/>
      <c r="FS3" s="358"/>
      <c r="FT3" s="358"/>
      <c r="FU3" s="358"/>
      <c r="HY3" s="39"/>
      <c r="HZ3" s="39"/>
      <c r="IA3" s="39"/>
      <c r="IB3" s="39"/>
      <c r="IC3" s="39"/>
      <c r="ID3" s="39"/>
      <c r="IE3" s="39"/>
      <c r="IF3" s="39"/>
      <c r="IG3" s="39"/>
      <c r="IH3" s="39"/>
      <c r="II3" s="39"/>
      <c r="IJ3" s="1"/>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39"/>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1"/>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row>
    <row r="4" spans="1:408" ht="18" customHeight="1" thickBot="1" x14ac:dyDescent="0.25">
      <c r="A4" s="597" t="s">
        <v>42</v>
      </c>
      <c r="B4" s="600" t="s">
        <v>63</v>
      </c>
      <c r="C4" s="600"/>
      <c r="D4" s="600"/>
      <c r="E4" s="600"/>
      <c r="F4" s="600"/>
      <c r="G4" s="600"/>
      <c r="H4" s="600"/>
      <c r="I4" s="600"/>
      <c r="J4" s="600"/>
      <c r="K4" s="600"/>
      <c r="L4" s="600"/>
      <c r="M4" s="534"/>
      <c r="N4" s="534"/>
      <c r="O4" s="534"/>
      <c r="P4" s="534"/>
      <c r="Q4" s="534"/>
      <c r="R4" s="534"/>
      <c r="S4" s="534"/>
      <c r="T4" s="534"/>
      <c r="U4" s="534"/>
      <c r="V4" s="534"/>
      <c r="W4" s="534"/>
      <c r="X4" s="534"/>
      <c r="Y4" s="534"/>
      <c r="Z4" s="534"/>
      <c r="AA4" s="534"/>
      <c r="AB4" s="534"/>
      <c r="AC4" s="534"/>
      <c r="AD4" s="534"/>
      <c r="AE4" s="534"/>
      <c r="AF4" s="534"/>
      <c r="AG4" s="534"/>
      <c r="AH4" s="534"/>
      <c r="AI4" s="534"/>
      <c r="AJ4" s="534"/>
      <c r="AK4" s="534"/>
      <c r="AL4" s="534"/>
      <c r="AM4" s="534"/>
      <c r="AN4" s="534"/>
      <c r="AO4" s="534"/>
      <c r="AP4" s="534"/>
      <c r="AQ4" s="534"/>
      <c r="AR4" s="534"/>
      <c r="AS4" s="534"/>
      <c r="AT4" s="534"/>
      <c r="AU4" s="534"/>
      <c r="AV4" s="534"/>
      <c r="AW4" s="534"/>
      <c r="AX4" s="534"/>
      <c r="AY4" s="534"/>
      <c r="AZ4" s="534"/>
      <c r="BA4" s="534"/>
      <c r="BB4" s="534"/>
      <c r="BC4" s="534"/>
      <c r="BD4" s="534"/>
      <c r="BE4" s="534"/>
      <c r="BF4" s="534"/>
      <c r="BG4" s="534"/>
      <c r="BH4" s="534"/>
      <c r="BI4" s="534"/>
      <c r="BJ4" s="534"/>
      <c r="BK4" s="534"/>
      <c r="BL4" s="534"/>
      <c r="BM4" s="534"/>
      <c r="BN4" s="534"/>
      <c r="BO4" s="534"/>
      <c r="BP4" s="534"/>
      <c r="BQ4" s="534"/>
      <c r="BR4" s="534"/>
      <c r="BS4" s="534"/>
      <c r="BT4" s="534"/>
      <c r="BU4" s="534"/>
      <c r="BV4" s="534"/>
      <c r="BW4" s="534"/>
      <c r="BX4" s="534"/>
      <c r="BY4" s="534"/>
      <c r="BZ4" s="534"/>
      <c r="CA4" s="534"/>
      <c r="CB4" s="534"/>
      <c r="CC4" s="534"/>
      <c r="CD4" s="534"/>
      <c r="CE4" s="534"/>
      <c r="CF4" s="534"/>
      <c r="CG4" s="534"/>
      <c r="CH4" s="534"/>
      <c r="CI4" s="534"/>
      <c r="CJ4" s="534"/>
      <c r="CK4" s="534"/>
      <c r="CL4" s="534"/>
      <c r="CM4" s="534"/>
      <c r="CN4" s="534"/>
      <c r="CO4" s="534"/>
      <c r="CP4" s="534"/>
      <c r="CQ4" s="534"/>
      <c r="CR4" s="534"/>
      <c r="CS4" s="534"/>
      <c r="CT4" s="534"/>
      <c r="CU4" s="534"/>
      <c r="CV4" s="534"/>
      <c r="CW4" s="534"/>
      <c r="CX4" s="534"/>
      <c r="CY4" s="534"/>
      <c r="CZ4" s="534"/>
      <c r="DA4" s="534"/>
      <c r="DB4" s="534"/>
      <c r="DC4" s="534"/>
      <c r="DD4" s="534"/>
      <c r="DE4" s="534"/>
      <c r="DF4" s="534"/>
      <c r="DG4" s="534"/>
      <c r="DH4" s="534"/>
      <c r="DI4" s="534"/>
      <c r="DJ4" s="534"/>
      <c r="DK4" s="534"/>
      <c r="DL4" s="534"/>
      <c r="DM4" s="534"/>
      <c r="DN4" s="534"/>
      <c r="DO4" s="534"/>
      <c r="DP4" s="534"/>
      <c r="DQ4" s="534"/>
      <c r="DR4" s="534"/>
      <c r="DS4" s="534"/>
      <c r="DT4" s="534"/>
      <c r="DU4" s="534"/>
      <c r="DV4" s="534"/>
      <c r="DW4" s="534"/>
      <c r="DX4" s="534"/>
      <c r="DY4" s="534"/>
      <c r="DZ4" s="534"/>
      <c r="EA4" s="534"/>
      <c r="EB4" s="534"/>
      <c r="EC4" s="534"/>
      <c r="ED4" s="534"/>
      <c r="EE4" s="534"/>
      <c r="EF4" s="534"/>
      <c r="EG4" s="534"/>
      <c r="EH4" s="534"/>
      <c r="EI4" s="534"/>
      <c r="EJ4" s="534"/>
      <c r="EK4" s="534"/>
      <c r="EL4" s="534"/>
      <c r="EM4" s="534"/>
      <c r="EN4" s="534"/>
      <c r="EO4" s="534"/>
      <c r="EP4" s="534"/>
      <c r="EQ4" s="534"/>
      <c r="ER4" s="534"/>
      <c r="ES4" s="534"/>
      <c r="ET4" s="534"/>
      <c r="EU4" s="534"/>
      <c r="EV4" s="534"/>
      <c r="EW4" s="534"/>
      <c r="EX4" s="534"/>
      <c r="EY4" s="534"/>
      <c r="EZ4" s="534"/>
      <c r="FA4" s="534"/>
      <c r="FB4" s="534"/>
      <c r="FC4" s="534"/>
      <c r="FD4" s="534"/>
      <c r="FE4" s="534"/>
      <c r="FF4" s="534"/>
      <c r="FG4" s="534"/>
      <c r="FH4" s="534"/>
      <c r="FI4" s="534"/>
      <c r="FJ4" s="534"/>
      <c r="FK4" s="534"/>
      <c r="FL4" s="534"/>
      <c r="FM4" s="534"/>
      <c r="FN4" s="534"/>
      <c r="FO4" s="534"/>
      <c r="FP4" s="534"/>
      <c r="FQ4" s="534"/>
      <c r="FR4" s="534"/>
      <c r="FS4" s="534"/>
      <c r="FT4" s="534"/>
      <c r="FU4" s="534"/>
      <c r="FV4" s="534"/>
      <c r="FW4" s="534"/>
      <c r="FX4" s="534"/>
      <c r="FY4" s="534"/>
      <c r="FZ4" s="534"/>
      <c r="GA4" s="534"/>
      <c r="GB4" s="534"/>
      <c r="GC4" s="534"/>
      <c r="GD4" s="534"/>
      <c r="GE4" s="534"/>
      <c r="GF4" s="534"/>
      <c r="GG4" s="534"/>
      <c r="GH4" s="534"/>
      <c r="GI4" s="534"/>
      <c r="GJ4" s="534"/>
      <c r="GK4" s="534"/>
      <c r="GL4" s="534"/>
      <c r="GM4" s="534"/>
      <c r="GN4" s="534"/>
      <c r="GO4" s="534"/>
      <c r="GP4" s="534"/>
      <c r="GQ4" s="534"/>
      <c r="GR4" s="534"/>
      <c r="GS4" s="534"/>
      <c r="GT4" s="534"/>
      <c r="GU4" s="534"/>
      <c r="GV4" s="534"/>
      <c r="GW4" s="534"/>
      <c r="GX4" s="534"/>
      <c r="GY4" s="534"/>
      <c r="GZ4" s="534"/>
      <c r="HA4" s="534"/>
      <c r="HB4" s="534"/>
      <c r="HC4" s="534"/>
      <c r="HD4" s="534"/>
      <c r="HE4" s="534"/>
      <c r="HF4" s="534"/>
      <c r="HG4" s="534"/>
      <c r="HH4" s="534"/>
      <c r="HI4" s="534"/>
      <c r="HJ4" s="534"/>
      <c r="HK4" s="534"/>
      <c r="HL4" s="534"/>
      <c r="HM4" s="534"/>
      <c r="HN4" s="534"/>
      <c r="HO4" s="534"/>
      <c r="HP4" s="534"/>
      <c r="HQ4" s="534"/>
      <c r="HR4" s="534"/>
      <c r="HS4" s="534"/>
      <c r="HT4" s="534"/>
      <c r="HU4" s="534"/>
      <c r="HV4" s="534"/>
      <c r="HW4" s="534"/>
      <c r="HX4" s="535"/>
      <c r="HY4" s="580" t="s">
        <v>85</v>
      </c>
      <c r="HZ4" s="581"/>
      <c r="IA4" s="581"/>
      <c r="IB4" s="581"/>
      <c r="IC4" s="581"/>
      <c r="ID4" s="581"/>
      <c r="IE4" s="581"/>
      <c r="IF4" s="581"/>
      <c r="IG4" s="581"/>
      <c r="IH4" s="581"/>
      <c r="II4" s="581"/>
      <c r="IJ4" s="581"/>
      <c r="IK4" s="581"/>
      <c r="IL4" s="581"/>
      <c r="IM4" s="581"/>
      <c r="IN4" s="581"/>
      <c r="IO4" s="581"/>
      <c r="IP4" s="581"/>
      <c r="IQ4" s="581"/>
      <c r="IR4" s="581"/>
      <c r="IS4" s="581"/>
      <c r="IT4" s="581"/>
      <c r="IU4" s="581"/>
      <c r="IV4" s="581"/>
      <c r="IW4" s="581"/>
      <c r="IX4" s="581"/>
      <c r="IY4" s="581"/>
      <c r="IZ4" s="581"/>
      <c r="JA4" s="581"/>
      <c r="JB4" s="581"/>
      <c r="JC4" s="581"/>
      <c r="JD4" s="581"/>
      <c r="JE4" s="581"/>
      <c r="JF4" s="581"/>
      <c r="JG4" s="581"/>
      <c r="JH4" s="581"/>
      <c r="JI4" s="581"/>
      <c r="JJ4" s="581"/>
      <c r="JK4" s="581"/>
      <c r="JL4" s="581"/>
      <c r="JM4" s="581"/>
      <c r="JN4" s="581"/>
      <c r="JO4" s="581"/>
      <c r="JP4" s="581"/>
      <c r="JQ4" s="581"/>
      <c r="JR4" s="581"/>
      <c r="JS4" s="581"/>
      <c r="JT4" s="581"/>
      <c r="JU4" s="581"/>
      <c r="JV4" s="581"/>
      <c r="JW4" s="581"/>
      <c r="JX4" s="581"/>
      <c r="JY4" s="581"/>
      <c r="JZ4" s="581"/>
      <c r="KA4" s="581"/>
      <c r="KB4" s="581"/>
      <c r="KC4" s="581"/>
      <c r="KD4" s="581"/>
      <c r="KE4" s="581"/>
      <c r="KF4" s="581"/>
      <c r="KG4" s="581"/>
      <c r="KH4" s="581"/>
      <c r="KI4" s="581"/>
      <c r="KJ4" s="581"/>
      <c r="KK4" s="581"/>
      <c r="KL4" s="581"/>
      <c r="KM4" s="581"/>
      <c r="KN4" s="581"/>
      <c r="KO4" s="581"/>
      <c r="KP4" s="581"/>
      <c r="KQ4" s="581"/>
      <c r="KR4" s="581"/>
      <c r="KS4" s="581"/>
      <c r="KT4" s="581"/>
      <c r="KU4" s="581"/>
      <c r="KV4" s="581"/>
      <c r="KW4" s="581"/>
      <c r="KX4" s="581"/>
      <c r="KY4" s="581"/>
      <c r="KZ4" s="581"/>
      <c r="LA4" s="581"/>
      <c r="LB4" s="581"/>
      <c r="LC4" s="581"/>
      <c r="LD4" s="581"/>
      <c r="LE4" s="581"/>
      <c r="LF4" s="581"/>
      <c r="LG4" s="581"/>
      <c r="LH4" s="581"/>
      <c r="LI4" s="581"/>
      <c r="LJ4" s="581"/>
      <c r="LK4" s="581"/>
      <c r="LL4" s="581"/>
      <c r="LM4" s="581"/>
      <c r="LN4" s="581"/>
      <c r="LO4" s="581"/>
      <c r="LP4" s="581"/>
      <c r="LQ4" s="581"/>
      <c r="LR4" s="581"/>
      <c r="LS4" s="581"/>
      <c r="LT4" s="581"/>
      <c r="LU4" s="581"/>
      <c r="LV4" s="581"/>
      <c r="LW4" s="581"/>
      <c r="LX4" s="581"/>
      <c r="LY4" s="581"/>
      <c r="LZ4" s="581"/>
      <c r="MA4" s="581"/>
      <c r="MB4" s="581"/>
      <c r="MC4" s="581"/>
      <c r="MD4" s="582"/>
      <c r="ME4" s="580" t="s">
        <v>86</v>
      </c>
      <c r="MF4" s="581"/>
      <c r="MG4" s="581"/>
      <c r="MH4" s="581"/>
      <c r="MI4" s="581"/>
      <c r="MJ4" s="581"/>
      <c r="MK4" s="581"/>
      <c r="ML4" s="581"/>
      <c r="MM4" s="581"/>
      <c r="MN4" s="581"/>
      <c r="MO4" s="581"/>
      <c r="MP4" s="581"/>
      <c r="MQ4" s="581"/>
      <c r="MR4" s="581"/>
      <c r="MS4" s="581"/>
      <c r="MT4" s="581"/>
      <c r="MU4" s="581"/>
      <c r="MV4" s="581"/>
      <c r="MW4" s="581"/>
      <c r="MX4" s="581"/>
      <c r="MY4" s="581"/>
      <c r="MZ4" s="581"/>
      <c r="NA4" s="581"/>
      <c r="NB4" s="581"/>
      <c r="NC4" s="581"/>
      <c r="ND4" s="581"/>
      <c r="NE4" s="581"/>
      <c r="NF4" s="581"/>
      <c r="NG4" s="581"/>
      <c r="NH4" s="581"/>
      <c r="NI4" s="581"/>
      <c r="NJ4" s="581"/>
      <c r="NK4" s="581"/>
      <c r="NL4" s="581"/>
      <c r="NM4" s="581"/>
      <c r="NN4" s="581"/>
      <c r="NO4" s="581"/>
      <c r="NP4" s="581"/>
      <c r="NQ4" s="581"/>
      <c r="NR4" s="581"/>
      <c r="NS4" s="581"/>
      <c r="NT4" s="581"/>
      <c r="NU4" s="581"/>
      <c r="NV4" s="581"/>
      <c r="NW4" s="581"/>
      <c r="NX4" s="581"/>
      <c r="NY4" s="581"/>
      <c r="NZ4" s="581"/>
      <c r="OA4" s="581"/>
      <c r="OB4" s="581"/>
      <c r="OC4" s="581"/>
      <c r="OD4" s="581"/>
      <c r="OE4" s="581"/>
      <c r="OF4" s="581"/>
      <c r="OG4" s="582"/>
      <c r="OH4" s="536" t="s">
        <v>60</v>
      </c>
      <c r="OI4" s="445"/>
      <c r="OJ4" s="445"/>
      <c r="OK4" s="445"/>
      <c r="OL4" s="445"/>
      <c r="OM4" s="445"/>
      <c r="ON4" s="445"/>
      <c r="OO4" s="445"/>
      <c r="OP4" s="445"/>
      <c r="OQ4" s="445"/>
      <c r="OR4" s="446"/>
    </row>
    <row r="5" spans="1:408" ht="18" customHeight="1" thickBot="1" x14ac:dyDescent="0.25">
      <c r="A5" s="598"/>
      <c r="B5" s="601"/>
      <c r="C5" s="601"/>
      <c r="D5" s="601"/>
      <c r="E5" s="601"/>
      <c r="F5" s="601"/>
      <c r="G5" s="601"/>
      <c r="H5" s="601"/>
      <c r="I5" s="601"/>
      <c r="J5" s="601"/>
      <c r="K5" s="601"/>
      <c r="L5" s="601"/>
      <c r="M5" s="603" t="s">
        <v>64</v>
      </c>
      <c r="N5" s="604"/>
      <c r="O5" s="604"/>
      <c r="P5" s="604"/>
      <c r="Q5" s="604"/>
      <c r="R5" s="604"/>
      <c r="S5" s="604"/>
      <c r="T5" s="604"/>
      <c r="U5" s="604"/>
      <c r="V5" s="604"/>
      <c r="W5" s="604"/>
      <c r="X5" s="604"/>
      <c r="Y5" s="604"/>
      <c r="Z5" s="604"/>
      <c r="AA5" s="604"/>
      <c r="AB5" s="604"/>
      <c r="AC5" s="604"/>
      <c r="AD5" s="604"/>
      <c r="AE5" s="604"/>
      <c r="AF5" s="604"/>
      <c r="AG5" s="604"/>
      <c r="AH5" s="604"/>
      <c r="AI5" s="604"/>
      <c r="AJ5" s="604"/>
      <c r="AK5" s="604"/>
      <c r="AL5" s="604"/>
      <c r="AM5" s="604"/>
      <c r="AN5" s="604"/>
      <c r="AO5" s="604"/>
      <c r="AP5" s="604"/>
      <c r="AQ5" s="604"/>
      <c r="AR5" s="604"/>
      <c r="AS5" s="604"/>
      <c r="AT5" s="604"/>
      <c r="AU5" s="604"/>
      <c r="AV5" s="604"/>
      <c r="AW5" s="604"/>
      <c r="AX5" s="604"/>
      <c r="AY5" s="604"/>
      <c r="AZ5" s="604"/>
      <c r="BA5" s="604"/>
      <c r="BB5" s="604"/>
      <c r="BC5" s="604"/>
      <c r="BD5" s="604"/>
      <c r="BE5" s="604"/>
      <c r="BF5" s="604"/>
      <c r="BG5" s="604"/>
      <c r="BH5" s="604"/>
      <c r="BI5" s="604"/>
      <c r="BJ5" s="604"/>
      <c r="BK5" s="604"/>
      <c r="BL5" s="604"/>
      <c r="BM5" s="604"/>
      <c r="BN5" s="604"/>
      <c r="BO5" s="604"/>
      <c r="BP5" s="604"/>
      <c r="BQ5" s="604"/>
      <c r="BR5" s="604"/>
      <c r="BS5" s="604"/>
      <c r="BT5" s="604"/>
      <c r="BU5" s="604"/>
      <c r="BV5" s="604"/>
      <c r="BW5" s="604"/>
      <c r="BX5" s="604"/>
      <c r="BY5" s="604"/>
      <c r="BZ5" s="605"/>
      <c r="CA5" s="603" t="s">
        <v>65</v>
      </c>
      <c r="CB5" s="604"/>
      <c r="CC5" s="604"/>
      <c r="CD5" s="604"/>
      <c r="CE5" s="604"/>
      <c r="CF5" s="604"/>
      <c r="CG5" s="604"/>
      <c r="CH5" s="604"/>
      <c r="CI5" s="604"/>
      <c r="CJ5" s="604"/>
      <c r="CK5" s="604"/>
      <c r="CL5" s="604"/>
      <c r="CM5" s="604"/>
      <c r="CN5" s="604"/>
      <c r="CO5" s="604"/>
      <c r="CP5" s="604"/>
      <c r="CQ5" s="604"/>
      <c r="CR5" s="604"/>
      <c r="CS5" s="604"/>
      <c r="CT5" s="604"/>
      <c r="CU5" s="604"/>
      <c r="CV5" s="604"/>
      <c r="CW5" s="604"/>
      <c r="CX5" s="604"/>
      <c r="CY5" s="604"/>
      <c r="CZ5" s="604"/>
      <c r="DA5" s="604"/>
      <c r="DB5" s="604"/>
      <c r="DC5" s="604"/>
      <c r="DD5" s="604"/>
      <c r="DE5" s="604"/>
      <c r="DF5" s="604"/>
      <c r="DG5" s="605"/>
      <c r="DH5" s="580" t="s">
        <v>66</v>
      </c>
      <c r="DI5" s="581"/>
      <c r="DJ5" s="581"/>
      <c r="DK5" s="581"/>
      <c r="DL5" s="581"/>
      <c r="DM5" s="581"/>
      <c r="DN5" s="581"/>
      <c r="DO5" s="581"/>
      <c r="DP5" s="581"/>
      <c r="DQ5" s="581"/>
      <c r="DR5" s="581"/>
      <c r="DS5" s="581"/>
      <c r="DT5" s="581"/>
      <c r="DU5" s="581"/>
      <c r="DV5" s="581"/>
      <c r="DW5" s="581"/>
      <c r="DX5" s="581"/>
      <c r="DY5" s="581"/>
      <c r="DZ5" s="581"/>
      <c r="EA5" s="581"/>
      <c r="EB5" s="581"/>
      <c r="EC5" s="581"/>
      <c r="ED5" s="581"/>
      <c r="EE5" s="581"/>
      <c r="EF5" s="581"/>
      <c r="EG5" s="581"/>
      <c r="EH5" s="581"/>
      <c r="EI5" s="581"/>
      <c r="EJ5" s="581"/>
      <c r="EK5" s="581"/>
      <c r="EL5" s="581"/>
      <c r="EM5" s="581"/>
      <c r="EN5" s="581"/>
      <c r="EO5" s="581"/>
      <c r="EP5" s="581"/>
      <c r="EQ5" s="581"/>
      <c r="ER5" s="581"/>
      <c r="ES5" s="581"/>
      <c r="ET5" s="581"/>
      <c r="EU5" s="581"/>
      <c r="EV5" s="581"/>
      <c r="EW5" s="581"/>
      <c r="EX5" s="581"/>
      <c r="EY5" s="581"/>
      <c r="EZ5" s="581"/>
      <c r="FA5" s="581"/>
      <c r="FB5" s="581"/>
      <c r="FC5" s="581"/>
      <c r="FD5" s="581"/>
      <c r="FE5" s="581"/>
      <c r="FF5" s="581"/>
      <c r="FG5" s="581"/>
      <c r="FH5" s="581"/>
      <c r="FI5" s="581"/>
      <c r="FJ5" s="582"/>
      <c r="FK5" s="603" t="s">
        <v>67</v>
      </c>
      <c r="FL5" s="604"/>
      <c r="FM5" s="604"/>
      <c r="FN5" s="604"/>
      <c r="FO5" s="604"/>
      <c r="FP5" s="604"/>
      <c r="FQ5" s="604"/>
      <c r="FR5" s="604"/>
      <c r="FS5" s="604"/>
      <c r="FT5" s="604"/>
      <c r="FU5" s="604"/>
      <c r="FV5" s="604"/>
      <c r="FW5" s="604"/>
      <c r="FX5" s="604"/>
      <c r="FY5" s="604"/>
      <c r="FZ5" s="604"/>
      <c r="GA5" s="604"/>
      <c r="GB5" s="604"/>
      <c r="GC5" s="604"/>
      <c r="GD5" s="604"/>
      <c r="GE5" s="604"/>
      <c r="GF5" s="604"/>
      <c r="GG5" s="604"/>
      <c r="GH5" s="604"/>
      <c r="GI5" s="604"/>
      <c r="GJ5" s="604"/>
      <c r="GK5" s="604"/>
      <c r="GL5" s="604"/>
      <c r="GM5" s="604"/>
      <c r="GN5" s="604"/>
      <c r="GO5" s="604"/>
      <c r="GP5" s="604"/>
      <c r="GQ5" s="604"/>
      <c r="GR5" s="604"/>
      <c r="GS5" s="604"/>
      <c r="GT5" s="604"/>
      <c r="GU5" s="604"/>
      <c r="GV5" s="604"/>
      <c r="GW5" s="604"/>
      <c r="GX5" s="604"/>
      <c r="GY5" s="604"/>
      <c r="GZ5" s="604"/>
      <c r="HA5" s="604"/>
      <c r="HB5" s="605"/>
      <c r="HC5" s="606" t="s">
        <v>68</v>
      </c>
      <c r="HD5" s="607"/>
      <c r="HE5" s="607"/>
      <c r="HF5" s="607"/>
      <c r="HG5" s="607"/>
      <c r="HH5" s="607"/>
      <c r="HI5" s="607"/>
      <c r="HJ5" s="607"/>
      <c r="HK5" s="607"/>
      <c r="HL5" s="607"/>
      <c r="HM5" s="608"/>
      <c r="HN5" s="606" t="s">
        <v>69</v>
      </c>
      <c r="HO5" s="607"/>
      <c r="HP5" s="607"/>
      <c r="HQ5" s="607"/>
      <c r="HR5" s="607"/>
      <c r="HS5" s="607"/>
      <c r="HT5" s="607"/>
      <c r="HU5" s="607"/>
      <c r="HV5" s="607"/>
      <c r="HW5" s="607"/>
      <c r="HX5" s="608"/>
      <c r="HY5" s="559"/>
      <c r="HZ5" s="560"/>
      <c r="IA5" s="560"/>
      <c r="IB5" s="560"/>
      <c r="IC5" s="560"/>
      <c r="ID5" s="560"/>
      <c r="IE5" s="560"/>
      <c r="IF5" s="560"/>
      <c r="IG5" s="560"/>
      <c r="IH5" s="560"/>
      <c r="II5" s="561"/>
      <c r="IJ5" s="536" t="s">
        <v>94</v>
      </c>
      <c r="IK5" s="445"/>
      <c r="IL5" s="445"/>
      <c r="IM5" s="445"/>
      <c r="IN5" s="445"/>
      <c r="IO5" s="445"/>
      <c r="IP5" s="445"/>
      <c r="IQ5" s="445"/>
      <c r="IR5" s="445"/>
      <c r="IS5" s="445"/>
      <c r="IT5" s="446"/>
      <c r="IU5" s="536" t="s">
        <v>88</v>
      </c>
      <c r="IV5" s="445"/>
      <c r="IW5" s="445"/>
      <c r="IX5" s="445"/>
      <c r="IY5" s="445"/>
      <c r="IZ5" s="445"/>
      <c r="JA5" s="445"/>
      <c r="JB5" s="445"/>
      <c r="JC5" s="445"/>
      <c r="JD5" s="445"/>
      <c r="JE5" s="446"/>
      <c r="JF5" s="565" t="s">
        <v>144</v>
      </c>
      <c r="JG5" s="566"/>
      <c r="JH5" s="566"/>
      <c r="JI5" s="566"/>
      <c r="JJ5" s="566"/>
      <c r="JK5" s="566"/>
      <c r="JL5" s="566"/>
      <c r="JM5" s="566"/>
      <c r="JN5" s="566"/>
      <c r="JO5" s="566"/>
      <c r="JP5" s="567"/>
      <c r="JQ5" s="536" t="s">
        <v>90</v>
      </c>
      <c r="JR5" s="445"/>
      <c r="JS5" s="445"/>
      <c r="JT5" s="445"/>
      <c r="JU5" s="445"/>
      <c r="JV5" s="445"/>
      <c r="JW5" s="445"/>
      <c r="JX5" s="445"/>
      <c r="JY5" s="445"/>
      <c r="JZ5" s="445"/>
      <c r="KA5" s="446"/>
      <c r="KB5" s="536" t="s">
        <v>89</v>
      </c>
      <c r="KC5" s="445"/>
      <c r="KD5" s="445"/>
      <c r="KE5" s="445"/>
      <c r="KF5" s="445"/>
      <c r="KG5" s="445"/>
      <c r="KH5" s="445"/>
      <c r="KI5" s="445"/>
      <c r="KJ5" s="445"/>
      <c r="KK5" s="445"/>
      <c r="KL5" s="446"/>
      <c r="KM5" s="536" t="s">
        <v>91</v>
      </c>
      <c r="KN5" s="445"/>
      <c r="KO5" s="445"/>
      <c r="KP5" s="445"/>
      <c r="KQ5" s="445"/>
      <c r="KR5" s="445"/>
      <c r="KS5" s="445"/>
      <c r="KT5" s="445"/>
      <c r="KU5" s="445"/>
      <c r="KV5" s="445"/>
      <c r="KW5" s="446"/>
      <c r="KX5" s="536" t="s">
        <v>92</v>
      </c>
      <c r="KY5" s="445"/>
      <c r="KZ5" s="445"/>
      <c r="LA5" s="445"/>
      <c r="LB5" s="445"/>
      <c r="LC5" s="445"/>
      <c r="LD5" s="445"/>
      <c r="LE5" s="445"/>
      <c r="LF5" s="445"/>
      <c r="LG5" s="445"/>
      <c r="LH5" s="446"/>
      <c r="LI5" s="571" t="s">
        <v>93</v>
      </c>
      <c r="LJ5" s="572"/>
      <c r="LK5" s="572"/>
      <c r="LL5" s="572"/>
      <c r="LM5" s="572"/>
      <c r="LN5" s="572"/>
      <c r="LO5" s="572"/>
      <c r="LP5" s="572"/>
      <c r="LQ5" s="572"/>
      <c r="LR5" s="572"/>
      <c r="LS5" s="573"/>
      <c r="LT5" s="574" t="s">
        <v>145</v>
      </c>
      <c r="LU5" s="575"/>
      <c r="LV5" s="575"/>
      <c r="LW5" s="575"/>
      <c r="LX5" s="575"/>
      <c r="LY5" s="575"/>
      <c r="LZ5" s="575"/>
      <c r="MA5" s="575"/>
      <c r="MB5" s="575"/>
      <c r="MC5" s="575"/>
      <c r="MD5" s="576"/>
      <c r="ME5" s="559"/>
      <c r="MF5" s="560"/>
      <c r="MG5" s="560"/>
      <c r="MH5" s="560"/>
      <c r="MI5" s="560"/>
      <c r="MJ5" s="560"/>
      <c r="MK5" s="560"/>
      <c r="ML5" s="560"/>
      <c r="MM5" s="560"/>
      <c r="MN5" s="560"/>
      <c r="MO5" s="561"/>
      <c r="MP5" s="536" t="s">
        <v>57</v>
      </c>
      <c r="MQ5" s="445"/>
      <c r="MR5" s="445"/>
      <c r="MS5" s="445"/>
      <c r="MT5" s="445"/>
      <c r="MU5" s="445"/>
      <c r="MV5" s="445"/>
      <c r="MW5" s="445"/>
      <c r="MX5" s="445"/>
      <c r="MY5" s="445"/>
      <c r="MZ5" s="446"/>
      <c r="NA5" s="536" t="s">
        <v>58</v>
      </c>
      <c r="NB5" s="445"/>
      <c r="NC5" s="445"/>
      <c r="ND5" s="445"/>
      <c r="NE5" s="445"/>
      <c r="NF5" s="445"/>
      <c r="NG5" s="445"/>
      <c r="NH5" s="445"/>
      <c r="NI5" s="445"/>
      <c r="NJ5" s="445"/>
      <c r="NK5" s="446"/>
      <c r="NL5" s="536" t="s">
        <v>59</v>
      </c>
      <c r="NM5" s="445"/>
      <c r="NN5" s="445"/>
      <c r="NO5" s="445"/>
      <c r="NP5" s="445"/>
      <c r="NQ5" s="445"/>
      <c r="NR5" s="445"/>
      <c r="NS5" s="445"/>
      <c r="NT5" s="445"/>
      <c r="NU5" s="445"/>
      <c r="NV5" s="446"/>
      <c r="NW5" s="584" t="s">
        <v>151</v>
      </c>
      <c r="NX5" s="585"/>
      <c r="NY5" s="585"/>
      <c r="NZ5" s="585"/>
      <c r="OA5" s="585"/>
      <c r="OB5" s="585"/>
      <c r="OC5" s="585"/>
      <c r="OD5" s="585"/>
      <c r="OE5" s="585"/>
      <c r="OF5" s="585"/>
      <c r="OG5" s="586"/>
      <c r="OH5" s="556"/>
      <c r="OI5" s="557"/>
      <c r="OJ5" s="557"/>
      <c r="OK5" s="557"/>
      <c r="OL5" s="557"/>
      <c r="OM5" s="557"/>
      <c r="ON5" s="557"/>
      <c r="OO5" s="557"/>
      <c r="OP5" s="557"/>
      <c r="OQ5" s="557"/>
      <c r="OR5" s="558"/>
    </row>
    <row r="6" spans="1:408" ht="18" customHeight="1" thickBot="1" x14ac:dyDescent="0.25">
      <c r="A6" s="598"/>
      <c r="B6" s="602"/>
      <c r="C6" s="602"/>
      <c r="D6" s="602"/>
      <c r="E6" s="602"/>
      <c r="F6" s="602"/>
      <c r="G6" s="602"/>
      <c r="H6" s="602"/>
      <c r="I6" s="602"/>
      <c r="J6" s="602"/>
      <c r="K6" s="602"/>
      <c r="L6" s="602"/>
      <c r="M6" s="537"/>
      <c r="N6" s="528"/>
      <c r="O6" s="528"/>
      <c r="P6" s="528"/>
      <c r="Q6" s="528"/>
      <c r="R6" s="528"/>
      <c r="S6" s="528"/>
      <c r="T6" s="528"/>
      <c r="U6" s="528"/>
      <c r="V6" s="528"/>
      <c r="W6" s="538"/>
      <c r="X6" s="539" t="s">
        <v>70</v>
      </c>
      <c r="Y6" s="540"/>
      <c r="Z6" s="540"/>
      <c r="AA6" s="540"/>
      <c r="AB6" s="540"/>
      <c r="AC6" s="540"/>
      <c r="AD6" s="540"/>
      <c r="AE6" s="540"/>
      <c r="AF6" s="540"/>
      <c r="AG6" s="540"/>
      <c r="AH6" s="541"/>
      <c r="AI6" s="606" t="s">
        <v>71</v>
      </c>
      <c r="AJ6" s="607"/>
      <c r="AK6" s="607"/>
      <c r="AL6" s="607"/>
      <c r="AM6" s="607"/>
      <c r="AN6" s="607"/>
      <c r="AO6" s="607"/>
      <c r="AP6" s="607"/>
      <c r="AQ6" s="607"/>
      <c r="AR6" s="607"/>
      <c r="AS6" s="608"/>
      <c r="AT6" s="615" t="s">
        <v>72</v>
      </c>
      <c r="AU6" s="616"/>
      <c r="AV6" s="616"/>
      <c r="AW6" s="616"/>
      <c r="AX6" s="616"/>
      <c r="AY6" s="616"/>
      <c r="AZ6" s="616"/>
      <c r="BA6" s="616"/>
      <c r="BB6" s="616"/>
      <c r="BC6" s="616"/>
      <c r="BD6" s="617"/>
      <c r="BE6" s="615" t="s">
        <v>73</v>
      </c>
      <c r="BF6" s="616"/>
      <c r="BG6" s="616"/>
      <c r="BH6" s="616"/>
      <c r="BI6" s="616"/>
      <c r="BJ6" s="616"/>
      <c r="BK6" s="616"/>
      <c r="BL6" s="616"/>
      <c r="BM6" s="616"/>
      <c r="BN6" s="616"/>
      <c r="BO6" s="617"/>
      <c r="BP6" s="615" t="s">
        <v>74</v>
      </c>
      <c r="BQ6" s="616"/>
      <c r="BR6" s="616"/>
      <c r="BS6" s="616"/>
      <c r="BT6" s="616"/>
      <c r="BU6" s="616"/>
      <c r="BV6" s="616"/>
      <c r="BW6" s="616"/>
      <c r="BX6" s="616"/>
      <c r="BY6" s="616"/>
      <c r="BZ6" s="617"/>
      <c r="CA6" s="562"/>
      <c r="CB6" s="563"/>
      <c r="CC6" s="563"/>
      <c r="CD6" s="563"/>
      <c r="CE6" s="563"/>
      <c r="CF6" s="563"/>
      <c r="CG6" s="563"/>
      <c r="CH6" s="563"/>
      <c r="CI6" s="563"/>
      <c r="CJ6" s="563"/>
      <c r="CK6" s="564"/>
      <c r="CL6" s="615" t="s">
        <v>75</v>
      </c>
      <c r="CM6" s="616"/>
      <c r="CN6" s="616"/>
      <c r="CO6" s="616"/>
      <c r="CP6" s="616"/>
      <c r="CQ6" s="616"/>
      <c r="CR6" s="616"/>
      <c r="CS6" s="616"/>
      <c r="CT6" s="616"/>
      <c r="CU6" s="616"/>
      <c r="CV6" s="617"/>
      <c r="CW6" s="615" t="s">
        <v>76</v>
      </c>
      <c r="CX6" s="616"/>
      <c r="CY6" s="616"/>
      <c r="CZ6" s="616"/>
      <c r="DA6" s="616"/>
      <c r="DB6" s="616"/>
      <c r="DC6" s="616"/>
      <c r="DD6" s="616"/>
      <c r="DE6" s="616"/>
      <c r="DF6" s="616"/>
      <c r="DG6" s="617"/>
      <c r="DH6" s="562"/>
      <c r="DI6" s="563"/>
      <c r="DJ6" s="563"/>
      <c r="DK6" s="563"/>
      <c r="DL6" s="563"/>
      <c r="DM6" s="563"/>
      <c r="DN6" s="563"/>
      <c r="DO6" s="563"/>
      <c r="DP6" s="563"/>
      <c r="DQ6" s="563"/>
      <c r="DR6" s="563"/>
      <c r="DS6" s="615" t="s">
        <v>77</v>
      </c>
      <c r="DT6" s="616"/>
      <c r="DU6" s="616"/>
      <c r="DV6" s="616"/>
      <c r="DW6" s="616"/>
      <c r="DX6" s="616"/>
      <c r="DY6" s="616"/>
      <c r="DZ6" s="616"/>
      <c r="EA6" s="616"/>
      <c r="EB6" s="616"/>
      <c r="EC6" s="617"/>
      <c r="ED6" s="615" t="s">
        <v>78</v>
      </c>
      <c r="EE6" s="616"/>
      <c r="EF6" s="616"/>
      <c r="EG6" s="616"/>
      <c r="EH6" s="616"/>
      <c r="EI6" s="616"/>
      <c r="EJ6" s="616"/>
      <c r="EK6" s="616"/>
      <c r="EL6" s="616"/>
      <c r="EM6" s="616"/>
      <c r="EN6" s="617"/>
      <c r="EO6" s="615" t="s">
        <v>79</v>
      </c>
      <c r="EP6" s="616"/>
      <c r="EQ6" s="616"/>
      <c r="ER6" s="616"/>
      <c r="ES6" s="616"/>
      <c r="ET6" s="616"/>
      <c r="EU6" s="616"/>
      <c r="EV6" s="616"/>
      <c r="EW6" s="616"/>
      <c r="EX6" s="616"/>
      <c r="EY6" s="617"/>
      <c r="EZ6" s="618" t="s">
        <v>152</v>
      </c>
      <c r="FA6" s="616"/>
      <c r="FB6" s="616"/>
      <c r="FC6" s="616"/>
      <c r="FD6" s="616"/>
      <c r="FE6" s="616"/>
      <c r="FF6" s="616"/>
      <c r="FG6" s="616"/>
      <c r="FH6" s="616"/>
      <c r="FI6" s="616"/>
      <c r="FJ6" s="617"/>
      <c r="FK6" s="562"/>
      <c r="FL6" s="563"/>
      <c r="FM6" s="563"/>
      <c r="FN6" s="563"/>
      <c r="FO6" s="563"/>
      <c r="FP6" s="563"/>
      <c r="FQ6" s="563"/>
      <c r="FR6" s="563"/>
      <c r="FS6" s="563"/>
      <c r="FT6" s="563"/>
      <c r="FU6" s="563"/>
      <c r="FV6" s="615" t="s">
        <v>80</v>
      </c>
      <c r="FW6" s="616"/>
      <c r="FX6" s="616"/>
      <c r="FY6" s="616"/>
      <c r="FZ6" s="616"/>
      <c r="GA6" s="616"/>
      <c r="GB6" s="616"/>
      <c r="GC6" s="616"/>
      <c r="GD6" s="616"/>
      <c r="GE6" s="616"/>
      <c r="GF6" s="617"/>
      <c r="GG6" s="539" t="s">
        <v>81</v>
      </c>
      <c r="GH6" s="540"/>
      <c r="GI6" s="540"/>
      <c r="GJ6" s="540"/>
      <c r="GK6" s="540"/>
      <c r="GL6" s="540"/>
      <c r="GM6" s="540"/>
      <c r="GN6" s="540"/>
      <c r="GO6" s="540"/>
      <c r="GP6" s="540"/>
      <c r="GQ6" s="541"/>
      <c r="GR6" s="539" t="s">
        <v>82</v>
      </c>
      <c r="GS6" s="540"/>
      <c r="GT6" s="540"/>
      <c r="GU6" s="540"/>
      <c r="GV6" s="540"/>
      <c r="GW6" s="540"/>
      <c r="GX6" s="540"/>
      <c r="GY6" s="540"/>
      <c r="GZ6" s="540"/>
      <c r="HA6" s="540"/>
      <c r="HB6" s="541"/>
      <c r="HC6" s="609"/>
      <c r="HD6" s="610"/>
      <c r="HE6" s="610"/>
      <c r="HF6" s="610"/>
      <c r="HG6" s="610"/>
      <c r="HH6" s="610"/>
      <c r="HI6" s="610"/>
      <c r="HJ6" s="610"/>
      <c r="HK6" s="610"/>
      <c r="HL6" s="610"/>
      <c r="HM6" s="611"/>
      <c r="HN6" s="609"/>
      <c r="HO6" s="610"/>
      <c r="HP6" s="610"/>
      <c r="HQ6" s="610"/>
      <c r="HR6" s="610"/>
      <c r="HS6" s="610"/>
      <c r="HT6" s="610"/>
      <c r="HU6" s="610"/>
      <c r="HV6" s="610"/>
      <c r="HW6" s="610"/>
      <c r="HX6" s="611"/>
      <c r="HY6" s="562"/>
      <c r="HZ6" s="563"/>
      <c r="IA6" s="563"/>
      <c r="IB6" s="563"/>
      <c r="IC6" s="563"/>
      <c r="ID6" s="563"/>
      <c r="IE6" s="563"/>
      <c r="IF6" s="563"/>
      <c r="IG6" s="563"/>
      <c r="IH6" s="563"/>
      <c r="II6" s="564"/>
      <c r="IJ6" s="537"/>
      <c r="IK6" s="528"/>
      <c r="IL6" s="528"/>
      <c r="IM6" s="528"/>
      <c r="IN6" s="528"/>
      <c r="IO6" s="528"/>
      <c r="IP6" s="528"/>
      <c r="IQ6" s="528"/>
      <c r="IR6" s="528"/>
      <c r="IS6" s="528"/>
      <c r="IT6" s="538"/>
      <c r="IU6" s="537"/>
      <c r="IV6" s="528"/>
      <c r="IW6" s="528"/>
      <c r="IX6" s="528"/>
      <c r="IY6" s="528"/>
      <c r="IZ6" s="528"/>
      <c r="JA6" s="528"/>
      <c r="JB6" s="528"/>
      <c r="JC6" s="528"/>
      <c r="JD6" s="528"/>
      <c r="JE6" s="538"/>
      <c r="JF6" s="568"/>
      <c r="JG6" s="569"/>
      <c r="JH6" s="569"/>
      <c r="JI6" s="569"/>
      <c r="JJ6" s="569"/>
      <c r="JK6" s="569"/>
      <c r="JL6" s="569"/>
      <c r="JM6" s="569"/>
      <c r="JN6" s="569"/>
      <c r="JO6" s="569"/>
      <c r="JP6" s="570"/>
      <c r="JQ6" s="537"/>
      <c r="JR6" s="528"/>
      <c r="JS6" s="528"/>
      <c r="JT6" s="528"/>
      <c r="JU6" s="528"/>
      <c r="JV6" s="528"/>
      <c r="JW6" s="528"/>
      <c r="JX6" s="528"/>
      <c r="JY6" s="528"/>
      <c r="JZ6" s="528"/>
      <c r="KA6" s="538"/>
      <c r="KB6" s="537"/>
      <c r="KC6" s="528"/>
      <c r="KD6" s="528"/>
      <c r="KE6" s="528"/>
      <c r="KF6" s="528"/>
      <c r="KG6" s="528"/>
      <c r="KH6" s="528"/>
      <c r="KI6" s="528"/>
      <c r="KJ6" s="528"/>
      <c r="KK6" s="528"/>
      <c r="KL6" s="538"/>
      <c r="KM6" s="537"/>
      <c r="KN6" s="528"/>
      <c r="KO6" s="528"/>
      <c r="KP6" s="528"/>
      <c r="KQ6" s="528"/>
      <c r="KR6" s="528"/>
      <c r="KS6" s="528"/>
      <c r="KT6" s="528"/>
      <c r="KU6" s="528"/>
      <c r="KV6" s="528"/>
      <c r="KW6" s="538"/>
      <c r="KX6" s="537"/>
      <c r="KY6" s="528"/>
      <c r="KZ6" s="528"/>
      <c r="LA6" s="528"/>
      <c r="LB6" s="528"/>
      <c r="LC6" s="528"/>
      <c r="LD6" s="528"/>
      <c r="LE6" s="528"/>
      <c r="LF6" s="528"/>
      <c r="LG6" s="528"/>
      <c r="LH6" s="538"/>
      <c r="LI6" s="562"/>
      <c r="LJ6" s="563"/>
      <c r="LK6" s="563"/>
      <c r="LL6" s="563"/>
      <c r="LM6" s="563"/>
      <c r="LN6" s="563"/>
      <c r="LO6" s="563"/>
      <c r="LP6" s="563"/>
      <c r="LQ6" s="563"/>
      <c r="LR6" s="563"/>
      <c r="LS6" s="564"/>
      <c r="LT6" s="577"/>
      <c r="LU6" s="578"/>
      <c r="LV6" s="578"/>
      <c r="LW6" s="578"/>
      <c r="LX6" s="578"/>
      <c r="LY6" s="578"/>
      <c r="LZ6" s="578"/>
      <c r="MA6" s="578"/>
      <c r="MB6" s="578"/>
      <c r="MC6" s="578"/>
      <c r="MD6" s="579"/>
      <c r="ME6" s="562"/>
      <c r="MF6" s="563"/>
      <c r="MG6" s="563"/>
      <c r="MH6" s="563"/>
      <c r="MI6" s="563"/>
      <c r="MJ6" s="563"/>
      <c r="MK6" s="563"/>
      <c r="ML6" s="563"/>
      <c r="MM6" s="563"/>
      <c r="MN6" s="563"/>
      <c r="MO6" s="564"/>
      <c r="MP6" s="537"/>
      <c r="MQ6" s="528"/>
      <c r="MR6" s="528"/>
      <c r="MS6" s="528"/>
      <c r="MT6" s="528"/>
      <c r="MU6" s="528"/>
      <c r="MV6" s="528"/>
      <c r="MW6" s="528"/>
      <c r="MX6" s="528"/>
      <c r="MY6" s="528"/>
      <c r="MZ6" s="538"/>
      <c r="NA6" s="537"/>
      <c r="NB6" s="528"/>
      <c r="NC6" s="528"/>
      <c r="ND6" s="528"/>
      <c r="NE6" s="528"/>
      <c r="NF6" s="528"/>
      <c r="NG6" s="528"/>
      <c r="NH6" s="528"/>
      <c r="NI6" s="528"/>
      <c r="NJ6" s="528"/>
      <c r="NK6" s="538"/>
      <c r="NL6" s="537"/>
      <c r="NM6" s="528"/>
      <c r="NN6" s="528"/>
      <c r="NO6" s="528"/>
      <c r="NP6" s="528"/>
      <c r="NQ6" s="528"/>
      <c r="NR6" s="528"/>
      <c r="NS6" s="528"/>
      <c r="NT6" s="528"/>
      <c r="NU6" s="528"/>
      <c r="NV6" s="538"/>
      <c r="NW6" s="587"/>
      <c r="NX6" s="588"/>
      <c r="NY6" s="588"/>
      <c r="NZ6" s="588"/>
      <c r="OA6" s="588"/>
      <c r="OB6" s="588"/>
      <c r="OC6" s="588"/>
      <c r="OD6" s="588"/>
      <c r="OE6" s="588"/>
      <c r="OF6" s="588"/>
      <c r="OG6" s="589"/>
      <c r="OH6" s="537"/>
      <c r="OI6" s="528"/>
      <c r="OJ6" s="528"/>
      <c r="OK6" s="528"/>
      <c r="OL6" s="528"/>
      <c r="OM6" s="528"/>
      <c r="ON6" s="528"/>
      <c r="OO6" s="528"/>
      <c r="OP6" s="528"/>
      <c r="OQ6" s="528"/>
      <c r="OR6" s="538"/>
    </row>
    <row r="7" spans="1:408" ht="18" customHeight="1" x14ac:dyDescent="0.2">
      <c r="A7" s="598"/>
      <c r="B7" s="519" t="s">
        <v>61</v>
      </c>
      <c r="C7" s="519"/>
      <c r="D7" s="519"/>
      <c r="E7" s="518" t="s">
        <v>62</v>
      </c>
      <c r="F7" s="519"/>
      <c r="G7" s="519"/>
      <c r="H7" s="519"/>
      <c r="I7" s="519"/>
      <c r="J7" s="519"/>
      <c r="K7" s="519"/>
      <c r="L7" s="518" t="s">
        <v>52</v>
      </c>
      <c r="M7" s="613" t="s">
        <v>61</v>
      </c>
      <c r="N7" s="519"/>
      <c r="O7" s="519"/>
      <c r="P7" s="518" t="s">
        <v>62</v>
      </c>
      <c r="Q7" s="519"/>
      <c r="R7" s="519"/>
      <c r="S7" s="519"/>
      <c r="T7" s="519"/>
      <c r="U7" s="519"/>
      <c r="V7" s="520"/>
      <c r="W7" s="553" t="s">
        <v>52</v>
      </c>
      <c r="X7" s="537" t="s">
        <v>61</v>
      </c>
      <c r="Y7" s="528"/>
      <c r="Z7" s="529"/>
      <c r="AA7" s="527" t="s">
        <v>62</v>
      </c>
      <c r="AB7" s="528"/>
      <c r="AC7" s="528"/>
      <c r="AD7" s="528"/>
      <c r="AE7" s="528"/>
      <c r="AF7" s="528"/>
      <c r="AG7" s="529"/>
      <c r="AH7" s="538" t="s">
        <v>52</v>
      </c>
      <c r="AI7" s="515" t="s">
        <v>61</v>
      </c>
      <c r="AJ7" s="516"/>
      <c r="AK7" s="517"/>
      <c r="AL7" s="551" t="s">
        <v>62</v>
      </c>
      <c r="AM7" s="516"/>
      <c r="AN7" s="516"/>
      <c r="AO7" s="516"/>
      <c r="AP7" s="516"/>
      <c r="AQ7" s="516"/>
      <c r="AR7" s="552"/>
      <c r="AS7" s="614" t="s">
        <v>52</v>
      </c>
      <c r="AT7" s="532" t="s">
        <v>61</v>
      </c>
      <c r="AU7" s="525"/>
      <c r="AV7" s="526"/>
      <c r="AW7" s="554" t="s">
        <v>62</v>
      </c>
      <c r="AX7" s="525"/>
      <c r="AY7" s="525"/>
      <c r="AZ7" s="525"/>
      <c r="BA7" s="525"/>
      <c r="BB7" s="525"/>
      <c r="BC7" s="555"/>
      <c r="BD7" s="538" t="s">
        <v>52</v>
      </c>
      <c r="BE7" s="532" t="s">
        <v>61</v>
      </c>
      <c r="BF7" s="525"/>
      <c r="BG7" s="526"/>
      <c r="BH7" s="554" t="s">
        <v>62</v>
      </c>
      <c r="BI7" s="525"/>
      <c r="BJ7" s="525"/>
      <c r="BK7" s="525"/>
      <c r="BL7" s="525"/>
      <c r="BM7" s="525"/>
      <c r="BN7" s="555"/>
      <c r="BO7" s="538" t="s">
        <v>52</v>
      </c>
      <c r="BP7" s="532" t="s">
        <v>61</v>
      </c>
      <c r="BQ7" s="525"/>
      <c r="BR7" s="526"/>
      <c r="BS7" s="554" t="s">
        <v>62</v>
      </c>
      <c r="BT7" s="525"/>
      <c r="BU7" s="525"/>
      <c r="BV7" s="525"/>
      <c r="BW7" s="525"/>
      <c r="BX7" s="525"/>
      <c r="BY7" s="555"/>
      <c r="BZ7" s="538" t="s">
        <v>52</v>
      </c>
      <c r="CA7" s="515" t="s">
        <v>61</v>
      </c>
      <c r="CB7" s="516"/>
      <c r="CC7" s="517"/>
      <c r="CD7" s="551" t="s">
        <v>62</v>
      </c>
      <c r="CE7" s="516"/>
      <c r="CF7" s="516"/>
      <c r="CG7" s="516"/>
      <c r="CH7" s="516"/>
      <c r="CI7" s="516"/>
      <c r="CJ7" s="552"/>
      <c r="CK7" s="553" t="s">
        <v>52</v>
      </c>
      <c r="CL7" s="532" t="s">
        <v>61</v>
      </c>
      <c r="CM7" s="525"/>
      <c r="CN7" s="555"/>
      <c r="CO7" s="554" t="s">
        <v>62</v>
      </c>
      <c r="CP7" s="525"/>
      <c r="CQ7" s="525"/>
      <c r="CR7" s="525"/>
      <c r="CS7" s="525"/>
      <c r="CT7" s="525"/>
      <c r="CU7" s="555"/>
      <c r="CV7" s="549" t="s">
        <v>52</v>
      </c>
      <c r="CW7" s="532" t="s">
        <v>61</v>
      </c>
      <c r="CX7" s="525"/>
      <c r="CY7" s="555"/>
      <c r="CZ7" s="554" t="s">
        <v>62</v>
      </c>
      <c r="DA7" s="525"/>
      <c r="DB7" s="525"/>
      <c r="DC7" s="525"/>
      <c r="DD7" s="525"/>
      <c r="DE7" s="525"/>
      <c r="DF7" s="555"/>
      <c r="DG7" s="549" t="s">
        <v>52</v>
      </c>
      <c r="DH7" s="515" t="s">
        <v>61</v>
      </c>
      <c r="DI7" s="516"/>
      <c r="DJ7" s="552"/>
      <c r="DK7" s="551" t="s">
        <v>62</v>
      </c>
      <c r="DL7" s="516"/>
      <c r="DM7" s="516"/>
      <c r="DN7" s="516"/>
      <c r="DO7" s="516"/>
      <c r="DP7" s="516"/>
      <c r="DQ7" s="552"/>
      <c r="DR7" s="553" t="s">
        <v>52</v>
      </c>
      <c r="DS7" s="532" t="s">
        <v>61</v>
      </c>
      <c r="DT7" s="525"/>
      <c r="DU7" s="526"/>
      <c r="DV7" s="554" t="s">
        <v>62</v>
      </c>
      <c r="DW7" s="525"/>
      <c r="DX7" s="525"/>
      <c r="DY7" s="525"/>
      <c r="DZ7" s="525"/>
      <c r="EA7" s="525"/>
      <c r="EB7" s="555"/>
      <c r="EC7" s="538" t="s">
        <v>52</v>
      </c>
      <c r="ED7" s="532" t="s">
        <v>61</v>
      </c>
      <c r="EE7" s="525"/>
      <c r="EF7" s="526"/>
      <c r="EG7" s="554" t="s">
        <v>62</v>
      </c>
      <c r="EH7" s="525"/>
      <c r="EI7" s="525"/>
      <c r="EJ7" s="525"/>
      <c r="EK7" s="525"/>
      <c r="EL7" s="525"/>
      <c r="EM7" s="555"/>
      <c r="EN7" s="538" t="s">
        <v>52</v>
      </c>
      <c r="EO7" s="532" t="s">
        <v>61</v>
      </c>
      <c r="EP7" s="525"/>
      <c r="EQ7" s="526"/>
      <c r="ER7" s="554" t="s">
        <v>62</v>
      </c>
      <c r="ES7" s="525"/>
      <c r="ET7" s="525"/>
      <c r="EU7" s="525"/>
      <c r="EV7" s="525"/>
      <c r="EW7" s="525"/>
      <c r="EX7" s="555"/>
      <c r="EY7" s="538" t="s">
        <v>52</v>
      </c>
      <c r="EZ7" s="532" t="s">
        <v>61</v>
      </c>
      <c r="FA7" s="525"/>
      <c r="FB7" s="526"/>
      <c r="FC7" s="554" t="s">
        <v>62</v>
      </c>
      <c r="FD7" s="525"/>
      <c r="FE7" s="525"/>
      <c r="FF7" s="525"/>
      <c r="FG7" s="525"/>
      <c r="FH7" s="525"/>
      <c r="FI7" s="555"/>
      <c r="FJ7" s="538" t="s">
        <v>52</v>
      </c>
      <c r="FK7" s="515" t="s">
        <v>61</v>
      </c>
      <c r="FL7" s="516"/>
      <c r="FM7" s="517"/>
      <c r="FN7" s="551" t="s">
        <v>62</v>
      </c>
      <c r="FO7" s="516"/>
      <c r="FP7" s="516"/>
      <c r="FQ7" s="516"/>
      <c r="FR7" s="516"/>
      <c r="FS7" s="516"/>
      <c r="FT7" s="552"/>
      <c r="FU7" s="519" t="s">
        <v>52</v>
      </c>
      <c r="FV7" s="532" t="s">
        <v>61</v>
      </c>
      <c r="FW7" s="525"/>
      <c r="FX7" s="526"/>
      <c r="FY7" s="554" t="s">
        <v>62</v>
      </c>
      <c r="FZ7" s="525"/>
      <c r="GA7" s="525"/>
      <c r="GB7" s="525"/>
      <c r="GC7" s="525"/>
      <c r="GD7" s="525"/>
      <c r="GE7" s="555"/>
      <c r="GF7" s="538" t="s">
        <v>52</v>
      </c>
      <c r="GG7" s="537" t="s">
        <v>61</v>
      </c>
      <c r="GH7" s="528"/>
      <c r="GI7" s="528"/>
      <c r="GJ7" s="527" t="s">
        <v>62</v>
      </c>
      <c r="GK7" s="528"/>
      <c r="GL7" s="528"/>
      <c r="GM7" s="528"/>
      <c r="GN7" s="528"/>
      <c r="GO7" s="528"/>
      <c r="GP7" s="529"/>
      <c r="GQ7" s="595" t="s">
        <v>52</v>
      </c>
      <c r="GR7" s="537" t="s">
        <v>61</v>
      </c>
      <c r="GS7" s="528"/>
      <c r="GT7" s="529"/>
      <c r="GU7" s="527" t="s">
        <v>62</v>
      </c>
      <c r="GV7" s="528"/>
      <c r="GW7" s="528"/>
      <c r="GX7" s="528"/>
      <c r="GY7" s="528"/>
      <c r="GZ7" s="528"/>
      <c r="HA7" s="529"/>
      <c r="HB7" s="595" t="s">
        <v>52</v>
      </c>
      <c r="HC7" s="532" t="s">
        <v>61</v>
      </c>
      <c r="HD7" s="525"/>
      <c r="HE7" s="526"/>
      <c r="HF7" s="554" t="s">
        <v>62</v>
      </c>
      <c r="HG7" s="525"/>
      <c r="HH7" s="525"/>
      <c r="HI7" s="525"/>
      <c r="HJ7" s="525"/>
      <c r="HK7" s="525"/>
      <c r="HL7" s="555"/>
      <c r="HM7" s="538" t="s">
        <v>52</v>
      </c>
      <c r="HN7" s="532" t="s">
        <v>61</v>
      </c>
      <c r="HO7" s="525"/>
      <c r="HP7" s="526"/>
      <c r="HQ7" s="554" t="s">
        <v>62</v>
      </c>
      <c r="HR7" s="525"/>
      <c r="HS7" s="525"/>
      <c r="HT7" s="525"/>
      <c r="HU7" s="525"/>
      <c r="HV7" s="525"/>
      <c r="HW7" s="555"/>
      <c r="HX7" s="538" t="s">
        <v>52</v>
      </c>
      <c r="HY7" s="515" t="s">
        <v>61</v>
      </c>
      <c r="HZ7" s="516"/>
      <c r="IA7" s="517"/>
      <c r="IB7" s="551" t="s">
        <v>62</v>
      </c>
      <c r="IC7" s="516"/>
      <c r="ID7" s="516"/>
      <c r="IE7" s="516"/>
      <c r="IF7" s="516"/>
      <c r="IG7" s="516"/>
      <c r="IH7" s="552"/>
      <c r="II7" s="519" t="s">
        <v>52</v>
      </c>
      <c r="IJ7" s="532" t="s">
        <v>61</v>
      </c>
      <c r="IK7" s="525"/>
      <c r="IL7" s="526"/>
      <c r="IM7" s="554" t="s">
        <v>62</v>
      </c>
      <c r="IN7" s="525"/>
      <c r="IO7" s="525"/>
      <c r="IP7" s="525"/>
      <c r="IQ7" s="525"/>
      <c r="IR7" s="525"/>
      <c r="IS7" s="555"/>
      <c r="IT7" s="538" t="s">
        <v>52</v>
      </c>
      <c r="IU7" s="532" t="s">
        <v>61</v>
      </c>
      <c r="IV7" s="525"/>
      <c r="IW7" s="555"/>
      <c r="IX7" s="554" t="s">
        <v>62</v>
      </c>
      <c r="IY7" s="525"/>
      <c r="IZ7" s="525"/>
      <c r="JA7" s="525"/>
      <c r="JB7" s="525"/>
      <c r="JC7" s="525"/>
      <c r="JD7" s="555"/>
      <c r="JE7" s="538" t="s">
        <v>52</v>
      </c>
      <c r="JF7" s="532" t="s">
        <v>61</v>
      </c>
      <c r="JG7" s="525"/>
      <c r="JH7" s="526"/>
      <c r="JI7" s="554" t="s">
        <v>62</v>
      </c>
      <c r="JJ7" s="525"/>
      <c r="JK7" s="525"/>
      <c r="JL7" s="525"/>
      <c r="JM7" s="525"/>
      <c r="JN7" s="525"/>
      <c r="JO7" s="555"/>
      <c r="JP7" s="549" t="s">
        <v>52</v>
      </c>
      <c r="JQ7" s="532" t="s">
        <v>61</v>
      </c>
      <c r="JR7" s="525"/>
      <c r="JS7" s="526"/>
      <c r="JT7" s="554" t="s">
        <v>62</v>
      </c>
      <c r="JU7" s="525"/>
      <c r="JV7" s="525"/>
      <c r="JW7" s="525"/>
      <c r="JX7" s="525"/>
      <c r="JY7" s="525"/>
      <c r="JZ7" s="555"/>
      <c r="KA7" s="549" t="s">
        <v>52</v>
      </c>
      <c r="KB7" s="532" t="s">
        <v>61</v>
      </c>
      <c r="KC7" s="525"/>
      <c r="KD7" s="526"/>
      <c r="KE7" s="554" t="s">
        <v>62</v>
      </c>
      <c r="KF7" s="525"/>
      <c r="KG7" s="525"/>
      <c r="KH7" s="525"/>
      <c r="KI7" s="525"/>
      <c r="KJ7" s="525"/>
      <c r="KK7" s="555"/>
      <c r="KL7" s="549" t="s">
        <v>52</v>
      </c>
      <c r="KM7" s="532" t="s">
        <v>61</v>
      </c>
      <c r="KN7" s="525"/>
      <c r="KO7" s="526"/>
      <c r="KP7" s="554" t="s">
        <v>62</v>
      </c>
      <c r="KQ7" s="525"/>
      <c r="KR7" s="525"/>
      <c r="KS7" s="525"/>
      <c r="KT7" s="525"/>
      <c r="KU7" s="525"/>
      <c r="KV7" s="555"/>
      <c r="KW7" s="549" t="s">
        <v>52</v>
      </c>
      <c r="KX7" s="532" t="s">
        <v>61</v>
      </c>
      <c r="KY7" s="525"/>
      <c r="KZ7" s="526"/>
      <c r="LA7" s="554" t="s">
        <v>62</v>
      </c>
      <c r="LB7" s="525"/>
      <c r="LC7" s="525"/>
      <c r="LD7" s="525"/>
      <c r="LE7" s="525"/>
      <c r="LF7" s="525"/>
      <c r="LG7" s="555"/>
      <c r="LH7" s="549" t="s">
        <v>52</v>
      </c>
      <c r="LI7" s="532" t="s">
        <v>61</v>
      </c>
      <c r="LJ7" s="525"/>
      <c r="LK7" s="526"/>
      <c r="LL7" s="554" t="s">
        <v>62</v>
      </c>
      <c r="LM7" s="525"/>
      <c r="LN7" s="525"/>
      <c r="LO7" s="525"/>
      <c r="LP7" s="525"/>
      <c r="LQ7" s="525"/>
      <c r="LR7" s="555"/>
      <c r="LS7" s="549" t="s">
        <v>52</v>
      </c>
      <c r="LT7" s="532" t="s">
        <v>61</v>
      </c>
      <c r="LU7" s="525"/>
      <c r="LV7" s="526"/>
      <c r="LW7" s="554" t="s">
        <v>62</v>
      </c>
      <c r="LX7" s="525"/>
      <c r="LY7" s="525"/>
      <c r="LZ7" s="525"/>
      <c r="MA7" s="525"/>
      <c r="MB7" s="525"/>
      <c r="MC7" s="555"/>
      <c r="MD7" s="549" t="s">
        <v>52</v>
      </c>
      <c r="ME7" s="515" t="s">
        <v>61</v>
      </c>
      <c r="MF7" s="516"/>
      <c r="MG7" s="517"/>
      <c r="MH7" s="551" t="s">
        <v>62</v>
      </c>
      <c r="MI7" s="516"/>
      <c r="MJ7" s="516"/>
      <c r="MK7" s="516"/>
      <c r="ML7" s="516"/>
      <c r="MM7" s="516"/>
      <c r="MN7" s="552"/>
      <c r="MO7" s="553" t="s">
        <v>52</v>
      </c>
      <c r="MP7" s="532" t="s">
        <v>61</v>
      </c>
      <c r="MQ7" s="525"/>
      <c r="MR7" s="526"/>
      <c r="MS7" s="554" t="s">
        <v>62</v>
      </c>
      <c r="MT7" s="525"/>
      <c r="MU7" s="525"/>
      <c r="MV7" s="525"/>
      <c r="MW7" s="525"/>
      <c r="MX7" s="525"/>
      <c r="MY7" s="555"/>
      <c r="MZ7" s="549" t="s">
        <v>52</v>
      </c>
      <c r="NA7" s="532" t="s">
        <v>61</v>
      </c>
      <c r="NB7" s="525"/>
      <c r="NC7" s="526"/>
      <c r="ND7" s="554" t="s">
        <v>62</v>
      </c>
      <c r="NE7" s="525"/>
      <c r="NF7" s="525"/>
      <c r="NG7" s="525"/>
      <c r="NH7" s="525"/>
      <c r="NI7" s="525"/>
      <c r="NJ7" s="555"/>
      <c r="NK7" s="549" t="s">
        <v>52</v>
      </c>
      <c r="NL7" s="532" t="s">
        <v>61</v>
      </c>
      <c r="NM7" s="525"/>
      <c r="NN7" s="526"/>
      <c r="NO7" s="554" t="s">
        <v>62</v>
      </c>
      <c r="NP7" s="525"/>
      <c r="NQ7" s="525"/>
      <c r="NR7" s="525"/>
      <c r="NS7" s="525"/>
      <c r="NT7" s="525"/>
      <c r="NU7" s="555"/>
      <c r="NV7" s="549" t="s">
        <v>52</v>
      </c>
      <c r="NW7" s="532" t="s">
        <v>61</v>
      </c>
      <c r="NX7" s="525"/>
      <c r="NY7" s="526"/>
      <c r="NZ7" s="554" t="s">
        <v>62</v>
      </c>
      <c r="OA7" s="525"/>
      <c r="OB7" s="525"/>
      <c r="OC7" s="525"/>
      <c r="OD7" s="525"/>
      <c r="OE7" s="525"/>
      <c r="OF7" s="555"/>
      <c r="OG7" s="549" t="s">
        <v>52</v>
      </c>
      <c r="OH7" s="515" t="s">
        <v>61</v>
      </c>
      <c r="OI7" s="516"/>
      <c r="OJ7" s="517"/>
      <c r="OK7" s="551" t="s">
        <v>62</v>
      </c>
      <c r="OL7" s="516"/>
      <c r="OM7" s="516"/>
      <c r="ON7" s="516"/>
      <c r="OO7" s="516"/>
      <c r="OP7" s="516"/>
      <c r="OQ7" s="552"/>
      <c r="OR7" s="553" t="s">
        <v>52</v>
      </c>
    </row>
    <row r="8" spans="1:408" ht="28.5" customHeight="1" thickBot="1" x14ac:dyDescent="0.25">
      <c r="A8" s="599"/>
      <c r="B8" s="66" t="s">
        <v>43</v>
      </c>
      <c r="C8" s="16" t="s">
        <v>44</v>
      </c>
      <c r="D8" s="41" t="s">
        <v>45</v>
      </c>
      <c r="E8" s="42" t="s">
        <v>83</v>
      </c>
      <c r="F8" s="16" t="s">
        <v>47</v>
      </c>
      <c r="G8" s="16" t="s">
        <v>48</v>
      </c>
      <c r="H8" s="16" t="s">
        <v>49</v>
      </c>
      <c r="I8" s="16" t="s">
        <v>50</v>
      </c>
      <c r="J8" s="16" t="s">
        <v>51</v>
      </c>
      <c r="K8" s="17" t="s">
        <v>45</v>
      </c>
      <c r="L8" s="612"/>
      <c r="M8" s="40" t="s">
        <v>43</v>
      </c>
      <c r="N8" s="16" t="s">
        <v>44</v>
      </c>
      <c r="O8" s="17" t="s">
        <v>45</v>
      </c>
      <c r="P8" s="42" t="s">
        <v>83</v>
      </c>
      <c r="Q8" s="16" t="s">
        <v>47</v>
      </c>
      <c r="R8" s="16" t="s">
        <v>48</v>
      </c>
      <c r="S8" s="16" t="s">
        <v>49</v>
      </c>
      <c r="T8" s="16" t="s">
        <v>50</v>
      </c>
      <c r="U8" s="16" t="s">
        <v>51</v>
      </c>
      <c r="V8" s="17" t="s">
        <v>45</v>
      </c>
      <c r="W8" s="594"/>
      <c r="X8" s="40" t="s">
        <v>43</v>
      </c>
      <c r="Y8" s="16" t="s">
        <v>44</v>
      </c>
      <c r="Z8" s="17" t="s">
        <v>45</v>
      </c>
      <c r="AA8" s="42" t="s">
        <v>83</v>
      </c>
      <c r="AB8" s="16" t="s">
        <v>47</v>
      </c>
      <c r="AC8" s="16" t="s">
        <v>48</v>
      </c>
      <c r="AD8" s="16" t="s">
        <v>49</v>
      </c>
      <c r="AE8" s="16" t="s">
        <v>50</v>
      </c>
      <c r="AF8" s="16" t="s">
        <v>51</v>
      </c>
      <c r="AG8" s="17" t="s">
        <v>45</v>
      </c>
      <c r="AH8" s="593"/>
      <c r="AI8" s="40" t="s">
        <v>43</v>
      </c>
      <c r="AJ8" s="16" t="s">
        <v>44</v>
      </c>
      <c r="AK8" s="41" t="s">
        <v>45</v>
      </c>
      <c r="AL8" s="42" t="s">
        <v>83</v>
      </c>
      <c r="AM8" s="16" t="s">
        <v>47</v>
      </c>
      <c r="AN8" s="16" t="s">
        <v>48</v>
      </c>
      <c r="AO8" s="16" t="s">
        <v>49</v>
      </c>
      <c r="AP8" s="16" t="s">
        <v>50</v>
      </c>
      <c r="AQ8" s="16" t="s">
        <v>51</v>
      </c>
      <c r="AR8" s="17" t="s">
        <v>45</v>
      </c>
      <c r="AS8" s="593"/>
      <c r="AT8" s="40" t="s">
        <v>43</v>
      </c>
      <c r="AU8" s="16" t="s">
        <v>44</v>
      </c>
      <c r="AV8" s="41" t="s">
        <v>45</v>
      </c>
      <c r="AW8" s="42" t="s">
        <v>83</v>
      </c>
      <c r="AX8" s="16" t="s">
        <v>47</v>
      </c>
      <c r="AY8" s="16" t="s">
        <v>48</v>
      </c>
      <c r="AZ8" s="16" t="s">
        <v>49</v>
      </c>
      <c r="BA8" s="16" t="s">
        <v>50</v>
      </c>
      <c r="BB8" s="16" t="s">
        <v>51</v>
      </c>
      <c r="BC8" s="17" t="s">
        <v>45</v>
      </c>
      <c r="BD8" s="593"/>
      <c r="BE8" s="61" t="s">
        <v>43</v>
      </c>
      <c r="BF8" s="16" t="s">
        <v>44</v>
      </c>
      <c r="BG8" s="41" t="s">
        <v>45</v>
      </c>
      <c r="BH8" s="42" t="s">
        <v>83</v>
      </c>
      <c r="BI8" s="16" t="s">
        <v>47</v>
      </c>
      <c r="BJ8" s="16" t="s">
        <v>48</v>
      </c>
      <c r="BK8" s="16" t="s">
        <v>49</v>
      </c>
      <c r="BL8" s="16" t="s">
        <v>50</v>
      </c>
      <c r="BM8" s="16" t="s">
        <v>51</v>
      </c>
      <c r="BN8" s="17" t="s">
        <v>45</v>
      </c>
      <c r="BO8" s="593"/>
      <c r="BP8" s="40" t="s">
        <v>43</v>
      </c>
      <c r="BQ8" s="16" t="s">
        <v>44</v>
      </c>
      <c r="BR8" s="41" t="s">
        <v>45</v>
      </c>
      <c r="BS8" s="42" t="s">
        <v>83</v>
      </c>
      <c r="BT8" s="16" t="s">
        <v>47</v>
      </c>
      <c r="BU8" s="16" t="s">
        <v>48</v>
      </c>
      <c r="BV8" s="16" t="s">
        <v>49</v>
      </c>
      <c r="BW8" s="16" t="s">
        <v>50</v>
      </c>
      <c r="BX8" s="16" t="s">
        <v>51</v>
      </c>
      <c r="BY8" s="17" t="s">
        <v>45</v>
      </c>
      <c r="BZ8" s="593"/>
      <c r="CA8" s="40" t="s">
        <v>43</v>
      </c>
      <c r="CB8" s="16" t="s">
        <v>44</v>
      </c>
      <c r="CC8" s="41" t="s">
        <v>45</v>
      </c>
      <c r="CD8" s="42" t="s">
        <v>83</v>
      </c>
      <c r="CE8" s="16" t="s">
        <v>47</v>
      </c>
      <c r="CF8" s="16" t="s">
        <v>48</v>
      </c>
      <c r="CG8" s="16" t="s">
        <v>49</v>
      </c>
      <c r="CH8" s="16" t="s">
        <v>50</v>
      </c>
      <c r="CI8" s="16" t="s">
        <v>51</v>
      </c>
      <c r="CJ8" s="17" t="s">
        <v>45</v>
      </c>
      <c r="CK8" s="594"/>
      <c r="CL8" s="40" t="s">
        <v>43</v>
      </c>
      <c r="CM8" s="16" t="s">
        <v>44</v>
      </c>
      <c r="CN8" s="17" t="s">
        <v>45</v>
      </c>
      <c r="CO8" s="42" t="s">
        <v>83</v>
      </c>
      <c r="CP8" s="16" t="s">
        <v>47</v>
      </c>
      <c r="CQ8" s="16" t="s">
        <v>48</v>
      </c>
      <c r="CR8" s="16" t="s">
        <v>49</v>
      </c>
      <c r="CS8" s="16" t="s">
        <v>50</v>
      </c>
      <c r="CT8" s="16" t="s">
        <v>51</v>
      </c>
      <c r="CU8" s="17" t="s">
        <v>45</v>
      </c>
      <c r="CV8" s="594"/>
      <c r="CW8" s="40" t="s">
        <v>43</v>
      </c>
      <c r="CX8" s="16" t="s">
        <v>44</v>
      </c>
      <c r="CY8" s="17" t="s">
        <v>45</v>
      </c>
      <c r="CZ8" s="42" t="s">
        <v>83</v>
      </c>
      <c r="DA8" s="16" t="s">
        <v>47</v>
      </c>
      <c r="DB8" s="16" t="s">
        <v>48</v>
      </c>
      <c r="DC8" s="16" t="s">
        <v>49</v>
      </c>
      <c r="DD8" s="16" t="s">
        <v>50</v>
      </c>
      <c r="DE8" s="16" t="s">
        <v>51</v>
      </c>
      <c r="DF8" s="17" t="s">
        <v>45</v>
      </c>
      <c r="DG8" s="594"/>
      <c r="DH8" s="40" t="s">
        <v>43</v>
      </c>
      <c r="DI8" s="16" t="s">
        <v>44</v>
      </c>
      <c r="DJ8" s="17" t="s">
        <v>45</v>
      </c>
      <c r="DK8" s="42" t="s">
        <v>83</v>
      </c>
      <c r="DL8" s="16" t="s">
        <v>47</v>
      </c>
      <c r="DM8" s="16" t="s">
        <v>48</v>
      </c>
      <c r="DN8" s="16" t="s">
        <v>49</v>
      </c>
      <c r="DO8" s="16" t="s">
        <v>50</v>
      </c>
      <c r="DP8" s="16" t="s">
        <v>51</v>
      </c>
      <c r="DQ8" s="17" t="s">
        <v>45</v>
      </c>
      <c r="DR8" s="594"/>
      <c r="DS8" s="40" t="s">
        <v>43</v>
      </c>
      <c r="DT8" s="16" t="s">
        <v>44</v>
      </c>
      <c r="DU8" s="41" t="s">
        <v>45</v>
      </c>
      <c r="DV8" s="42" t="s">
        <v>83</v>
      </c>
      <c r="DW8" s="16" t="s">
        <v>47</v>
      </c>
      <c r="DX8" s="16" t="s">
        <v>48</v>
      </c>
      <c r="DY8" s="16" t="s">
        <v>49</v>
      </c>
      <c r="DZ8" s="16" t="s">
        <v>50</v>
      </c>
      <c r="EA8" s="16" t="s">
        <v>51</v>
      </c>
      <c r="EB8" s="17" t="s">
        <v>45</v>
      </c>
      <c r="EC8" s="593"/>
      <c r="ED8" s="40" t="s">
        <v>43</v>
      </c>
      <c r="EE8" s="16" t="s">
        <v>44</v>
      </c>
      <c r="EF8" s="41" t="s">
        <v>45</v>
      </c>
      <c r="EG8" s="42" t="s">
        <v>83</v>
      </c>
      <c r="EH8" s="16" t="s">
        <v>47</v>
      </c>
      <c r="EI8" s="16" t="s">
        <v>48</v>
      </c>
      <c r="EJ8" s="16" t="s">
        <v>49</v>
      </c>
      <c r="EK8" s="16" t="s">
        <v>50</v>
      </c>
      <c r="EL8" s="16" t="s">
        <v>51</v>
      </c>
      <c r="EM8" s="17" t="s">
        <v>45</v>
      </c>
      <c r="EN8" s="593"/>
      <c r="EO8" s="40" t="s">
        <v>43</v>
      </c>
      <c r="EP8" s="16" t="s">
        <v>44</v>
      </c>
      <c r="EQ8" s="41" t="s">
        <v>45</v>
      </c>
      <c r="ER8" s="42" t="s">
        <v>83</v>
      </c>
      <c r="ES8" s="16" t="s">
        <v>47</v>
      </c>
      <c r="ET8" s="16" t="s">
        <v>48</v>
      </c>
      <c r="EU8" s="16" t="s">
        <v>49</v>
      </c>
      <c r="EV8" s="16" t="s">
        <v>50</v>
      </c>
      <c r="EW8" s="16" t="s">
        <v>51</v>
      </c>
      <c r="EX8" s="17" t="s">
        <v>45</v>
      </c>
      <c r="EY8" s="593"/>
      <c r="EZ8" s="40" t="s">
        <v>43</v>
      </c>
      <c r="FA8" s="16" t="s">
        <v>44</v>
      </c>
      <c r="FB8" s="41" t="s">
        <v>45</v>
      </c>
      <c r="FC8" s="42" t="s">
        <v>83</v>
      </c>
      <c r="FD8" s="16" t="s">
        <v>47</v>
      </c>
      <c r="FE8" s="16" t="s">
        <v>48</v>
      </c>
      <c r="FF8" s="16" t="s">
        <v>49</v>
      </c>
      <c r="FG8" s="16" t="s">
        <v>50</v>
      </c>
      <c r="FH8" s="16" t="s">
        <v>51</v>
      </c>
      <c r="FI8" s="17" t="s">
        <v>45</v>
      </c>
      <c r="FJ8" s="593"/>
      <c r="FK8" s="40" t="s">
        <v>43</v>
      </c>
      <c r="FL8" s="16" t="s">
        <v>44</v>
      </c>
      <c r="FM8" s="41" t="s">
        <v>45</v>
      </c>
      <c r="FN8" s="42" t="s">
        <v>83</v>
      </c>
      <c r="FO8" s="16" t="s">
        <v>47</v>
      </c>
      <c r="FP8" s="16" t="s">
        <v>48</v>
      </c>
      <c r="FQ8" s="16" t="s">
        <v>49</v>
      </c>
      <c r="FR8" s="16" t="s">
        <v>50</v>
      </c>
      <c r="FS8" s="16" t="s">
        <v>51</v>
      </c>
      <c r="FT8" s="17" t="s">
        <v>45</v>
      </c>
      <c r="FU8" s="591"/>
      <c r="FV8" s="40" t="s">
        <v>43</v>
      </c>
      <c r="FW8" s="16" t="s">
        <v>44</v>
      </c>
      <c r="FX8" s="41" t="s">
        <v>45</v>
      </c>
      <c r="FY8" s="42" t="s">
        <v>83</v>
      </c>
      <c r="FZ8" s="16" t="s">
        <v>47</v>
      </c>
      <c r="GA8" s="16" t="s">
        <v>48</v>
      </c>
      <c r="GB8" s="16" t="s">
        <v>49</v>
      </c>
      <c r="GC8" s="16" t="s">
        <v>50</v>
      </c>
      <c r="GD8" s="16" t="s">
        <v>51</v>
      </c>
      <c r="GE8" s="17" t="s">
        <v>45</v>
      </c>
      <c r="GF8" s="593"/>
      <c r="GG8" s="40" t="s">
        <v>43</v>
      </c>
      <c r="GH8" s="16" t="s">
        <v>44</v>
      </c>
      <c r="GI8" s="41" t="s">
        <v>45</v>
      </c>
      <c r="GJ8" s="42" t="s">
        <v>83</v>
      </c>
      <c r="GK8" s="16" t="s">
        <v>47</v>
      </c>
      <c r="GL8" s="16" t="s">
        <v>48</v>
      </c>
      <c r="GM8" s="16" t="s">
        <v>49</v>
      </c>
      <c r="GN8" s="16" t="s">
        <v>50</v>
      </c>
      <c r="GO8" s="16" t="s">
        <v>51</v>
      </c>
      <c r="GP8" s="17" t="s">
        <v>45</v>
      </c>
      <c r="GQ8" s="596"/>
      <c r="GR8" s="40" t="s">
        <v>43</v>
      </c>
      <c r="GS8" s="16" t="s">
        <v>44</v>
      </c>
      <c r="GT8" s="41" t="s">
        <v>45</v>
      </c>
      <c r="GU8" s="42" t="s">
        <v>83</v>
      </c>
      <c r="GV8" s="16" t="s">
        <v>47</v>
      </c>
      <c r="GW8" s="16" t="s">
        <v>48</v>
      </c>
      <c r="GX8" s="16" t="s">
        <v>49</v>
      </c>
      <c r="GY8" s="16" t="s">
        <v>50</v>
      </c>
      <c r="GZ8" s="16" t="s">
        <v>51</v>
      </c>
      <c r="HA8" s="17" t="s">
        <v>45</v>
      </c>
      <c r="HB8" s="596"/>
      <c r="HC8" s="40" t="s">
        <v>43</v>
      </c>
      <c r="HD8" s="16" t="s">
        <v>44</v>
      </c>
      <c r="HE8" s="41" t="s">
        <v>45</v>
      </c>
      <c r="HF8" s="42" t="s">
        <v>83</v>
      </c>
      <c r="HG8" s="16" t="s">
        <v>47</v>
      </c>
      <c r="HH8" s="16" t="s">
        <v>48</v>
      </c>
      <c r="HI8" s="16" t="s">
        <v>49</v>
      </c>
      <c r="HJ8" s="16" t="s">
        <v>50</v>
      </c>
      <c r="HK8" s="16" t="s">
        <v>51</v>
      </c>
      <c r="HL8" s="17" t="s">
        <v>45</v>
      </c>
      <c r="HM8" s="593"/>
      <c r="HN8" s="40" t="s">
        <v>43</v>
      </c>
      <c r="HO8" s="16" t="s">
        <v>44</v>
      </c>
      <c r="HP8" s="41" t="s">
        <v>45</v>
      </c>
      <c r="HQ8" s="42" t="s">
        <v>83</v>
      </c>
      <c r="HR8" s="16" t="s">
        <v>47</v>
      </c>
      <c r="HS8" s="16" t="s">
        <v>48</v>
      </c>
      <c r="HT8" s="16" t="s">
        <v>49</v>
      </c>
      <c r="HU8" s="16" t="s">
        <v>50</v>
      </c>
      <c r="HV8" s="16" t="s">
        <v>51</v>
      </c>
      <c r="HW8" s="17" t="s">
        <v>45</v>
      </c>
      <c r="HX8" s="593"/>
      <c r="HY8" s="409" t="s">
        <v>43</v>
      </c>
      <c r="HZ8" s="410" t="s">
        <v>44</v>
      </c>
      <c r="IA8" s="41" t="s">
        <v>45</v>
      </c>
      <c r="IB8" s="42" t="s">
        <v>83</v>
      </c>
      <c r="IC8" s="410" t="s">
        <v>47</v>
      </c>
      <c r="ID8" s="410" t="s">
        <v>48</v>
      </c>
      <c r="IE8" s="410" t="s">
        <v>49</v>
      </c>
      <c r="IF8" s="410" t="s">
        <v>50</v>
      </c>
      <c r="IG8" s="410" t="s">
        <v>51</v>
      </c>
      <c r="IH8" s="17" t="s">
        <v>45</v>
      </c>
      <c r="II8" s="591"/>
      <c r="IJ8" s="409" t="s">
        <v>43</v>
      </c>
      <c r="IK8" s="410" t="s">
        <v>44</v>
      </c>
      <c r="IL8" s="41" t="s">
        <v>45</v>
      </c>
      <c r="IM8" s="42" t="s">
        <v>83</v>
      </c>
      <c r="IN8" s="59" t="s">
        <v>47</v>
      </c>
      <c r="IO8" s="59" t="s">
        <v>48</v>
      </c>
      <c r="IP8" s="59" t="s">
        <v>49</v>
      </c>
      <c r="IQ8" s="59" t="s">
        <v>50</v>
      </c>
      <c r="IR8" s="59" t="s">
        <v>51</v>
      </c>
      <c r="IS8" s="65" t="s">
        <v>45</v>
      </c>
      <c r="IT8" s="590"/>
      <c r="IU8" s="61" t="s">
        <v>43</v>
      </c>
      <c r="IV8" s="59" t="s">
        <v>44</v>
      </c>
      <c r="IW8" s="65" t="s">
        <v>45</v>
      </c>
      <c r="IX8" s="33" t="s">
        <v>83</v>
      </c>
      <c r="IY8" s="59" t="s">
        <v>47</v>
      </c>
      <c r="IZ8" s="59" t="s">
        <v>48</v>
      </c>
      <c r="JA8" s="59" t="s">
        <v>49</v>
      </c>
      <c r="JB8" s="59" t="s">
        <v>50</v>
      </c>
      <c r="JC8" s="59" t="s">
        <v>51</v>
      </c>
      <c r="JD8" s="65" t="s">
        <v>45</v>
      </c>
      <c r="JE8" s="590"/>
      <c r="JF8" s="61" t="s">
        <v>43</v>
      </c>
      <c r="JG8" s="59" t="s">
        <v>44</v>
      </c>
      <c r="JH8" s="60" t="s">
        <v>45</v>
      </c>
      <c r="JI8" s="33" t="s">
        <v>83</v>
      </c>
      <c r="JJ8" s="59" t="s">
        <v>47</v>
      </c>
      <c r="JK8" s="59" t="s">
        <v>48</v>
      </c>
      <c r="JL8" s="59" t="s">
        <v>49</v>
      </c>
      <c r="JM8" s="59" t="s">
        <v>50</v>
      </c>
      <c r="JN8" s="59" t="s">
        <v>51</v>
      </c>
      <c r="JO8" s="65" t="s">
        <v>45</v>
      </c>
      <c r="JP8" s="550"/>
      <c r="JQ8" s="61" t="s">
        <v>43</v>
      </c>
      <c r="JR8" s="59" t="s">
        <v>44</v>
      </c>
      <c r="JS8" s="60" t="s">
        <v>45</v>
      </c>
      <c r="JT8" s="33" t="s">
        <v>83</v>
      </c>
      <c r="JU8" s="59" t="s">
        <v>47</v>
      </c>
      <c r="JV8" s="59" t="s">
        <v>48</v>
      </c>
      <c r="JW8" s="59" t="s">
        <v>49</v>
      </c>
      <c r="JX8" s="59" t="s">
        <v>50</v>
      </c>
      <c r="JY8" s="59" t="s">
        <v>51</v>
      </c>
      <c r="JZ8" s="65" t="s">
        <v>45</v>
      </c>
      <c r="KA8" s="550"/>
      <c r="KB8" s="61" t="s">
        <v>43</v>
      </c>
      <c r="KC8" s="59" t="s">
        <v>44</v>
      </c>
      <c r="KD8" s="60" t="s">
        <v>45</v>
      </c>
      <c r="KE8" s="33" t="s">
        <v>83</v>
      </c>
      <c r="KF8" s="59" t="s">
        <v>47</v>
      </c>
      <c r="KG8" s="59" t="s">
        <v>48</v>
      </c>
      <c r="KH8" s="59" t="s">
        <v>49</v>
      </c>
      <c r="KI8" s="59" t="s">
        <v>50</v>
      </c>
      <c r="KJ8" s="59" t="s">
        <v>51</v>
      </c>
      <c r="KK8" s="65" t="s">
        <v>45</v>
      </c>
      <c r="KL8" s="550"/>
      <c r="KM8" s="61" t="s">
        <v>43</v>
      </c>
      <c r="KN8" s="59" t="s">
        <v>44</v>
      </c>
      <c r="KO8" s="60" t="s">
        <v>45</v>
      </c>
      <c r="KP8" s="42" t="s">
        <v>83</v>
      </c>
      <c r="KQ8" s="59" t="s">
        <v>47</v>
      </c>
      <c r="KR8" s="59" t="s">
        <v>48</v>
      </c>
      <c r="KS8" s="59" t="s">
        <v>49</v>
      </c>
      <c r="KT8" s="59" t="s">
        <v>50</v>
      </c>
      <c r="KU8" s="59" t="s">
        <v>51</v>
      </c>
      <c r="KV8" s="65" t="s">
        <v>45</v>
      </c>
      <c r="KW8" s="550"/>
      <c r="KX8" s="61" t="s">
        <v>43</v>
      </c>
      <c r="KY8" s="59" t="s">
        <v>44</v>
      </c>
      <c r="KZ8" s="60" t="s">
        <v>45</v>
      </c>
      <c r="LA8" s="42" t="s">
        <v>83</v>
      </c>
      <c r="LB8" s="59" t="s">
        <v>47</v>
      </c>
      <c r="LC8" s="59" t="s">
        <v>48</v>
      </c>
      <c r="LD8" s="59" t="s">
        <v>49</v>
      </c>
      <c r="LE8" s="59" t="s">
        <v>50</v>
      </c>
      <c r="LF8" s="59" t="s">
        <v>51</v>
      </c>
      <c r="LG8" s="65" t="s">
        <v>45</v>
      </c>
      <c r="LH8" s="550"/>
      <c r="LI8" s="61" t="s">
        <v>43</v>
      </c>
      <c r="LJ8" s="59" t="s">
        <v>44</v>
      </c>
      <c r="LK8" s="60" t="s">
        <v>45</v>
      </c>
      <c r="LL8" s="42" t="s">
        <v>83</v>
      </c>
      <c r="LM8" s="59" t="s">
        <v>47</v>
      </c>
      <c r="LN8" s="59" t="s">
        <v>48</v>
      </c>
      <c r="LO8" s="59" t="s">
        <v>49</v>
      </c>
      <c r="LP8" s="59" t="s">
        <v>50</v>
      </c>
      <c r="LQ8" s="59" t="s">
        <v>51</v>
      </c>
      <c r="LR8" s="65" t="s">
        <v>45</v>
      </c>
      <c r="LS8" s="550"/>
      <c r="LT8" s="61" t="s">
        <v>43</v>
      </c>
      <c r="LU8" s="59" t="s">
        <v>44</v>
      </c>
      <c r="LV8" s="60" t="s">
        <v>45</v>
      </c>
      <c r="LW8" s="42" t="s">
        <v>83</v>
      </c>
      <c r="LX8" s="59" t="s">
        <v>47</v>
      </c>
      <c r="LY8" s="59" t="s">
        <v>48</v>
      </c>
      <c r="LZ8" s="59" t="s">
        <v>49</v>
      </c>
      <c r="MA8" s="59" t="s">
        <v>50</v>
      </c>
      <c r="MB8" s="59" t="s">
        <v>51</v>
      </c>
      <c r="MC8" s="65" t="s">
        <v>45</v>
      </c>
      <c r="MD8" s="550"/>
      <c r="ME8" s="61" t="s">
        <v>43</v>
      </c>
      <c r="MF8" s="59" t="s">
        <v>44</v>
      </c>
      <c r="MG8" s="60" t="s">
        <v>45</v>
      </c>
      <c r="MH8" s="42" t="s">
        <v>83</v>
      </c>
      <c r="MI8" s="59" t="s">
        <v>47</v>
      </c>
      <c r="MJ8" s="59" t="s">
        <v>48</v>
      </c>
      <c r="MK8" s="59" t="s">
        <v>49</v>
      </c>
      <c r="ML8" s="59" t="s">
        <v>50</v>
      </c>
      <c r="MM8" s="59" t="s">
        <v>51</v>
      </c>
      <c r="MN8" s="65" t="s">
        <v>45</v>
      </c>
      <c r="MO8" s="550"/>
      <c r="MP8" s="61" t="s">
        <v>43</v>
      </c>
      <c r="MQ8" s="59" t="s">
        <v>44</v>
      </c>
      <c r="MR8" s="60" t="s">
        <v>45</v>
      </c>
      <c r="MS8" s="42" t="s">
        <v>83</v>
      </c>
      <c r="MT8" s="59" t="s">
        <v>47</v>
      </c>
      <c r="MU8" s="59" t="s">
        <v>48</v>
      </c>
      <c r="MV8" s="59" t="s">
        <v>49</v>
      </c>
      <c r="MW8" s="59" t="s">
        <v>50</v>
      </c>
      <c r="MX8" s="59" t="s">
        <v>51</v>
      </c>
      <c r="MY8" s="65" t="s">
        <v>45</v>
      </c>
      <c r="MZ8" s="550"/>
      <c r="NA8" s="61" t="s">
        <v>43</v>
      </c>
      <c r="NB8" s="59" t="s">
        <v>44</v>
      </c>
      <c r="NC8" s="60" t="s">
        <v>45</v>
      </c>
      <c r="ND8" s="42" t="s">
        <v>83</v>
      </c>
      <c r="NE8" s="59" t="s">
        <v>47</v>
      </c>
      <c r="NF8" s="59" t="s">
        <v>48</v>
      </c>
      <c r="NG8" s="59" t="s">
        <v>49</v>
      </c>
      <c r="NH8" s="59" t="s">
        <v>50</v>
      </c>
      <c r="NI8" s="59" t="s">
        <v>51</v>
      </c>
      <c r="NJ8" s="65" t="s">
        <v>45</v>
      </c>
      <c r="NK8" s="550"/>
      <c r="NL8" s="61" t="s">
        <v>43</v>
      </c>
      <c r="NM8" s="59" t="s">
        <v>44</v>
      </c>
      <c r="NN8" s="60" t="s">
        <v>45</v>
      </c>
      <c r="NO8" s="42" t="s">
        <v>83</v>
      </c>
      <c r="NP8" s="59" t="s">
        <v>47</v>
      </c>
      <c r="NQ8" s="59" t="s">
        <v>48</v>
      </c>
      <c r="NR8" s="59" t="s">
        <v>49</v>
      </c>
      <c r="NS8" s="59" t="s">
        <v>50</v>
      </c>
      <c r="NT8" s="59" t="s">
        <v>51</v>
      </c>
      <c r="NU8" s="65" t="s">
        <v>45</v>
      </c>
      <c r="NV8" s="550"/>
      <c r="NW8" s="61" t="s">
        <v>43</v>
      </c>
      <c r="NX8" s="59" t="s">
        <v>44</v>
      </c>
      <c r="NY8" s="60" t="s">
        <v>45</v>
      </c>
      <c r="NZ8" s="42" t="s">
        <v>83</v>
      </c>
      <c r="OA8" s="59" t="s">
        <v>47</v>
      </c>
      <c r="OB8" s="59" t="s">
        <v>48</v>
      </c>
      <c r="OC8" s="59" t="s">
        <v>49</v>
      </c>
      <c r="OD8" s="59" t="s">
        <v>50</v>
      </c>
      <c r="OE8" s="59" t="s">
        <v>51</v>
      </c>
      <c r="OF8" s="65" t="s">
        <v>45</v>
      </c>
      <c r="OG8" s="550"/>
      <c r="OH8" s="61" t="s">
        <v>43</v>
      </c>
      <c r="OI8" s="59" t="s">
        <v>44</v>
      </c>
      <c r="OJ8" s="60" t="s">
        <v>45</v>
      </c>
      <c r="OK8" s="33" t="s">
        <v>83</v>
      </c>
      <c r="OL8" s="59" t="s">
        <v>47</v>
      </c>
      <c r="OM8" s="59" t="s">
        <v>48</v>
      </c>
      <c r="ON8" s="59" t="s">
        <v>49</v>
      </c>
      <c r="OO8" s="59" t="s">
        <v>50</v>
      </c>
      <c r="OP8" s="59" t="s">
        <v>51</v>
      </c>
      <c r="OQ8" s="65" t="s">
        <v>45</v>
      </c>
      <c r="OR8" s="550"/>
    </row>
    <row r="9" spans="1:408" ht="18.75" customHeight="1" x14ac:dyDescent="0.2">
      <c r="A9" s="62" t="s">
        <v>4</v>
      </c>
      <c r="B9" s="110">
        <v>383179271</v>
      </c>
      <c r="C9" s="188">
        <v>796632209</v>
      </c>
      <c r="D9" s="189">
        <v>1179811480</v>
      </c>
      <c r="E9" s="190">
        <v>0</v>
      </c>
      <c r="F9" s="188">
        <v>5014555363</v>
      </c>
      <c r="G9" s="188">
        <v>6777257175</v>
      </c>
      <c r="H9" s="188">
        <v>5622881596</v>
      </c>
      <c r="I9" s="188">
        <v>5337287351</v>
      </c>
      <c r="J9" s="188">
        <v>4075104849</v>
      </c>
      <c r="K9" s="191">
        <v>26827086334</v>
      </c>
      <c r="L9" s="192">
        <v>28006897814</v>
      </c>
      <c r="M9" s="110">
        <v>90243661</v>
      </c>
      <c r="N9" s="188">
        <v>235739837</v>
      </c>
      <c r="O9" s="193">
        <v>325983498</v>
      </c>
      <c r="P9" s="110">
        <v>0</v>
      </c>
      <c r="Q9" s="188">
        <v>1422440074</v>
      </c>
      <c r="R9" s="188">
        <v>2147810551</v>
      </c>
      <c r="S9" s="188">
        <v>1806774581</v>
      </c>
      <c r="T9" s="188">
        <v>2004197388</v>
      </c>
      <c r="U9" s="188">
        <v>2063090061</v>
      </c>
      <c r="V9" s="193">
        <v>9444312655</v>
      </c>
      <c r="W9" s="192">
        <v>9770296153</v>
      </c>
      <c r="X9" s="110">
        <v>0</v>
      </c>
      <c r="Y9" s="188">
        <v>0</v>
      </c>
      <c r="Z9" s="193">
        <v>0</v>
      </c>
      <c r="AA9" s="111">
        <v>0</v>
      </c>
      <c r="AB9" s="194">
        <v>703014508</v>
      </c>
      <c r="AC9" s="194">
        <v>1085919418</v>
      </c>
      <c r="AD9" s="418">
        <v>1019187157</v>
      </c>
      <c r="AE9" s="418">
        <v>1156235167</v>
      </c>
      <c r="AF9" s="418">
        <v>1189706376</v>
      </c>
      <c r="AG9" s="193">
        <v>5154062626</v>
      </c>
      <c r="AH9" s="192">
        <v>5154062626</v>
      </c>
      <c r="AI9" s="195">
        <v>27269</v>
      </c>
      <c r="AJ9" s="194">
        <v>1321216</v>
      </c>
      <c r="AK9" s="193">
        <v>1348485</v>
      </c>
      <c r="AL9" s="111">
        <v>0</v>
      </c>
      <c r="AM9" s="194">
        <v>7612267</v>
      </c>
      <c r="AN9" s="191">
        <v>29080938</v>
      </c>
      <c r="AO9" s="194">
        <v>50686415</v>
      </c>
      <c r="AP9" s="194">
        <v>125696367</v>
      </c>
      <c r="AQ9" s="194">
        <v>248003889</v>
      </c>
      <c r="AR9" s="193">
        <v>461079876</v>
      </c>
      <c r="AS9" s="192">
        <v>462428361</v>
      </c>
      <c r="AT9" s="195">
        <v>49905203</v>
      </c>
      <c r="AU9" s="194">
        <v>168430936</v>
      </c>
      <c r="AV9" s="193">
        <v>218336139</v>
      </c>
      <c r="AW9" s="111">
        <v>0</v>
      </c>
      <c r="AX9" s="194">
        <v>433611357</v>
      </c>
      <c r="AY9" s="194">
        <v>679202592</v>
      </c>
      <c r="AZ9" s="194">
        <v>435580583</v>
      </c>
      <c r="BA9" s="194">
        <v>429913995</v>
      </c>
      <c r="BB9" s="194">
        <v>404696339</v>
      </c>
      <c r="BC9" s="193">
        <v>2383004866</v>
      </c>
      <c r="BD9" s="196">
        <v>2601341005</v>
      </c>
      <c r="BE9" s="195">
        <v>6436327</v>
      </c>
      <c r="BF9" s="191">
        <v>23834205</v>
      </c>
      <c r="BG9" s="279">
        <v>30270532</v>
      </c>
      <c r="BH9" s="111">
        <v>0</v>
      </c>
      <c r="BI9" s="194">
        <v>36546332</v>
      </c>
      <c r="BJ9" s="194">
        <v>63442429</v>
      </c>
      <c r="BK9" s="194">
        <v>42665063</v>
      </c>
      <c r="BL9" s="194">
        <v>37652775</v>
      </c>
      <c r="BM9" s="194">
        <v>24103154</v>
      </c>
      <c r="BN9" s="193">
        <v>204409753</v>
      </c>
      <c r="BO9" s="192">
        <v>234680285</v>
      </c>
      <c r="BP9" s="195">
        <v>33874862</v>
      </c>
      <c r="BQ9" s="194">
        <v>42153480</v>
      </c>
      <c r="BR9" s="193">
        <v>76028342</v>
      </c>
      <c r="BS9" s="111">
        <v>0</v>
      </c>
      <c r="BT9" s="194">
        <v>241655610</v>
      </c>
      <c r="BU9" s="194">
        <v>290165174</v>
      </c>
      <c r="BV9" s="194">
        <v>258655363</v>
      </c>
      <c r="BW9" s="194">
        <v>254699084</v>
      </c>
      <c r="BX9" s="194">
        <v>196580303</v>
      </c>
      <c r="BY9" s="193">
        <v>1241755534</v>
      </c>
      <c r="BZ9" s="192">
        <v>1317783876</v>
      </c>
      <c r="CA9" s="195">
        <v>35706316</v>
      </c>
      <c r="CB9" s="194">
        <v>113057028</v>
      </c>
      <c r="CC9" s="193">
        <v>148763344</v>
      </c>
      <c r="CD9" s="111">
        <v>0</v>
      </c>
      <c r="CE9" s="418">
        <v>1410889912</v>
      </c>
      <c r="CF9" s="418">
        <v>1850432208</v>
      </c>
      <c r="CG9" s="419">
        <v>1318080237</v>
      </c>
      <c r="CH9" s="194">
        <v>898015307</v>
      </c>
      <c r="CI9" s="194">
        <v>438605580</v>
      </c>
      <c r="CJ9" s="420">
        <v>5916023244</v>
      </c>
      <c r="CK9" s="421">
        <v>6064786588</v>
      </c>
      <c r="CL9" s="110">
        <v>0</v>
      </c>
      <c r="CM9" s="188">
        <v>9077</v>
      </c>
      <c r="CN9" s="193">
        <v>9077</v>
      </c>
      <c r="CO9" s="111">
        <v>0</v>
      </c>
      <c r="CP9" s="194">
        <v>1190011358</v>
      </c>
      <c r="CQ9" s="194">
        <v>1430143232</v>
      </c>
      <c r="CR9" s="194">
        <v>1022565235</v>
      </c>
      <c r="CS9" s="194">
        <v>679433941</v>
      </c>
      <c r="CT9" s="194">
        <v>353008810</v>
      </c>
      <c r="CU9" s="198">
        <v>4675162576</v>
      </c>
      <c r="CV9" s="192">
        <v>4675171653</v>
      </c>
      <c r="CW9" s="195">
        <v>35706316</v>
      </c>
      <c r="CX9" s="194">
        <v>113047951</v>
      </c>
      <c r="CY9" s="193">
        <v>148754267</v>
      </c>
      <c r="CZ9" s="111">
        <v>0</v>
      </c>
      <c r="DA9" s="194">
        <v>220878554</v>
      </c>
      <c r="DB9" s="194">
        <v>420288976</v>
      </c>
      <c r="DC9" s="194">
        <v>295515002</v>
      </c>
      <c r="DD9" s="194">
        <v>218581366</v>
      </c>
      <c r="DE9" s="194">
        <v>85596770</v>
      </c>
      <c r="DF9" s="193">
        <v>1240860668</v>
      </c>
      <c r="DG9" s="192">
        <v>1389614935</v>
      </c>
      <c r="DH9" s="195">
        <v>1819271</v>
      </c>
      <c r="DI9" s="194">
        <v>9676716</v>
      </c>
      <c r="DJ9" s="279">
        <v>11495987</v>
      </c>
      <c r="DK9" s="111">
        <v>0</v>
      </c>
      <c r="DL9" s="194">
        <v>138217909</v>
      </c>
      <c r="DM9" s="194">
        <v>303572339</v>
      </c>
      <c r="DN9" s="194">
        <v>544992768</v>
      </c>
      <c r="DO9" s="194">
        <v>461041326</v>
      </c>
      <c r="DP9" s="194">
        <v>264032825</v>
      </c>
      <c r="DQ9" s="280">
        <v>1711857167</v>
      </c>
      <c r="DR9" s="192">
        <v>1723353154</v>
      </c>
      <c r="DS9" s="195">
        <v>1688658</v>
      </c>
      <c r="DT9" s="194">
        <v>8478923</v>
      </c>
      <c r="DU9" s="193">
        <v>10167581</v>
      </c>
      <c r="DV9" s="111">
        <v>0</v>
      </c>
      <c r="DW9" s="194">
        <v>124410825</v>
      </c>
      <c r="DX9" s="194">
        <v>265789746</v>
      </c>
      <c r="DY9" s="194">
        <v>486425911</v>
      </c>
      <c r="DZ9" s="194">
        <v>406636510</v>
      </c>
      <c r="EA9" s="194">
        <v>226011408</v>
      </c>
      <c r="EB9" s="193">
        <v>1509274400</v>
      </c>
      <c r="EC9" s="192">
        <v>1519441981</v>
      </c>
      <c r="ED9" s="195">
        <v>130613</v>
      </c>
      <c r="EE9" s="191">
        <v>1197793</v>
      </c>
      <c r="EF9" s="193">
        <v>1328406</v>
      </c>
      <c r="EG9" s="196">
        <v>0</v>
      </c>
      <c r="EH9" s="194">
        <v>13807084</v>
      </c>
      <c r="EI9" s="194">
        <v>37782593</v>
      </c>
      <c r="EJ9" s="194">
        <v>58501787</v>
      </c>
      <c r="EK9" s="194">
        <v>54404816</v>
      </c>
      <c r="EL9" s="197">
        <v>38021417</v>
      </c>
      <c r="EM9" s="191">
        <v>202517697</v>
      </c>
      <c r="EN9" s="192">
        <v>203846103</v>
      </c>
      <c r="EO9" s="195">
        <v>0</v>
      </c>
      <c r="EP9" s="194">
        <v>0</v>
      </c>
      <c r="EQ9" s="191">
        <v>0</v>
      </c>
      <c r="ER9" s="111">
        <v>0</v>
      </c>
      <c r="ES9" s="194">
        <v>0</v>
      </c>
      <c r="ET9" s="194">
        <v>0</v>
      </c>
      <c r="EU9" s="194">
        <v>0</v>
      </c>
      <c r="EV9" s="194">
        <v>0</v>
      </c>
      <c r="EW9" s="194">
        <v>0</v>
      </c>
      <c r="EX9" s="198">
        <v>0</v>
      </c>
      <c r="EY9" s="192">
        <v>0</v>
      </c>
      <c r="EZ9" s="195">
        <v>0</v>
      </c>
      <c r="FA9" s="194">
        <v>0</v>
      </c>
      <c r="FB9" s="191">
        <v>0</v>
      </c>
      <c r="FC9" s="386"/>
      <c r="FD9" s="194">
        <v>0</v>
      </c>
      <c r="FE9" s="194">
        <v>0</v>
      </c>
      <c r="FF9" s="194">
        <v>65070</v>
      </c>
      <c r="FG9" s="194">
        <v>0</v>
      </c>
      <c r="FH9" s="194">
        <v>0</v>
      </c>
      <c r="FI9" s="198">
        <v>65070</v>
      </c>
      <c r="FJ9" s="192">
        <v>65070</v>
      </c>
      <c r="FK9" s="195">
        <v>86202807</v>
      </c>
      <c r="FL9" s="194">
        <v>177506968</v>
      </c>
      <c r="FM9" s="193">
        <v>263709775</v>
      </c>
      <c r="FN9" s="111">
        <v>0</v>
      </c>
      <c r="FO9" s="194">
        <v>236706736</v>
      </c>
      <c r="FP9" s="194">
        <v>610839181</v>
      </c>
      <c r="FQ9" s="194">
        <v>427613022</v>
      </c>
      <c r="FR9" s="194">
        <v>401850511</v>
      </c>
      <c r="FS9" s="194">
        <v>295152138</v>
      </c>
      <c r="FT9" s="193">
        <v>1972161588</v>
      </c>
      <c r="FU9" s="192">
        <v>2235871363</v>
      </c>
      <c r="FV9" s="195">
        <v>48123542</v>
      </c>
      <c r="FW9" s="194">
        <v>133771350</v>
      </c>
      <c r="FX9" s="191">
        <v>181894892</v>
      </c>
      <c r="FY9" s="196">
        <v>0</v>
      </c>
      <c r="FZ9" s="194">
        <v>188076639</v>
      </c>
      <c r="GA9" s="199">
        <v>561740471</v>
      </c>
      <c r="GB9" s="194">
        <v>397876289</v>
      </c>
      <c r="GC9" s="199">
        <v>374300036</v>
      </c>
      <c r="GD9" s="194">
        <v>283967998</v>
      </c>
      <c r="GE9" s="198">
        <v>1805961433</v>
      </c>
      <c r="GF9" s="350">
        <v>1987856325</v>
      </c>
      <c r="GG9" s="200">
        <v>6037392</v>
      </c>
      <c r="GH9" s="194">
        <v>8554159</v>
      </c>
      <c r="GI9" s="199">
        <v>14591551</v>
      </c>
      <c r="GJ9" s="190">
        <v>0</v>
      </c>
      <c r="GK9" s="194">
        <v>11748278</v>
      </c>
      <c r="GL9" s="191">
        <v>15913073</v>
      </c>
      <c r="GM9" s="194">
        <v>10891165</v>
      </c>
      <c r="GN9" s="191">
        <v>11375502</v>
      </c>
      <c r="GO9" s="194">
        <v>5411606</v>
      </c>
      <c r="GP9" s="280">
        <v>55339624</v>
      </c>
      <c r="GQ9" s="192">
        <v>69931175</v>
      </c>
      <c r="GR9" s="191">
        <v>32041873</v>
      </c>
      <c r="GS9" s="194">
        <v>35181459</v>
      </c>
      <c r="GT9" s="193">
        <v>67223332</v>
      </c>
      <c r="GU9" s="191">
        <v>0</v>
      </c>
      <c r="GV9" s="194">
        <v>36881819</v>
      </c>
      <c r="GW9" s="191">
        <v>33185637</v>
      </c>
      <c r="GX9" s="194">
        <v>18845568</v>
      </c>
      <c r="GY9" s="191">
        <v>16174973</v>
      </c>
      <c r="GZ9" s="194">
        <v>5772534</v>
      </c>
      <c r="HA9" s="191">
        <v>110860531</v>
      </c>
      <c r="HB9" s="192">
        <v>178083863</v>
      </c>
      <c r="HC9" s="191">
        <v>103924011</v>
      </c>
      <c r="HD9" s="194">
        <v>130396603</v>
      </c>
      <c r="HE9" s="191">
        <v>234320614</v>
      </c>
      <c r="HF9" s="196">
        <v>0</v>
      </c>
      <c r="HG9" s="194">
        <v>985676303</v>
      </c>
      <c r="HH9" s="199">
        <v>990913558</v>
      </c>
      <c r="HI9" s="194">
        <v>958885442</v>
      </c>
      <c r="HJ9" s="199">
        <v>1170340969</v>
      </c>
      <c r="HK9" s="194">
        <v>770030077</v>
      </c>
      <c r="HL9" s="198">
        <v>4875846349</v>
      </c>
      <c r="HM9" s="191">
        <v>5110166963</v>
      </c>
      <c r="HN9" s="200">
        <v>65283205</v>
      </c>
      <c r="HO9" s="194">
        <v>130255057</v>
      </c>
      <c r="HP9" s="198">
        <v>195538262</v>
      </c>
      <c r="HQ9" s="191">
        <v>0</v>
      </c>
      <c r="HR9" s="194">
        <v>820624429</v>
      </c>
      <c r="HS9" s="191">
        <v>873689338</v>
      </c>
      <c r="HT9" s="194">
        <v>566535546</v>
      </c>
      <c r="HU9" s="191">
        <v>401841850</v>
      </c>
      <c r="HV9" s="194">
        <v>244194168</v>
      </c>
      <c r="HW9" s="191">
        <v>2906885331</v>
      </c>
      <c r="HX9" s="192">
        <v>3102423593</v>
      </c>
      <c r="HY9" s="132">
        <v>9038479</v>
      </c>
      <c r="HZ9" s="133">
        <v>36738741</v>
      </c>
      <c r="IA9" s="134">
        <v>45777220</v>
      </c>
      <c r="IB9" s="121">
        <v>0</v>
      </c>
      <c r="IC9" s="133">
        <v>1653061896</v>
      </c>
      <c r="ID9" s="135">
        <v>2154691832</v>
      </c>
      <c r="IE9" s="136">
        <v>2217022762</v>
      </c>
      <c r="IF9" s="133">
        <v>1623533507</v>
      </c>
      <c r="IG9" s="136">
        <v>1167625580</v>
      </c>
      <c r="IH9" s="137">
        <v>8815935577</v>
      </c>
      <c r="II9" s="138">
        <v>8861712797</v>
      </c>
      <c r="IJ9" s="261">
        <v>0</v>
      </c>
      <c r="IK9" s="267">
        <v>0</v>
      </c>
      <c r="IL9" s="268">
        <v>0</v>
      </c>
      <c r="IM9" s="139"/>
      <c r="IN9" s="140">
        <v>26445728</v>
      </c>
      <c r="IO9" s="140">
        <v>47886729</v>
      </c>
      <c r="IP9" s="140">
        <v>59010470</v>
      </c>
      <c r="IQ9" s="140">
        <v>95126366</v>
      </c>
      <c r="IR9" s="140">
        <v>90332147</v>
      </c>
      <c r="IS9" s="141">
        <v>318801440</v>
      </c>
      <c r="IT9" s="353">
        <v>318801440</v>
      </c>
      <c r="IU9" s="142">
        <v>0</v>
      </c>
      <c r="IV9" s="140">
        <v>0</v>
      </c>
      <c r="IW9" s="144">
        <v>0</v>
      </c>
      <c r="IX9" s="147">
        <v>0</v>
      </c>
      <c r="IY9" s="140">
        <v>4045793</v>
      </c>
      <c r="IZ9" s="140">
        <v>12294126</v>
      </c>
      <c r="JA9" s="140">
        <v>11393528</v>
      </c>
      <c r="JB9" s="140">
        <v>14603332</v>
      </c>
      <c r="JC9" s="140">
        <v>17710941</v>
      </c>
      <c r="JD9" s="144">
        <v>60047720</v>
      </c>
      <c r="JE9" s="145">
        <v>60047720</v>
      </c>
      <c r="JF9" s="142">
        <v>0</v>
      </c>
      <c r="JG9" s="140">
        <v>22209</v>
      </c>
      <c r="JH9" s="141">
        <v>22209</v>
      </c>
      <c r="JI9" s="143">
        <v>0</v>
      </c>
      <c r="JJ9" s="140">
        <v>609770682</v>
      </c>
      <c r="JK9" s="140">
        <v>726000360</v>
      </c>
      <c r="JL9" s="140">
        <v>559266903</v>
      </c>
      <c r="JM9" s="140">
        <v>334637795</v>
      </c>
      <c r="JN9" s="140">
        <v>183467208</v>
      </c>
      <c r="JO9" s="144">
        <v>2413142948</v>
      </c>
      <c r="JP9" s="353">
        <v>2413165157</v>
      </c>
      <c r="JQ9" s="142">
        <v>181205</v>
      </c>
      <c r="JR9" s="140">
        <v>488787</v>
      </c>
      <c r="JS9" s="141">
        <v>669992</v>
      </c>
      <c r="JT9" s="143">
        <v>0</v>
      </c>
      <c r="JU9" s="140">
        <v>70328181</v>
      </c>
      <c r="JV9" s="140">
        <v>104070491</v>
      </c>
      <c r="JW9" s="140">
        <v>152413990</v>
      </c>
      <c r="JX9" s="140">
        <v>90509723</v>
      </c>
      <c r="JY9" s="140">
        <v>83286735</v>
      </c>
      <c r="JZ9" s="144">
        <v>500609120</v>
      </c>
      <c r="KA9" s="353">
        <v>501279112</v>
      </c>
      <c r="KB9" s="264">
        <v>8857274</v>
      </c>
      <c r="KC9" s="258">
        <v>24975190</v>
      </c>
      <c r="KD9" s="144">
        <v>33832464</v>
      </c>
      <c r="KE9" s="143">
        <v>0</v>
      </c>
      <c r="KF9" s="140">
        <v>199222493</v>
      </c>
      <c r="KG9" s="140">
        <v>299948379</v>
      </c>
      <c r="KH9" s="140">
        <v>331454352</v>
      </c>
      <c r="KI9" s="140">
        <v>266535577</v>
      </c>
      <c r="KJ9" s="140">
        <v>148816724</v>
      </c>
      <c r="KK9" s="144">
        <v>1245977525</v>
      </c>
      <c r="KL9" s="146">
        <v>1279809989</v>
      </c>
      <c r="KM9" s="261">
        <v>0</v>
      </c>
      <c r="KN9" s="267">
        <v>11252555</v>
      </c>
      <c r="KO9" s="268">
        <v>11252555</v>
      </c>
      <c r="KP9" s="139"/>
      <c r="KQ9" s="140">
        <v>705733143</v>
      </c>
      <c r="KR9" s="140">
        <v>902091327</v>
      </c>
      <c r="KS9" s="140">
        <v>948644472</v>
      </c>
      <c r="KT9" s="140">
        <v>631385186</v>
      </c>
      <c r="KU9" s="140">
        <v>434753139</v>
      </c>
      <c r="KV9" s="144">
        <v>3622607267</v>
      </c>
      <c r="KW9" s="353">
        <v>3633859822</v>
      </c>
      <c r="KX9" s="142">
        <v>0</v>
      </c>
      <c r="KY9" s="140">
        <v>0</v>
      </c>
      <c r="KZ9" s="144">
        <v>0</v>
      </c>
      <c r="LA9" s="148"/>
      <c r="LB9" s="140">
        <v>5724655</v>
      </c>
      <c r="LC9" s="140">
        <v>10259497</v>
      </c>
      <c r="LD9" s="140">
        <v>11476828</v>
      </c>
      <c r="LE9" s="140">
        <v>16084946</v>
      </c>
      <c r="LF9" s="140">
        <v>11536289</v>
      </c>
      <c r="LG9" s="144">
        <v>55082215</v>
      </c>
      <c r="LH9" s="145">
        <v>55082215</v>
      </c>
      <c r="LI9" s="142">
        <v>0</v>
      </c>
      <c r="LJ9" s="140">
        <v>0</v>
      </c>
      <c r="LK9" s="144">
        <v>0</v>
      </c>
      <c r="LL9" s="148"/>
      <c r="LM9" s="140">
        <v>2823523</v>
      </c>
      <c r="LN9" s="140">
        <v>6202738</v>
      </c>
      <c r="LO9" s="140">
        <v>65006822</v>
      </c>
      <c r="LP9" s="140">
        <v>84601135</v>
      </c>
      <c r="LQ9" s="140">
        <v>65840563</v>
      </c>
      <c r="LR9" s="144">
        <v>224474781</v>
      </c>
      <c r="LS9" s="353">
        <v>224474781</v>
      </c>
      <c r="LT9" s="142">
        <v>0</v>
      </c>
      <c r="LU9" s="140">
        <v>0</v>
      </c>
      <c r="LV9" s="144">
        <v>0</v>
      </c>
      <c r="LW9" s="148"/>
      <c r="LX9" s="140">
        <v>28967698</v>
      </c>
      <c r="LY9" s="140">
        <v>45938185</v>
      </c>
      <c r="LZ9" s="140">
        <v>78355397</v>
      </c>
      <c r="MA9" s="140">
        <v>90049447</v>
      </c>
      <c r="MB9" s="140">
        <v>131881834</v>
      </c>
      <c r="MC9" s="144">
        <v>375192561</v>
      </c>
      <c r="MD9" s="145">
        <v>375192561</v>
      </c>
      <c r="ME9" s="142">
        <v>0</v>
      </c>
      <c r="MF9" s="140">
        <v>0</v>
      </c>
      <c r="MG9" s="144">
        <v>0</v>
      </c>
      <c r="MH9" s="148"/>
      <c r="MI9" s="140">
        <v>575892946</v>
      </c>
      <c r="MJ9" s="140">
        <v>1392709362</v>
      </c>
      <c r="MK9" s="140">
        <v>4028566532</v>
      </c>
      <c r="ML9" s="140">
        <v>5898334328</v>
      </c>
      <c r="MM9" s="140">
        <v>4318704773</v>
      </c>
      <c r="MN9" s="144">
        <v>16214207941</v>
      </c>
      <c r="MO9" s="146">
        <v>16214207941</v>
      </c>
      <c r="MP9" s="142">
        <v>0</v>
      </c>
      <c r="MQ9" s="140">
        <v>0</v>
      </c>
      <c r="MR9" s="144">
        <v>0</v>
      </c>
      <c r="MS9" s="148">
        <v>0</v>
      </c>
      <c r="MT9" s="140">
        <v>99695364</v>
      </c>
      <c r="MU9" s="140">
        <v>381325099</v>
      </c>
      <c r="MV9" s="140">
        <v>2581327335</v>
      </c>
      <c r="MW9" s="140">
        <v>4013902638</v>
      </c>
      <c r="MX9" s="140">
        <v>3089959132</v>
      </c>
      <c r="MY9" s="144">
        <v>10166209568</v>
      </c>
      <c r="MZ9" s="146">
        <v>10166209568</v>
      </c>
      <c r="NA9" s="142">
        <v>0</v>
      </c>
      <c r="NB9" s="140">
        <v>0</v>
      </c>
      <c r="NC9" s="144">
        <v>0</v>
      </c>
      <c r="ND9" s="148"/>
      <c r="NE9" s="140">
        <v>472770530</v>
      </c>
      <c r="NF9" s="140">
        <v>1005415180</v>
      </c>
      <c r="NG9" s="140">
        <v>1419139709</v>
      </c>
      <c r="NH9" s="140">
        <v>1715742977</v>
      </c>
      <c r="NI9" s="140">
        <v>981693145</v>
      </c>
      <c r="NJ9" s="144">
        <v>5594761541</v>
      </c>
      <c r="NK9" s="353">
        <v>5594761541</v>
      </c>
      <c r="NL9" s="142">
        <v>0</v>
      </c>
      <c r="NM9" s="140">
        <v>0</v>
      </c>
      <c r="NN9" s="144">
        <v>0</v>
      </c>
      <c r="NO9" s="148"/>
      <c r="NP9" s="140">
        <v>319005</v>
      </c>
      <c r="NQ9" s="140">
        <v>609755</v>
      </c>
      <c r="NR9" s="140">
        <v>6114946</v>
      </c>
      <c r="NS9" s="140">
        <v>60491814</v>
      </c>
      <c r="NT9" s="140">
        <v>92898421</v>
      </c>
      <c r="NU9" s="144">
        <v>160433941</v>
      </c>
      <c r="NV9" s="145">
        <v>160433941</v>
      </c>
      <c r="NW9" s="142">
        <v>0</v>
      </c>
      <c r="NX9" s="140">
        <v>0</v>
      </c>
      <c r="NY9" s="144">
        <v>0</v>
      </c>
      <c r="NZ9" s="148"/>
      <c r="OA9" s="140">
        <v>3108047</v>
      </c>
      <c r="OB9" s="140">
        <v>5359328</v>
      </c>
      <c r="OC9" s="140">
        <v>21984542</v>
      </c>
      <c r="OD9" s="140">
        <v>108196899</v>
      </c>
      <c r="OE9" s="140">
        <v>154154075</v>
      </c>
      <c r="OF9" s="144">
        <v>292802891</v>
      </c>
      <c r="OG9" s="145">
        <v>292802891</v>
      </c>
      <c r="OH9" s="142">
        <v>392217750</v>
      </c>
      <c r="OI9" s="140">
        <v>833370950</v>
      </c>
      <c r="OJ9" s="141">
        <v>1225588700</v>
      </c>
      <c r="OK9" s="143">
        <v>0</v>
      </c>
      <c r="OL9" s="140">
        <v>7243510205</v>
      </c>
      <c r="OM9" s="424">
        <v>10324658369</v>
      </c>
      <c r="ON9" s="140">
        <v>11868470890</v>
      </c>
      <c r="OO9" s="140">
        <v>12859155186</v>
      </c>
      <c r="OP9" s="140">
        <v>9561435202</v>
      </c>
      <c r="OQ9" s="144">
        <v>51857229852</v>
      </c>
      <c r="OR9" s="146">
        <v>53082818552</v>
      </c>
    </row>
    <row r="10" spans="1:408" ht="18.75" customHeight="1" x14ac:dyDescent="0.2">
      <c r="A10" s="63" t="s">
        <v>5</v>
      </c>
      <c r="B10" s="113">
        <v>153721053</v>
      </c>
      <c r="C10" s="117">
        <v>361840103</v>
      </c>
      <c r="D10" s="116">
        <v>515561156</v>
      </c>
      <c r="E10" s="112">
        <v>0</v>
      </c>
      <c r="F10" s="117">
        <v>1747542964</v>
      </c>
      <c r="G10" s="117">
        <v>3097086088</v>
      </c>
      <c r="H10" s="117">
        <v>2344807663</v>
      </c>
      <c r="I10" s="117">
        <v>2130281867</v>
      </c>
      <c r="J10" s="117">
        <v>1677131018</v>
      </c>
      <c r="K10" s="112">
        <v>10996849600</v>
      </c>
      <c r="L10" s="119">
        <v>11512410756</v>
      </c>
      <c r="M10" s="113">
        <v>39403065</v>
      </c>
      <c r="N10" s="117">
        <v>123180824</v>
      </c>
      <c r="O10" s="116">
        <v>162583889</v>
      </c>
      <c r="P10" s="113">
        <v>0</v>
      </c>
      <c r="Q10" s="117">
        <v>513008138</v>
      </c>
      <c r="R10" s="117">
        <v>1029223475</v>
      </c>
      <c r="S10" s="117">
        <v>775245077</v>
      </c>
      <c r="T10" s="117">
        <v>792553899</v>
      </c>
      <c r="U10" s="117">
        <v>853624017</v>
      </c>
      <c r="V10" s="116">
        <v>3963654606</v>
      </c>
      <c r="W10" s="119">
        <v>4126238495</v>
      </c>
      <c r="X10" s="113">
        <v>0</v>
      </c>
      <c r="Y10" s="117">
        <v>0</v>
      </c>
      <c r="Z10" s="116">
        <v>0</v>
      </c>
      <c r="AA10" s="113">
        <v>0</v>
      </c>
      <c r="AB10" s="117">
        <v>246757292</v>
      </c>
      <c r="AC10" s="117">
        <v>494731093</v>
      </c>
      <c r="AD10" s="117">
        <v>411786714</v>
      </c>
      <c r="AE10" s="117">
        <v>423452132</v>
      </c>
      <c r="AF10" s="117">
        <v>462453394</v>
      </c>
      <c r="AG10" s="116">
        <v>2039180625</v>
      </c>
      <c r="AH10" s="119">
        <v>2039180625</v>
      </c>
      <c r="AI10" s="113">
        <v>0</v>
      </c>
      <c r="AJ10" s="117">
        <v>640004</v>
      </c>
      <c r="AK10" s="116">
        <v>640004</v>
      </c>
      <c r="AL10" s="113">
        <v>0</v>
      </c>
      <c r="AM10" s="117">
        <v>2046019</v>
      </c>
      <c r="AN10" s="117">
        <v>11235939</v>
      </c>
      <c r="AO10" s="117">
        <v>20075814</v>
      </c>
      <c r="AP10" s="117">
        <v>49233087</v>
      </c>
      <c r="AQ10" s="117">
        <v>110655991</v>
      </c>
      <c r="AR10" s="116">
        <v>193246850</v>
      </c>
      <c r="AS10" s="119">
        <v>193886854</v>
      </c>
      <c r="AT10" s="113">
        <v>22698296</v>
      </c>
      <c r="AU10" s="117">
        <v>90422247</v>
      </c>
      <c r="AV10" s="116">
        <v>113120543</v>
      </c>
      <c r="AW10" s="113">
        <v>0</v>
      </c>
      <c r="AX10" s="117">
        <v>162285750</v>
      </c>
      <c r="AY10" s="117">
        <v>365986524</v>
      </c>
      <c r="AZ10" s="117">
        <v>217371685</v>
      </c>
      <c r="BA10" s="117">
        <v>199363529</v>
      </c>
      <c r="BB10" s="117">
        <v>187183163</v>
      </c>
      <c r="BC10" s="116">
        <v>1132190651</v>
      </c>
      <c r="BD10" s="119">
        <v>1245311194</v>
      </c>
      <c r="BE10" s="113">
        <v>2712613</v>
      </c>
      <c r="BF10" s="117">
        <v>12420780</v>
      </c>
      <c r="BG10" s="115">
        <v>15133393</v>
      </c>
      <c r="BH10" s="114">
        <v>0</v>
      </c>
      <c r="BI10" s="117">
        <v>9758479</v>
      </c>
      <c r="BJ10" s="117">
        <v>28159568</v>
      </c>
      <c r="BK10" s="117">
        <v>17725206</v>
      </c>
      <c r="BL10" s="117">
        <v>16917026</v>
      </c>
      <c r="BM10" s="117">
        <v>10251285</v>
      </c>
      <c r="BN10" s="116">
        <v>82811564</v>
      </c>
      <c r="BO10" s="119">
        <v>97944957</v>
      </c>
      <c r="BP10" s="113">
        <v>13992156</v>
      </c>
      <c r="BQ10" s="117">
        <v>19697793</v>
      </c>
      <c r="BR10" s="116">
        <v>33689949</v>
      </c>
      <c r="BS10" s="113">
        <v>0</v>
      </c>
      <c r="BT10" s="117">
        <v>92160598</v>
      </c>
      <c r="BU10" s="117">
        <v>129110351</v>
      </c>
      <c r="BV10" s="117">
        <v>108285658</v>
      </c>
      <c r="BW10" s="117">
        <v>103588125</v>
      </c>
      <c r="BX10" s="117">
        <v>83080184</v>
      </c>
      <c r="BY10" s="116">
        <v>516224916</v>
      </c>
      <c r="BZ10" s="119">
        <v>549914865</v>
      </c>
      <c r="CA10" s="113">
        <v>16269592</v>
      </c>
      <c r="CB10" s="117">
        <v>52478812</v>
      </c>
      <c r="CC10" s="116">
        <v>68748404</v>
      </c>
      <c r="CD10" s="113">
        <v>0</v>
      </c>
      <c r="CE10" s="117">
        <v>443919304</v>
      </c>
      <c r="CF10" s="117">
        <v>789194474</v>
      </c>
      <c r="CG10" s="117">
        <v>508548699</v>
      </c>
      <c r="CH10" s="117">
        <v>323414068</v>
      </c>
      <c r="CI10" s="117">
        <v>164004951</v>
      </c>
      <c r="CJ10" s="422">
        <v>2229081496</v>
      </c>
      <c r="CK10" s="423">
        <v>2297829900</v>
      </c>
      <c r="CL10" s="113">
        <v>0</v>
      </c>
      <c r="CM10" s="117">
        <v>0</v>
      </c>
      <c r="CN10" s="116">
        <v>0</v>
      </c>
      <c r="CO10" s="114">
        <v>0</v>
      </c>
      <c r="CP10" s="117">
        <v>375892934</v>
      </c>
      <c r="CQ10" s="117">
        <v>591143457</v>
      </c>
      <c r="CR10" s="117">
        <v>370994421</v>
      </c>
      <c r="CS10" s="117">
        <v>229974509</v>
      </c>
      <c r="CT10" s="117">
        <v>124501919</v>
      </c>
      <c r="CU10" s="116">
        <v>1692507240</v>
      </c>
      <c r="CV10" s="119">
        <v>1692507240</v>
      </c>
      <c r="CW10" s="113">
        <v>16269592</v>
      </c>
      <c r="CX10" s="117">
        <v>52478812</v>
      </c>
      <c r="CY10" s="116">
        <v>68748404</v>
      </c>
      <c r="CZ10" s="113">
        <v>0</v>
      </c>
      <c r="DA10" s="117">
        <v>68026370</v>
      </c>
      <c r="DB10" s="117">
        <v>198051017</v>
      </c>
      <c r="DC10" s="117">
        <v>137554278</v>
      </c>
      <c r="DD10" s="117">
        <v>93439559</v>
      </c>
      <c r="DE10" s="117">
        <v>39503032</v>
      </c>
      <c r="DF10" s="116">
        <v>536574256</v>
      </c>
      <c r="DG10" s="119">
        <v>605322660</v>
      </c>
      <c r="DH10" s="113">
        <v>571624</v>
      </c>
      <c r="DI10" s="117">
        <v>4115404</v>
      </c>
      <c r="DJ10" s="115">
        <v>4687028</v>
      </c>
      <c r="DK10" s="114">
        <v>0</v>
      </c>
      <c r="DL10" s="117">
        <v>42801908</v>
      </c>
      <c r="DM10" s="117">
        <v>122475599</v>
      </c>
      <c r="DN10" s="117">
        <v>217167679</v>
      </c>
      <c r="DO10" s="117">
        <v>179706453</v>
      </c>
      <c r="DP10" s="117">
        <v>106387694</v>
      </c>
      <c r="DQ10" s="116">
        <v>668539333</v>
      </c>
      <c r="DR10" s="119">
        <v>673226361</v>
      </c>
      <c r="DS10" s="113">
        <v>472549</v>
      </c>
      <c r="DT10" s="117">
        <v>3364210</v>
      </c>
      <c r="DU10" s="116">
        <v>3836759</v>
      </c>
      <c r="DV10" s="113">
        <v>0</v>
      </c>
      <c r="DW10" s="117">
        <v>35407988</v>
      </c>
      <c r="DX10" s="117">
        <v>101193127</v>
      </c>
      <c r="DY10" s="117">
        <v>184113360</v>
      </c>
      <c r="DZ10" s="117">
        <v>149444248</v>
      </c>
      <c r="EA10" s="117">
        <v>83104546</v>
      </c>
      <c r="EB10" s="116">
        <v>553263269</v>
      </c>
      <c r="EC10" s="119">
        <v>557100028</v>
      </c>
      <c r="ED10" s="113">
        <v>99075</v>
      </c>
      <c r="EE10" s="115">
        <v>751194</v>
      </c>
      <c r="EF10" s="116">
        <v>850269</v>
      </c>
      <c r="EG10" s="113">
        <v>0</v>
      </c>
      <c r="EH10" s="117">
        <v>7393920</v>
      </c>
      <c r="EI10" s="117">
        <v>21282472</v>
      </c>
      <c r="EJ10" s="117">
        <v>33054319</v>
      </c>
      <c r="EK10" s="117">
        <v>30262205</v>
      </c>
      <c r="EL10" s="117">
        <v>23283148</v>
      </c>
      <c r="EM10" s="115">
        <v>115276064</v>
      </c>
      <c r="EN10" s="119">
        <v>116126333</v>
      </c>
      <c r="EO10" s="113">
        <v>0</v>
      </c>
      <c r="EP10" s="117">
        <v>0</v>
      </c>
      <c r="EQ10" s="115">
        <v>0</v>
      </c>
      <c r="ER10" s="114">
        <v>0</v>
      </c>
      <c r="ES10" s="117">
        <v>0</v>
      </c>
      <c r="ET10" s="117">
        <v>0</v>
      </c>
      <c r="EU10" s="117">
        <v>0</v>
      </c>
      <c r="EV10" s="117">
        <v>0</v>
      </c>
      <c r="EW10" s="117">
        <v>0</v>
      </c>
      <c r="EX10" s="116">
        <v>0</v>
      </c>
      <c r="EY10" s="119">
        <v>0</v>
      </c>
      <c r="EZ10" s="113">
        <v>0</v>
      </c>
      <c r="FA10" s="117">
        <v>0</v>
      </c>
      <c r="FB10" s="115">
        <v>0</v>
      </c>
      <c r="FC10" s="387"/>
      <c r="FD10" s="117">
        <v>0</v>
      </c>
      <c r="FE10" s="117">
        <v>0</v>
      </c>
      <c r="FF10" s="117">
        <v>0</v>
      </c>
      <c r="FG10" s="117">
        <v>0</v>
      </c>
      <c r="FH10" s="117">
        <v>0</v>
      </c>
      <c r="FI10" s="116">
        <v>0</v>
      </c>
      <c r="FJ10" s="119">
        <v>0</v>
      </c>
      <c r="FK10" s="113">
        <v>29380426</v>
      </c>
      <c r="FL10" s="117">
        <v>72477119</v>
      </c>
      <c r="FM10" s="116">
        <v>101857545</v>
      </c>
      <c r="FN10" s="113">
        <v>0</v>
      </c>
      <c r="FO10" s="117">
        <v>65402088</v>
      </c>
      <c r="FP10" s="117">
        <v>267116028</v>
      </c>
      <c r="FQ10" s="117">
        <v>174442944</v>
      </c>
      <c r="FR10" s="117">
        <v>157137678</v>
      </c>
      <c r="FS10" s="117">
        <v>121580760</v>
      </c>
      <c r="FT10" s="116">
        <v>785679498</v>
      </c>
      <c r="FU10" s="119">
        <v>887537043</v>
      </c>
      <c r="FV10" s="118">
        <v>15377496</v>
      </c>
      <c r="FW10" s="117">
        <v>54833040</v>
      </c>
      <c r="FX10" s="115">
        <v>70210536</v>
      </c>
      <c r="FY10" s="114">
        <v>0</v>
      </c>
      <c r="FZ10" s="117">
        <v>48650606</v>
      </c>
      <c r="GA10" s="117">
        <v>246649278</v>
      </c>
      <c r="GB10" s="117">
        <v>163289673</v>
      </c>
      <c r="GC10" s="117">
        <v>144972431</v>
      </c>
      <c r="GD10" s="117">
        <v>117305651</v>
      </c>
      <c r="GE10" s="116">
        <v>720867639</v>
      </c>
      <c r="GF10" s="351">
        <v>791078175</v>
      </c>
      <c r="GG10" s="118">
        <v>2028985</v>
      </c>
      <c r="GH10" s="117">
        <v>3641013</v>
      </c>
      <c r="GI10" s="115">
        <v>5669998</v>
      </c>
      <c r="GJ10" s="114">
        <v>0</v>
      </c>
      <c r="GK10" s="117">
        <v>4409101</v>
      </c>
      <c r="GL10" s="117">
        <v>6752440</v>
      </c>
      <c r="GM10" s="117">
        <v>4230634</v>
      </c>
      <c r="GN10" s="117">
        <v>4583629</v>
      </c>
      <c r="GO10" s="117">
        <v>2192677</v>
      </c>
      <c r="GP10" s="116">
        <v>22168481</v>
      </c>
      <c r="GQ10" s="119">
        <v>27838479</v>
      </c>
      <c r="GR10" s="113">
        <v>11973945</v>
      </c>
      <c r="GS10" s="117">
        <v>14003066</v>
      </c>
      <c r="GT10" s="116">
        <v>25977011</v>
      </c>
      <c r="GU10" s="113">
        <v>0</v>
      </c>
      <c r="GV10" s="117">
        <v>12342381</v>
      </c>
      <c r="GW10" s="117">
        <v>13714310</v>
      </c>
      <c r="GX10" s="117">
        <v>6922637</v>
      </c>
      <c r="GY10" s="117">
        <v>7581618</v>
      </c>
      <c r="GZ10" s="117">
        <v>2082432</v>
      </c>
      <c r="HA10" s="115">
        <v>42643378</v>
      </c>
      <c r="HB10" s="119">
        <v>68620389</v>
      </c>
      <c r="HC10" s="113">
        <v>43813160</v>
      </c>
      <c r="HD10" s="117">
        <v>51338267</v>
      </c>
      <c r="HE10" s="115">
        <v>95151427</v>
      </c>
      <c r="HF10" s="114">
        <v>0</v>
      </c>
      <c r="HG10" s="117">
        <v>408316943</v>
      </c>
      <c r="HH10" s="117">
        <v>479066804</v>
      </c>
      <c r="HI10" s="117">
        <v>426945887</v>
      </c>
      <c r="HJ10" s="117">
        <v>511216408</v>
      </c>
      <c r="HK10" s="117">
        <v>327959107</v>
      </c>
      <c r="HL10" s="116">
        <v>2153505149</v>
      </c>
      <c r="HM10" s="112">
        <v>2248656576</v>
      </c>
      <c r="HN10" s="118">
        <v>24283186</v>
      </c>
      <c r="HO10" s="117">
        <v>58249677</v>
      </c>
      <c r="HP10" s="116">
        <v>82532863</v>
      </c>
      <c r="HQ10" s="113">
        <v>0</v>
      </c>
      <c r="HR10" s="117">
        <v>274094583</v>
      </c>
      <c r="HS10" s="117">
        <v>410009708</v>
      </c>
      <c r="HT10" s="117">
        <v>242457377</v>
      </c>
      <c r="HU10" s="117">
        <v>166253361</v>
      </c>
      <c r="HV10" s="117">
        <v>103574489</v>
      </c>
      <c r="HW10" s="115">
        <v>1196389518</v>
      </c>
      <c r="HX10" s="119">
        <v>1278922381</v>
      </c>
      <c r="HY10" s="149">
        <v>3620868</v>
      </c>
      <c r="HZ10" s="150">
        <v>13684155</v>
      </c>
      <c r="IA10" s="151">
        <v>17305023</v>
      </c>
      <c r="IB10" s="152">
        <v>0</v>
      </c>
      <c r="IC10" s="153">
        <v>630021693</v>
      </c>
      <c r="ID10" s="154">
        <v>969444721</v>
      </c>
      <c r="IE10" s="155">
        <v>955787491</v>
      </c>
      <c r="IF10" s="153">
        <v>694492733</v>
      </c>
      <c r="IG10" s="155">
        <v>532203512</v>
      </c>
      <c r="IH10" s="156">
        <v>3781950150</v>
      </c>
      <c r="II10" s="157">
        <v>3799255173</v>
      </c>
      <c r="IJ10" s="262">
        <v>0</v>
      </c>
      <c r="IK10" s="269">
        <v>0</v>
      </c>
      <c r="IL10" s="270">
        <v>0</v>
      </c>
      <c r="IM10" s="158"/>
      <c r="IN10" s="123">
        <v>11608388</v>
      </c>
      <c r="IO10" s="123">
        <v>24071071</v>
      </c>
      <c r="IP10" s="123">
        <v>31947372</v>
      </c>
      <c r="IQ10" s="123">
        <v>48493224</v>
      </c>
      <c r="IR10" s="123">
        <v>45203836</v>
      </c>
      <c r="IS10" s="159">
        <v>161323891</v>
      </c>
      <c r="IT10" s="354">
        <v>161323891</v>
      </c>
      <c r="IU10" s="160">
        <v>0</v>
      </c>
      <c r="IV10" s="123">
        <v>0</v>
      </c>
      <c r="IW10" s="124">
        <v>0</v>
      </c>
      <c r="IX10" s="162">
        <v>0</v>
      </c>
      <c r="IY10" s="123">
        <v>2272879</v>
      </c>
      <c r="IZ10" s="123">
        <v>9858263</v>
      </c>
      <c r="JA10" s="123">
        <v>8681596</v>
      </c>
      <c r="JB10" s="123">
        <v>10904640</v>
      </c>
      <c r="JC10" s="123">
        <v>14165197</v>
      </c>
      <c r="JD10" s="124">
        <v>45882575</v>
      </c>
      <c r="JE10" s="125">
        <v>45882575</v>
      </c>
      <c r="JF10" s="160">
        <v>0</v>
      </c>
      <c r="JG10" s="123">
        <v>22209</v>
      </c>
      <c r="JH10" s="159">
        <v>22209</v>
      </c>
      <c r="JI10" s="122">
        <v>0</v>
      </c>
      <c r="JJ10" s="123">
        <v>198144398</v>
      </c>
      <c r="JK10" s="123">
        <v>328796642</v>
      </c>
      <c r="JL10" s="123">
        <v>247976822</v>
      </c>
      <c r="JM10" s="123">
        <v>157102080</v>
      </c>
      <c r="JN10" s="123">
        <v>82647851</v>
      </c>
      <c r="JO10" s="124">
        <v>1014667793</v>
      </c>
      <c r="JP10" s="354">
        <v>1014690002</v>
      </c>
      <c r="JQ10" s="160">
        <v>105329</v>
      </c>
      <c r="JR10" s="123">
        <v>163486</v>
      </c>
      <c r="JS10" s="159">
        <v>268815</v>
      </c>
      <c r="JT10" s="122">
        <v>0</v>
      </c>
      <c r="JU10" s="123">
        <v>31913402</v>
      </c>
      <c r="JV10" s="123">
        <v>53486375</v>
      </c>
      <c r="JW10" s="123">
        <v>81009962</v>
      </c>
      <c r="JX10" s="123">
        <v>50795425</v>
      </c>
      <c r="JY10" s="123">
        <v>50532554</v>
      </c>
      <c r="JZ10" s="124">
        <v>267737718</v>
      </c>
      <c r="KA10" s="354">
        <v>268006533</v>
      </c>
      <c r="KB10" s="265">
        <v>3515539</v>
      </c>
      <c r="KC10" s="259">
        <v>9938939</v>
      </c>
      <c r="KD10" s="124">
        <v>13454478</v>
      </c>
      <c r="KE10" s="122">
        <v>0</v>
      </c>
      <c r="KF10" s="123">
        <v>76848349</v>
      </c>
      <c r="KG10" s="123">
        <v>128111821</v>
      </c>
      <c r="KH10" s="123">
        <v>146958759</v>
      </c>
      <c r="KI10" s="123">
        <v>122982580</v>
      </c>
      <c r="KJ10" s="123">
        <v>74306305</v>
      </c>
      <c r="KK10" s="124">
        <v>549207814</v>
      </c>
      <c r="KL10" s="161">
        <v>562662292</v>
      </c>
      <c r="KM10" s="262">
        <v>0</v>
      </c>
      <c r="KN10" s="269">
        <v>3559521</v>
      </c>
      <c r="KO10" s="270">
        <v>3559521</v>
      </c>
      <c r="KP10" s="158"/>
      <c r="KQ10" s="123">
        <v>302218685</v>
      </c>
      <c r="KR10" s="123">
        <v>411745143</v>
      </c>
      <c r="KS10" s="123">
        <v>407925081</v>
      </c>
      <c r="KT10" s="123">
        <v>267957064</v>
      </c>
      <c r="KU10" s="123">
        <v>198095732</v>
      </c>
      <c r="KV10" s="124">
        <v>1587941705</v>
      </c>
      <c r="KW10" s="354">
        <v>1591501226</v>
      </c>
      <c r="KX10" s="160">
        <v>0</v>
      </c>
      <c r="KY10" s="123">
        <v>0</v>
      </c>
      <c r="KZ10" s="124">
        <v>0</v>
      </c>
      <c r="LA10" s="163"/>
      <c r="LB10" s="123">
        <v>171830</v>
      </c>
      <c r="LC10" s="123">
        <v>193075</v>
      </c>
      <c r="LD10" s="123">
        <v>645795</v>
      </c>
      <c r="LE10" s="123">
        <v>471746</v>
      </c>
      <c r="LF10" s="123">
        <v>1288725</v>
      </c>
      <c r="LG10" s="124">
        <v>2771171</v>
      </c>
      <c r="LH10" s="125">
        <v>2771171</v>
      </c>
      <c r="LI10" s="160">
        <v>0</v>
      </c>
      <c r="LJ10" s="123">
        <v>0</v>
      </c>
      <c r="LK10" s="124">
        <v>0</v>
      </c>
      <c r="LL10" s="163"/>
      <c r="LM10" s="123">
        <v>1035564</v>
      </c>
      <c r="LN10" s="123">
        <v>1627879</v>
      </c>
      <c r="LO10" s="123">
        <v>6826030</v>
      </c>
      <c r="LP10" s="123">
        <v>8592914</v>
      </c>
      <c r="LQ10" s="123">
        <v>7231881</v>
      </c>
      <c r="LR10" s="124">
        <v>25314268</v>
      </c>
      <c r="LS10" s="354">
        <v>25314268</v>
      </c>
      <c r="LT10" s="160">
        <v>0</v>
      </c>
      <c r="LU10" s="123">
        <v>0</v>
      </c>
      <c r="LV10" s="124">
        <v>0</v>
      </c>
      <c r="LW10" s="163"/>
      <c r="LX10" s="123">
        <v>5808198</v>
      </c>
      <c r="LY10" s="123">
        <v>11554452</v>
      </c>
      <c r="LZ10" s="123">
        <v>23816074</v>
      </c>
      <c r="MA10" s="123">
        <v>27193060</v>
      </c>
      <c r="MB10" s="123">
        <v>58731431</v>
      </c>
      <c r="MC10" s="124">
        <v>127103215</v>
      </c>
      <c r="MD10" s="125">
        <v>127103215</v>
      </c>
      <c r="ME10" s="160">
        <v>0</v>
      </c>
      <c r="MF10" s="123">
        <v>0</v>
      </c>
      <c r="MG10" s="124">
        <v>0</v>
      </c>
      <c r="MH10" s="163"/>
      <c r="MI10" s="123">
        <v>226072409</v>
      </c>
      <c r="MJ10" s="123">
        <v>697704911</v>
      </c>
      <c r="MK10" s="123">
        <v>1763617062</v>
      </c>
      <c r="ML10" s="123">
        <v>2522670331</v>
      </c>
      <c r="MM10" s="123">
        <v>1908651327</v>
      </c>
      <c r="MN10" s="124">
        <v>7118716040</v>
      </c>
      <c r="MO10" s="161">
        <v>7118716040</v>
      </c>
      <c r="MP10" s="160">
        <v>0</v>
      </c>
      <c r="MQ10" s="123">
        <v>0</v>
      </c>
      <c r="MR10" s="124">
        <v>0</v>
      </c>
      <c r="MS10" s="163">
        <v>0</v>
      </c>
      <c r="MT10" s="123">
        <v>52040884</v>
      </c>
      <c r="MU10" s="123">
        <v>230569185</v>
      </c>
      <c r="MV10" s="123">
        <v>1119088095</v>
      </c>
      <c r="MW10" s="123">
        <v>1689524551</v>
      </c>
      <c r="MX10" s="123">
        <v>1361777527</v>
      </c>
      <c r="MY10" s="124">
        <v>4453000242</v>
      </c>
      <c r="MZ10" s="161">
        <v>4453000242</v>
      </c>
      <c r="NA10" s="160">
        <v>0</v>
      </c>
      <c r="NB10" s="123">
        <v>0</v>
      </c>
      <c r="NC10" s="124">
        <v>0</v>
      </c>
      <c r="ND10" s="163"/>
      <c r="NE10" s="123">
        <v>173582569</v>
      </c>
      <c r="NF10" s="123">
        <v>465699946</v>
      </c>
      <c r="NG10" s="123">
        <v>638836708</v>
      </c>
      <c r="NH10" s="123">
        <v>778125120</v>
      </c>
      <c r="NI10" s="123">
        <v>475810215</v>
      </c>
      <c r="NJ10" s="124">
        <v>2532054558</v>
      </c>
      <c r="NK10" s="354">
        <v>2532054558</v>
      </c>
      <c r="NL10" s="160">
        <v>0</v>
      </c>
      <c r="NM10" s="123">
        <v>0</v>
      </c>
      <c r="NN10" s="124">
        <v>0</v>
      </c>
      <c r="NO10" s="163"/>
      <c r="NP10" s="123">
        <v>0</v>
      </c>
      <c r="NQ10" s="123">
        <v>609755</v>
      </c>
      <c r="NR10" s="123">
        <v>1567920</v>
      </c>
      <c r="NS10" s="123">
        <v>21560491</v>
      </c>
      <c r="NT10" s="123">
        <v>33089279</v>
      </c>
      <c r="NU10" s="124">
        <v>56827445</v>
      </c>
      <c r="NV10" s="125">
        <v>56827445</v>
      </c>
      <c r="NW10" s="160">
        <v>0</v>
      </c>
      <c r="NX10" s="123">
        <v>0</v>
      </c>
      <c r="NY10" s="124">
        <v>0</v>
      </c>
      <c r="NZ10" s="163"/>
      <c r="OA10" s="123">
        <v>448956</v>
      </c>
      <c r="OB10" s="123">
        <v>826025</v>
      </c>
      <c r="OC10" s="123">
        <v>4124339</v>
      </c>
      <c r="OD10" s="123">
        <v>33460169</v>
      </c>
      <c r="OE10" s="123">
        <v>37974306</v>
      </c>
      <c r="OF10" s="124">
        <v>76833795</v>
      </c>
      <c r="OG10" s="125">
        <v>76833795</v>
      </c>
      <c r="OH10" s="160">
        <v>157341921</v>
      </c>
      <c r="OI10" s="123">
        <v>375524258</v>
      </c>
      <c r="OJ10" s="159">
        <v>532866179</v>
      </c>
      <c r="OK10" s="122">
        <v>0</v>
      </c>
      <c r="OL10" s="123">
        <v>2603637066</v>
      </c>
      <c r="OM10" s="123">
        <v>4764235720</v>
      </c>
      <c r="ON10" s="123">
        <v>5064212216</v>
      </c>
      <c r="OO10" s="123">
        <v>5347444931</v>
      </c>
      <c r="OP10" s="123">
        <v>4117985857</v>
      </c>
      <c r="OQ10" s="124">
        <v>21897515790</v>
      </c>
      <c r="OR10" s="161">
        <v>22430381969</v>
      </c>
    </row>
    <row r="11" spans="1:408" ht="18.75" customHeight="1" x14ac:dyDescent="0.2">
      <c r="A11" s="63" t="s">
        <v>6</v>
      </c>
      <c r="B11" s="113">
        <v>52132598</v>
      </c>
      <c r="C11" s="117">
        <v>92762591</v>
      </c>
      <c r="D11" s="116">
        <v>144895189</v>
      </c>
      <c r="E11" s="112">
        <v>0</v>
      </c>
      <c r="F11" s="117">
        <v>843433712</v>
      </c>
      <c r="G11" s="117">
        <v>901538830</v>
      </c>
      <c r="H11" s="117">
        <v>805145654</v>
      </c>
      <c r="I11" s="117">
        <v>825133345</v>
      </c>
      <c r="J11" s="117">
        <v>635214553</v>
      </c>
      <c r="K11" s="112">
        <v>4010466094</v>
      </c>
      <c r="L11" s="119">
        <v>4155361283</v>
      </c>
      <c r="M11" s="113">
        <v>13408787</v>
      </c>
      <c r="N11" s="117">
        <v>29123933</v>
      </c>
      <c r="O11" s="116">
        <v>42532720</v>
      </c>
      <c r="P11" s="113">
        <v>0</v>
      </c>
      <c r="Q11" s="117">
        <v>268388328</v>
      </c>
      <c r="R11" s="117">
        <v>315360546</v>
      </c>
      <c r="S11" s="117">
        <v>280690794</v>
      </c>
      <c r="T11" s="117">
        <v>331045822</v>
      </c>
      <c r="U11" s="117">
        <v>330795054</v>
      </c>
      <c r="V11" s="116">
        <v>1526280544</v>
      </c>
      <c r="W11" s="119">
        <v>1568813264</v>
      </c>
      <c r="X11" s="113">
        <v>0</v>
      </c>
      <c r="Y11" s="117">
        <v>0</v>
      </c>
      <c r="Z11" s="116">
        <v>0</v>
      </c>
      <c r="AA11" s="113">
        <v>0</v>
      </c>
      <c r="AB11" s="117">
        <v>135869978</v>
      </c>
      <c r="AC11" s="117">
        <v>167256595</v>
      </c>
      <c r="AD11" s="117">
        <v>165386912</v>
      </c>
      <c r="AE11" s="117">
        <v>198824237</v>
      </c>
      <c r="AF11" s="117">
        <v>198546705</v>
      </c>
      <c r="AG11" s="116">
        <v>865884427</v>
      </c>
      <c r="AH11" s="119">
        <v>865884427</v>
      </c>
      <c r="AI11" s="113">
        <v>0</v>
      </c>
      <c r="AJ11" s="117">
        <v>137233</v>
      </c>
      <c r="AK11" s="116">
        <v>137233</v>
      </c>
      <c r="AL11" s="113">
        <v>0</v>
      </c>
      <c r="AM11" s="117">
        <v>1108449</v>
      </c>
      <c r="AN11" s="117">
        <v>3488722</v>
      </c>
      <c r="AO11" s="117">
        <v>7085280</v>
      </c>
      <c r="AP11" s="117">
        <v>18296565</v>
      </c>
      <c r="AQ11" s="117">
        <v>35527349</v>
      </c>
      <c r="AR11" s="116">
        <v>65506365</v>
      </c>
      <c r="AS11" s="119">
        <v>65643598</v>
      </c>
      <c r="AT11" s="113">
        <v>7208456</v>
      </c>
      <c r="AU11" s="117">
        <v>21001566</v>
      </c>
      <c r="AV11" s="116">
        <v>28210022</v>
      </c>
      <c r="AW11" s="113">
        <v>0</v>
      </c>
      <c r="AX11" s="117">
        <v>80004188</v>
      </c>
      <c r="AY11" s="117">
        <v>87723629</v>
      </c>
      <c r="AZ11" s="117">
        <v>58868337</v>
      </c>
      <c r="BA11" s="117">
        <v>63561998</v>
      </c>
      <c r="BB11" s="117">
        <v>58295003</v>
      </c>
      <c r="BC11" s="116">
        <v>348453155</v>
      </c>
      <c r="BD11" s="119">
        <v>376663177</v>
      </c>
      <c r="BE11" s="113">
        <v>593465</v>
      </c>
      <c r="BF11" s="117">
        <v>1683822</v>
      </c>
      <c r="BG11" s="115">
        <v>2277287</v>
      </c>
      <c r="BH11" s="114">
        <v>0</v>
      </c>
      <c r="BI11" s="117">
        <v>6327885</v>
      </c>
      <c r="BJ11" s="117">
        <v>7589006</v>
      </c>
      <c r="BK11" s="117">
        <v>5120976</v>
      </c>
      <c r="BL11" s="117">
        <v>5056336</v>
      </c>
      <c r="BM11" s="117">
        <v>2818158</v>
      </c>
      <c r="BN11" s="116">
        <v>26912361</v>
      </c>
      <c r="BO11" s="119">
        <v>29189648</v>
      </c>
      <c r="BP11" s="113">
        <v>5606866</v>
      </c>
      <c r="BQ11" s="117">
        <v>6301312</v>
      </c>
      <c r="BR11" s="116">
        <v>11908178</v>
      </c>
      <c r="BS11" s="113">
        <v>0</v>
      </c>
      <c r="BT11" s="117">
        <v>45077828</v>
      </c>
      <c r="BU11" s="117">
        <v>49302594</v>
      </c>
      <c r="BV11" s="117">
        <v>44229289</v>
      </c>
      <c r="BW11" s="117">
        <v>45306686</v>
      </c>
      <c r="BX11" s="117">
        <v>35607839</v>
      </c>
      <c r="BY11" s="116">
        <v>219524236</v>
      </c>
      <c r="BZ11" s="119">
        <v>231432414</v>
      </c>
      <c r="CA11" s="113">
        <v>1948571</v>
      </c>
      <c r="CB11" s="117">
        <v>7783896</v>
      </c>
      <c r="CC11" s="116">
        <v>9732467</v>
      </c>
      <c r="CD11" s="113">
        <v>0</v>
      </c>
      <c r="CE11" s="117">
        <v>233489706</v>
      </c>
      <c r="CF11" s="117">
        <v>234504008</v>
      </c>
      <c r="CG11" s="117">
        <v>182924238</v>
      </c>
      <c r="CH11" s="117">
        <v>138124027</v>
      </c>
      <c r="CI11" s="117">
        <v>63284105</v>
      </c>
      <c r="CJ11" s="116">
        <v>852326084</v>
      </c>
      <c r="CK11" s="119">
        <v>862058551</v>
      </c>
      <c r="CL11" s="113">
        <v>0</v>
      </c>
      <c r="CM11" s="117">
        <v>0</v>
      </c>
      <c r="CN11" s="116">
        <v>0</v>
      </c>
      <c r="CO11" s="114">
        <v>0</v>
      </c>
      <c r="CP11" s="117">
        <v>202302857</v>
      </c>
      <c r="CQ11" s="117">
        <v>184653062</v>
      </c>
      <c r="CR11" s="117">
        <v>141846408</v>
      </c>
      <c r="CS11" s="117">
        <v>107123416</v>
      </c>
      <c r="CT11" s="117">
        <v>52040792</v>
      </c>
      <c r="CU11" s="116">
        <v>687966535</v>
      </c>
      <c r="CV11" s="119">
        <v>687966535</v>
      </c>
      <c r="CW11" s="113">
        <v>1948571</v>
      </c>
      <c r="CX11" s="117">
        <v>7783896</v>
      </c>
      <c r="CY11" s="116">
        <v>9732467</v>
      </c>
      <c r="CZ11" s="113">
        <v>0</v>
      </c>
      <c r="DA11" s="117">
        <v>31186849</v>
      </c>
      <c r="DB11" s="117">
        <v>49850946</v>
      </c>
      <c r="DC11" s="117">
        <v>41077830</v>
      </c>
      <c r="DD11" s="117">
        <v>31000611</v>
      </c>
      <c r="DE11" s="117">
        <v>11243313</v>
      </c>
      <c r="DF11" s="116">
        <v>164359549</v>
      </c>
      <c r="DG11" s="119">
        <v>174092016</v>
      </c>
      <c r="DH11" s="113">
        <v>191857</v>
      </c>
      <c r="DI11" s="117">
        <v>723642</v>
      </c>
      <c r="DJ11" s="115">
        <v>915499</v>
      </c>
      <c r="DK11" s="114">
        <v>0</v>
      </c>
      <c r="DL11" s="117">
        <v>19175000</v>
      </c>
      <c r="DM11" s="117">
        <v>34868242</v>
      </c>
      <c r="DN11" s="117">
        <v>62018483</v>
      </c>
      <c r="DO11" s="117">
        <v>51193123</v>
      </c>
      <c r="DP11" s="117">
        <v>30414457</v>
      </c>
      <c r="DQ11" s="116">
        <v>197669305</v>
      </c>
      <c r="DR11" s="119">
        <v>198584804</v>
      </c>
      <c r="DS11" s="113">
        <v>160319</v>
      </c>
      <c r="DT11" s="117">
        <v>723642</v>
      </c>
      <c r="DU11" s="116">
        <v>883961</v>
      </c>
      <c r="DV11" s="113">
        <v>0</v>
      </c>
      <c r="DW11" s="117">
        <v>17224459</v>
      </c>
      <c r="DX11" s="117">
        <v>30117354</v>
      </c>
      <c r="DY11" s="117">
        <v>55455260</v>
      </c>
      <c r="DZ11" s="117">
        <v>42779467</v>
      </c>
      <c r="EA11" s="117">
        <v>25629903</v>
      </c>
      <c r="EB11" s="116">
        <v>171206443</v>
      </c>
      <c r="EC11" s="119">
        <v>172090404</v>
      </c>
      <c r="ED11" s="113">
        <v>31538</v>
      </c>
      <c r="EE11" s="115">
        <v>0</v>
      </c>
      <c r="EF11" s="116">
        <v>31538</v>
      </c>
      <c r="EG11" s="113">
        <v>0</v>
      </c>
      <c r="EH11" s="117">
        <v>1950541</v>
      </c>
      <c r="EI11" s="117">
        <v>4750888</v>
      </c>
      <c r="EJ11" s="117">
        <v>6563223</v>
      </c>
      <c r="EK11" s="117">
        <v>8413656</v>
      </c>
      <c r="EL11" s="117">
        <v>4784554</v>
      </c>
      <c r="EM11" s="115">
        <v>26462862</v>
      </c>
      <c r="EN11" s="119">
        <v>26494400</v>
      </c>
      <c r="EO11" s="113">
        <v>0</v>
      </c>
      <c r="EP11" s="117">
        <v>0</v>
      </c>
      <c r="EQ11" s="115">
        <v>0</v>
      </c>
      <c r="ER11" s="114">
        <v>0</v>
      </c>
      <c r="ES11" s="117">
        <v>0</v>
      </c>
      <c r="ET11" s="117">
        <v>0</v>
      </c>
      <c r="EU11" s="117">
        <v>0</v>
      </c>
      <c r="EV11" s="117">
        <v>0</v>
      </c>
      <c r="EW11" s="117">
        <v>0</v>
      </c>
      <c r="EX11" s="116">
        <v>0</v>
      </c>
      <c r="EY11" s="119">
        <v>0</v>
      </c>
      <c r="EZ11" s="113">
        <v>0</v>
      </c>
      <c r="FA11" s="117">
        <v>0</v>
      </c>
      <c r="FB11" s="115">
        <v>0</v>
      </c>
      <c r="FC11" s="387"/>
      <c r="FD11" s="117">
        <v>0</v>
      </c>
      <c r="FE11" s="117">
        <v>0</v>
      </c>
      <c r="FF11" s="117">
        <v>0</v>
      </c>
      <c r="FG11" s="117">
        <v>0</v>
      </c>
      <c r="FH11" s="117">
        <v>0</v>
      </c>
      <c r="FI11" s="116">
        <v>0</v>
      </c>
      <c r="FJ11" s="119">
        <v>0</v>
      </c>
      <c r="FK11" s="113">
        <v>12698090</v>
      </c>
      <c r="FL11" s="117">
        <v>22395949</v>
      </c>
      <c r="FM11" s="116">
        <v>35094039</v>
      </c>
      <c r="FN11" s="113">
        <v>0</v>
      </c>
      <c r="FO11" s="117">
        <v>46688423</v>
      </c>
      <c r="FP11" s="117">
        <v>81540640</v>
      </c>
      <c r="FQ11" s="117">
        <v>63379968</v>
      </c>
      <c r="FR11" s="117">
        <v>64598865</v>
      </c>
      <c r="FS11" s="117">
        <v>45525421</v>
      </c>
      <c r="FT11" s="116">
        <v>301733317</v>
      </c>
      <c r="FU11" s="119">
        <v>336827356</v>
      </c>
      <c r="FV11" s="118">
        <v>6708516</v>
      </c>
      <c r="FW11" s="117">
        <v>16511853</v>
      </c>
      <c r="FX11" s="115">
        <v>23220369</v>
      </c>
      <c r="FY11" s="114">
        <v>0</v>
      </c>
      <c r="FZ11" s="117">
        <v>39107173</v>
      </c>
      <c r="GA11" s="117">
        <v>74121698</v>
      </c>
      <c r="GB11" s="117">
        <v>57842749</v>
      </c>
      <c r="GC11" s="117">
        <v>60240046</v>
      </c>
      <c r="GD11" s="117">
        <v>43881520</v>
      </c>
      <c r="GE11" s="116">
        <v>275193186</v>
      </c>
      <c r="GF11" s="351">
        <v>298413555</v>
      </c>
      <c r="GG11" s="118">
        <v>1221271</v>
      </c>
      <c r="GH11" s="117">
        <v>1343442</v>
      </c>
      <c r="GI11" s="115">
        <v>2564713</v>
      </c>
      <c r="GJ11" s="114">
        <v>0</v>
      </c>
      <c r="GK11" s="117">
        <v>2173740</v>
      </c>
      <c r="GL11" s="117">
        <v>2537875</v>
      </c>
      <c r="GM11" s="117">
        <v>1616332</v>
      </c>
      <c r="GN11" s="117">
        <v>2055435</v>
      </c>
      <c r="GO11" s="117">
        <v>774802</v>
      </c>
      <c r="GP11" s="116">
        <v>9158184</v>
      </c>
      <c r="GQ11" s="119">
        <v>11722897</v>
      </c>
      <c r="GR11" s="113">
        <v>4768303</v>
      </c>
      <c r="GS11" s="117">
        <v>4540654</v>
      </c>
      <c r="GT11" s="116">
        <v>9308957</v>
      </c>
      <c r="GU11" s="113">
        <v>0</v>
      </c>
      <c r="GV11" s="117">
        <v>5407510</v>
      </c>
      <c r="GW11" s="117">
        <v>4881067</v>
      </c>
      <c r="GX11" s="117">
        <v>3920887</v>
      </c>
      <c r="GY11" s="117">
        <v>2303384</v>
      </c>
      <c r="GZ11" s="117">
        <v>869099</v>
      </c>
      <c r="HA11" s="115">
        <v>17381947</v>
      </c>
      <c r="HB11" s="119">
        <v>26690904</v>
      </c>
      <c r="HC11" s="113">
        <v>14900090</v>
      </c>
      <c r="HD11" s="117">
        <v>16968669</v>
      </c>
      <c r="HE11" s="115">
        <v>31868759</v>
      </c>
      <c r="HF11" s="114">
        <v>0</v>
      </c>
      <c r="HG11" s="117">
        <v>138585857</v>
      </c>
      <c r="HH11" s="117">
        <v>129471703</v>
      </c>
      <c r="HI11" s="117">
        <v>138854507</v>
      </c>
      <c r="HJ11" s="117">
        <v>179183030</v>
      </c>
      <c r="HK11" s="117">
        <v>128435026</v>
      </c>
      <c r="HL11" s="116">
        <v>714530123</v>
      </c>
      <c r="HM11" s="112">
        <v>746398882</v>
      </c>
      <c r="HN11" s="118">
        <v>8985203</v>
      </c>
      <c r="HO11" s="117">
        <v>15766502</v>
      </c>
      <c r="HP11" s="116">
        <v>24751705</v>
      </c>
      <c r="HQ11" s="113">
        <v>0</v>
      </c>
      <c r="HR11" s="117">
        <v>137106398</v>
      </c>
      <c r="HS11" s="117">
        <v>105793691</v>
      </c>
      <c r="HT11" s="117">
        <v>77277664</v>
      </c>
      <c r="HU11" s="117">
        <v>60988478</v>
      </c>
      <c r="HV11" s="117">
        <v>36760490</v>
      </c>
      <c r="HW11" s="115">
        <v>417926721</v>
      </c>
      <c r="HX11" s="119">
        <v>442678426</v>
      </c>
      <c r="HY11" s="149">
        <v>1332580</v>
      </c>
      <c r="HZ11" s="150">
        <v>4736460</v>
      </c>
      <c r="IA11" s="151">
        <v>6069040</v>
      </c>
      <c r="IB11" s="164">
        <v>0</v>
      </c>
      <c r="IC11" s="150">
        <v>292899839</v>
      </c>
      <c r="ID11" s="165">
        <v>326181650</v>
      </c>
      <c r="IE11" s="151">
        <v>354272166</v>
      </c>
      <c r="IF11" s="150">
        <v>296065675</v>
      </c>
      <c r="IG11" s="151">
        <v>202943877</v>
      </c>
      <c r="IH11" s="166">
        <v>1472363207</v>
      </c>
      <c r="II11" s="157">
        <v>1478432247</v>
      </c>
      <c r="IJ11" s="262">
        <v>0</v>
      </c>
      <c r="IK11" s="269">
        <v>0</v>
      </c>
      <c r="IL11" s="270">
        <v>0</v>
      </c>
      <c r="IM11" s="158"/>
      <c r="IN11" s="123">
        <v>6313212</v>
      </c>
      <c r="IO11" s="123">
        <v>11017250</v>
      </c>
      <c r="IP11" s="123">
        <v>11651220</v>
      </c>
      <c r="IQ11" s="123">
        <v>23323797</v>
      </c>
      <c r="IR11" s="123">
        <v>25364161</v>
      </c>
      <c r="IS11" s="159">
        <v>77669640</v>
      </c>
      <c r="IT11" s="354">
        <v>77669640</v>
      </c>
      <c r="IU11" s="160">
        <v>0</v>
      </c>
      <c r="IV11" s="123">
        <v>0</v>
      </c>
      <c r="IW11" s="124">
        <v>0</v>
      </c>
      <c r="IX11" s="162">
        <v>0</v>
      </c>
      <c r="IY11" s="123">
        <v>1334494</v>
      </c>
      <c r="IZ11" s="123">
        <v>1902531</v>
      </c>
      <c r="JA11" s="123">
        <v>1978776</v>
      </c>
      <c r="JB11" s="123">
        <v>3094621</v>
      </c>
      <c r="JC11" s="123">
        <v>3219648</v>
      </c>
      <c r="JD11" s="124">
        <v>11530070</v>
      </c>
      <c r="JE11" s="125">
        <v>11530070</v>
      </c>
      <c r="JF11" s="160">
        <v>0</v>
      </c>
      <c r="JG11" s="123">
        <v>0</v>
      </c>
      <c r="JH11" s="159">
        <v>0</v>
      </c>
      <c r="JI11" s="122">
        <v>0</v>
      </c>
      <c r="JJ11" s="123">
        <v>95754027</v>
      </c>
      <c r="JK11" s="123">
        <v>82526019</v>
      </c>
      <c r="JL11" s="123">
        <v>69372754</v>
      </c>
      <c r="JM11" s="123">
        <v>43148533</v>
      </c>
      <c r="JN11" s="123">
        <v>27574580</v>
      </c>
      <c r="JO11" s="124">
        <v>318375913</v>
      </c>
      <c r="JP11" s="354">
        <v>318375913</v>
      </c>
      <c r="JQ11" s="160">
        <v>75876</v>
      </c>
      <c r="JR11" s="123">
        <v>22355</v>
      </c>
      <c r="JS11" s="159">
        <v>98231</v>
      </c>
      <c r="JT11" s="122">
        <v>0</v>
      </c>
      <c r="JU11" s="123">
        <v>17451977</v>
      </c>
      <c r="JV11" s="123">
        <v>21167988</v>
      </c>
      <c r="JW11" s="123">
        <v>32000659</v>
      </c>
      <c r="JX11" s="123">
        <v>22135871</v>
      </c>
      <c r="JY11" s="123">
        <v>16617600</v>
      </c>
      <c r="JZ11" s="124">
        <v>109374095</v>
      </c>
      <c r="KA11" s="354">
        <v>109472326</v>
      </c>
      <c r="KB11" s="265">
        <v>1256704</v>
      </c>
      <c r="KC11" s="259">
        <v>3182346</v>
      </c>
      <c r="KD11" s="124">
        <v>4439050</v>
      </c>
      <c r="KE11" s="122">
        <v>0</v>
      </c>
      <c r="KF11" s="123">
        <v>31288298</v>
      </c>
      <c r="KG11" s="123">
        <v>41686544</v>
      </c>
      <c r="KH11" s="123">
        <v>45261797</v>
      </c>
      <c r="KI11" s="123">
        <v>40975386</v>
      </c>
      <c r="KJ11" s="123">
        <v>17843149</v>
      </c>
      <c r="KK11" s="124">
        <v>177055174</v>
      </c>
      <c r="KL11" s="161">
        <v>181494224</v>
      </c>
      <c r="KM11" s="262">
        <v>0</v>
      </c>
      <c r="KN11" s="269">
        <v>1531759</v>
      </c>
      <c r="KO11" s="270">
        <v>1531759</v>
      </c>
      <c r="KP11" s="158"/>
      <c r="KQ11" s="123">
        <v>131561989</v>
      </c>
      <c r="KR11" s="123">
        <v>152424064</v>
      </c>
      <c r="KS11" s="123">
        <v>154370514</v>
      </c>
      <c r="KT11" s="123">
        <v>112174693</v>
      </c>
      <c r="KU11" s="123">
        <v>66703793</v>
      </c>
      <c r="KV11" s="124">
        <v>617235053</v>
      </c>
      <c r="KW11" s="354">
        <v>618766812</v>
      </c>
      <c r="KX11" s="160">
        <v>0</v>
      </c>
      <c r="KY11" s="123">
        <v>0</v>
      </c>
      <c r="KZ11" s="124">
        <v>0</v>
      </c>
      <c r="LA11" s="163"/>
      <c r="LB11" s="123">
        <v>0</v>
      </c>
      <c r="LC11" s="123">
        <v>0</v>
      </c>
      <c r="LD11" s="123">
        <v>0</v>
      </c>
      <c r="LE11" s="123">
        <v>0</v>
      </c>
      <c r="LF11" s="123">
        <v>0</v>
      </c>
      <c r="LG11" s="124">
        <v>0</v>
      </c>
      <c r="LH11" s="125">
        <v>0</v>
      </c>
      <c r="LI11" s="160">
        <v>0</v>
      </c>
      <c r="LJ11" s="123">
        <v>0</v>
      </c>
      <c r="LK11" s="124">
        <v>0</v>
      </c>
      <c r="LL11" s="163"/>
      <c r="LM11" s="123">
        <v>887804</v>
      </c>
      <c r="LN11" s="123">
        <v>1271372</v>
      </c>
      <c r="LO11" s="123">
        <v>19340293</v>
      </c>
      <c r="LP11" s="123">
        <v>29597832</v>
      </c>
      <c r="LQ11" s="123">
        <v>21203312</v>
      </c>
      <c r="LR11" s="124">
        <v>72300613</v>
      </c>
      <c r="LS11" s="354">
        <v>72300613</v>
      </c>
      <c r="LT11" s="160">
        <v>0</v>
      </c>
      <c r="LU11" s="123">
        <v>0</v>
      </c>
      <c r="LV11" s="124">
        <v>0</v>
      </c>
      <c r="LW11" s="163"/>
      <c r="LX11" s="123">
        <v>8308038</v>
      </c>
      <c r="LY11" s="123">
        <v>14185882</v>
      </c>
      <c r="LZ11" s="123">
        <v>20296153</v>
      </c>
      <c r="MA11" s="123">
        <v>21614942</v>
      </c>
      <c r="MB11" s="123">
        <v>24417634</v>
      </c>
      <c r="MC11" s="124">
        <v>88822649</v>
      </c>
      <c r="MD11" s="125">
        <v>88822649</v>
      </c>
      <c r="ME11" s="160">
        <v>0</v>
      </c>
      <c r="MF11" s="123">
        <v>0</v>
      </c>
      <c r="MG11" s="124">
        <v>0</v>
      </c>
      <c r="MH11" s="163"/>
      <c r="MI11" s="123">
        <v>74532854</v>
      </c>
      <c r="MJ11" s="123">
        <v>140193439</v>
      </c>
      <c r="MK11" s="123">
        <v>476387197</v>
      </c>
      <c r="ML11" s="123">
        <v>720015470</v>
      </c>
      <c r="MM11" s="123">
        <v>550006715</v>
      </c>
      <c r="MN11" s="124">
        <v>1961135675</v>
      </c>
      <c r="MO11" s="161">
        <v>1961135675</v>
      </c>
      <c r="MP11" s="160">
        <v>0</v>
      </c>
      <c r="MQ11" s="123">
        <v>0</v>
      </c>
      <c r="MR11" s="124">
        <v>0</v>
      </c>
      <c r="MS11" s="163">
        <v>0</v>
      </c>
      <c r="MT11" s="123">
        <v>16986423</v>
      </c>
      <c r="MU11" s="123">
        <v>46206131</v>
      </c>
      <c r="MV11" s="123">
        <v>323963417</v>
      </c>
      <c r="MW11" s="123">
        <v>468892424</v>
      </c>
      <c r="MX11" s="123">
        <v>385411502</v>
      </c>
      <c r="MY11" s="124">
        <v>1241459897</v>
      </c>
      <c r="MZ11" s="161">
        <v>1241459897</v>
      </c>
      <c r="NA11" s="160">
        <v>0</v>
      </c>
      <c r="NB11" s="123">
        <v>0</v>
      </c>
      <c r="NC11" s="124">
        <v>0</v>
      </c>
      <c r="ND11" s="163"/>
      <c r="NE11" s="123">
        <v>57227426</v>
      </c>
      <c r="NF11" s="123">
        <v>93732005</v>
      </c>
      <c r="NG11" s="123">
        <v>147854569</v>
      </c>
      <c r="NH11" s="123">
        <v>215924047</v>
      </c>
      <c r="NI11" s="123">
        <v>109098911</v>
      </c>
      <c r="NJ11" s="124">
        <v>623836958</v>
      </c>
      <c r="NK11" s="354">
        <v>623836958</v>
      </c>
      <c r="NL11" s="160">
        <v>0</v>
      </c>
      <c r="NM11" s="123">
        <v>0</v>
      </c>
      <c r="NN11" s="124">
        <v>0</v>
      </c>
      <c r="NO11" s="163"/>
      <c r="NP11" s="123">
        <v>319005</v>
      </c>
      <c r="NQ11" s="123">
        <v>0</v>
      </c>
      <c r="NR11" s="123">
        <v>3032200</v>
      </c>
      <c r="NS11" s="123">
        <v>21815446</v>
      </c>
      <c r="NT11" s="123">
        <v>32286251</v>
      </c>
      <c r="NU11" s="124">
        <v>57452902</v>
      </c>
      <c r="NV11" s="125">
        <v>57452902</v>
      </c>
      <c r="NW11" s="160">
        <v>0</v>
      </c>
      <c r="NX11" s="123">
        <v>0</v>
      </c>
      <c r="NY11" s="124">
        <v>0</v>
      </c>
      <c r="NZ11" s="163"/>
      <c r="OA11" s="123">
        <v>0</v>
      </c>
      <c r="OB11" s="123">
        <v>255303</v>
      </c>
      <c r="OC11" s="123">
        <v>1537011</v>
      </c>
      <c r="OD11" s="123">
        <v>13383553</v>
      </c>
      <c r="OE11" s="123">
        <v>23210051</v>
      </c>
      <c r="OF11" s="124">
        <v>38385918</v>
      </c>
      <c r="OG11" s="125">
        <v>38385918</v>
      </c>
      <c r="OH11" s="160">
        <v>53465178</v>
      </c>
      <c r="OI11" s="123">
        <v>97499051</v>
      </c>
      <c r="OJ11" s="159">
        <v>150964229</v>
      </c>
      <c r="OK11" s="122">
        <v>0</v>
      </c>
      <c r="OL11" s="123">
        <v>1210866405</v>
      </c>
      <c r="OM11" s="123">
        <v>1367913919</v>
      </c>
      <c r="ON11" s="123">
        <v>1635805017</v>
      </c>
      <c r="OO11" s="123">
        <v>1841214490</v>
      </c>
      <c r="OP11" s="123">
        <v>1388165145</v>
      </c>
      <c r="OQ11" s="124">
        <v>7443964976</v>
      </c>
      <c r="OR11" s="161">
        <v>7594929205</v>
      </c>
    </row>
    <row r="12" spans="1:408" ht="18.75" customHeight="1" x14ac:dyDescent="0.2">
      <c r="A12" s="63" t="s">
        <v>14</v>
      </c>
      <c r="B12" s="113">
        <v>27327367</v>
      </c>
      <c r="C12" s="117">
        <v>72362908</v>
      </c>
      <c r="D12" s="116">
        <v>99690275</v>
      </c>
      <c r="E12" s="112">
        <v>0</v>
      </c>
      <c r="F12" s="117">
        <v>325054741</v>
      </c>
      <c r="G12" s="117">
        <v>476294887</v>
      </c>
      <c r="H12" s="117">
        <v>443049418</v>
      </c>
      <c r="I12" s="117">
        <v>414097264</v>
      </c>
      <c r="J12" s="117">
        <v>266609508</v>
      </c>
      <c r="K12" s="115">
        <v>1925105818</v>
      </c>
      <c r="L12" s="119">
        <v>2024796093</v>
      </c>
      <c r="M12" s="113">
        <v>5197902</v>
      </c>
      <c r="N12" s="117">
        <v>18044418</v>
      </c>
      <c r="O12" s="116">
        <v>23242320</v>
      </c>
      <c r="P12" s="113">
        <v>0</v>
      </c>
      <c r="Q12" s="117">
        <v>89654643</v>
      </c>
      <c r="R12" s="117">
        <v>148572899</v>
      </c>
      <c r="S12" s="117">
        <v>136209900</v>
      </c>
      <c r="T12" s="117">
        <v>145871169</v>
      </c>
      <c r="U12" s="117">
        <v>126946237</v>
      </c>
      <c r="V12" s="116">
        <v>647254848</v>
      </c>
      <c r="W12" s="119">
        <v>670497168</v>
      </c>
      <c r="X12" s="113">
        <v>0</v>
      </c>
      <c r="Y12" s="117">
        <v>0</v>
      </c>
      <c r="Z12" s="116">
        <v>0</v>
      </c>
      <c r="AA12" s="113">
        <v>0</v>
      </c>
      <c r="AB12" s="117">
        <v>46991001</v>
      </c>
      <c r="AC12" s="117">
        <v>81119008</v>
      </c>
      <c r="AD12" s="117">
        <v>79359780</v>
      </c>
      <c r="AE12" s="117">
        <v>85150200</v>
      </c>
      <c r="AF12" s="117">
        <v>71725910</v>
      </c>
      <c r="AG12" s="116">
        <v>364345899</v>
      </c>
      <c r="AH12" s="119">
        <v>364345899</v>
      </c>
      <c r="AI12" s="113">
        <v>0</v>
      </c>
      <c r="AJ12" s="117">
        <v>109636</v>
      </c>
      <c r="AK12" s="116">
        <v>109636</v>
      </c>
      <c r="AL12" s="113">
        <v>0</v>
      </c>
      <c r="AM12" s="117">
        <v>318655</v>
      </c>
      <c r="AN12" s="117">
        <v>1198300</v>
      </c>
      <c r="AO12" s="117">
        <v>3370759</v>
      </c>
      <c r="AP12" s="117">
        <v>8333434</v>
      </c>
      <c r="AQ12" s="117">
        <v>15531934</v>
      </c>
      <c r="AR12" s="116">
        <v>28753082</v>
      </c>
      <c r="AS12" s="119">
        <v>28862718</v>
      </c>
      <c r="AT12" s="113">
        <v>2516687</v>
      </c>
      <c r="AU12" s="117">
        <v>12943806</v>
      </c>
      <c r="AV12" s="116">
        <v>15460493</v>
      </c>
      <c r="AW12" s="113">
        <v>0</v>
      </c>
      <c r="AX12" s="117">
        <v>23776621</v>
      </c>
      <c r="AY12" s="117">
        <v>42120889</v>
      </c>
      <c r="AZ12" s="117">
        <v>29923851</v>
      </c>
      <c r="BA12" s="117">
        <v>31522763</v>
      </c>
      <c r="BB12" s="117">
        <v>25978113</v>
      </c>
      <c r="BC12" s="116">
        <v>153322237</v>
      </c>
      <c r="BD12" s="119">
        <v>168782730</v>
      </c>
      <c r="BE12" s="113">
        <v>140498</v>
      </c>
      <c r="BF12" s="117">
        <v>1496241</v>
      </c>
      <c r="BG12" s="115">
        <v>1636739</v>
      </c>
      <c r="BH12" s="114">
        <v>0</v>
      </c>
      <c r="BI12" s="117">
        <v>933173</v>
      </c>
      <c r="BJ12" s="117">
        <v>2201351</v>
      </c>
      <c r="BK12" s="117">
        <v>2850140</v>
      </c>
      <c r="BL12" s="117">
        <v>1583336</v>
      </c>
      <c r="BM12" s="117">
        <v>1076733</v>
      </c>
      <c r="BN12" s="116">
        <v>8644733</v>
      </c>
      <c r="BO12" s="119">
        <v>10281472</v>
      </c>
      <c r="BP12" s="113">
        <v>2540717</v>
      </c>
      <c r="BQ12" s="117">
        <v>3494735</v>
      </c>
      <c r="BR12" s="116">
        <v>6035452</v>
      </c>
      <c r="BS12" s="113">
        <v>0</v>
      </c>
      <c r="BT12" s="117">
        <v>17635193</v>
      </c>
      <c r="BU12" s="117">
        <v>21933351</v>
      </c>
      <c r="BV12" s="117">
        <v>20705370</v>
      </c>
      <c r="BW12" s="117">
        <v>19281436</v>
      </c>
      <c r="BX12" s="117">
        <v>12633547</v>
      </c>
      <c r="BY12" s="116">
        <v>92188897</v>
      </c>
      <c r="BZ12" s="119">
        <v>98224349</v>
      </c>
      <c r="CA12" s="113">
        <v>1872483</v>
      </c>
      <c r="CB12" s="117">
        <v>8103347</v>
      </c>
      <c r="CC12" s="116">
        <v>9975830</v>
      </c>
      <c r="CD12" s="113">
        <v>0</v>
      </c>
      <c r="CE12" s="117">
        <v>99437440</v>
      </c>
      <c r="CF12" s="117">
        <v>139500845</v>
      </c>
      <c r="CG12" s="117">
        <v>123619203</v>
      </c>
      <c r="CH12" s="117">
        <v>90525458</v>
      </c>
      <c r="CI12" s="117">
        <v>42556903</v>
      </c>
      <c r="CJ12" s="116">
        <v>495639849</v>
      </c>
      <c r="CK12" s="119">
        <v>505615679</v>
      </c>
      <c r="CL12" s="113">
        <v>0</v>
      </c>
      <c r="CM12" s="117">
        <v>0</v>
      </c>
      <c r="CN12" s="116">
        <v>0</v>
      </c>
      <c r="CO12" s="114">
        <v>0</v>
      </c>
      <c r="CP12" s="117">
        <v>92254872</v>
      </c>
      <c r="CQ12" s="117">
        <v>116973356</v>
      </c>
      <c r="CR12" s="117">
        <v>105594773</v>
      </c>
      <c r="CS12" s="117">
        <v>73108905</v>
      </c>
      <c r="CT12" s="117">
        <v>37615871</v>
      </c>
      <c r="CU12" s="116">
        <v>425547777</v>
      </c>
      <c r="CV12" s="119">
        <v>425547777</v>
      </c>
      <c r="CW12" s="113">
        <v>1872483</v>
      </c>
      <c r="CX12" s="117">
        <v>8103347</v>
      </c>
      <c r="CY12" s="116">
        <v>9975830</v>
      </c>
      <c r="CZ12" s="113">
        <v>0</v>
      </c>
      <c r="DA12" s="117">
        <v>7182568</v>
      </c>
      <c r="DB12" s="117">
        <v>22527489</v>
      </c>
      <c r="DC12" s="117">
        <v>18024430</v>
      </c>
      <c r="DD12" s="117">
        <v>17416553</v>
      </c>
      <c r="DE12" s="117">
        <v>4941032</v>
      </c>
      <c r="DF12" s="116">
        <v>70092072</v>
      </c>
      <c r="DG12" s="119">
        <v>80067902</v>
      </c>
      <c r="DH12" s="113">
        <v>164117</v>
      </c>
      <c r="DI12" s="117">
        <v>881437</v>
      </c>
      <c r="DJ12" s="115">
        <v>1045554</v>
      </c>
      <c r="DK12" s="114">
        <v>0</v>
      </c>
      <c r="DL12" s="117">
        <v>9851518</v>
      </c>
      <c r="DM12" s="117">
        <v>21677042</v>
      </c>
      <c r="DN12" s="117">
        <v>44510007</v>
      </c>
      <c r="DO12" s="117">
        <v>43286728</v>
      </c>
      <c r="DP12" s="117">
        <v>21672937</v>
      </c>
      <c r="DQ12" s="116">
        <v>140998232</v>
      </c>
      <c r="DR12" s="119">
        <v>142043786</v>
      </c>
      <c r="DS12" s="113">
        <v>164117</v>
      </c>
      <c r="DT12" s="117">
        <v>836134</v>
      </c>
      <c r="DU12" s="116">
        <v>1000251</v>
      </c>
      <c r="DV12" s="113">
        <v>0</v>
      </c>
      <c r="DW12" s="117">
        <v>9638176</v>
      </c>
      <c r="DX12" s="117">
        <v>21031063</v>
      </c>
      <c r="DY12" s="117">
        <v>43770514</v>
      </c>
      <c r="DZ12" s="117">
        <v>41928107</v>
      </c>
      <c r="EA12" s="117">
        <v>20545372</v>
      </c>
      <c r="EB12" s="116">
        <v>136913232</v>
      </c>
      <c r="EC12" s="119">
        <v>137913483</v>
      </c>
      <c r="ED12" s="113">
        <v>0</v>
      </c>
      <c r="EE12" s="115">
        <v>45303</v>
      </c>
      <c r="EF12" s="116">
        <v>45303</v>
      </c>
      <c r="EG12" s="113">
        <v>0</v>
      </c>
      <c r="EH12" s="117">
        <v>213342</v>
      </c>
      <c r="EI12" s="117">
        <v>645979</v>
      </c>
      <c r="EJ12" s="117">
        <v>739493</v>
      </c>
      <c r="EK12" s="117">
        <v>1358621</v>
      </c>
      <c r="EL12" s="117">
        <v>1127565</v>
      </c>
      <c r="EM12" s="115">
        <v>4085000</v>
      </c>
      <c r="EN12" s="119">
        <v>4130303</v>
      </c>
      <c r="EO12" s="113">
        <v>0</v>
      </c>
      <c r="EP12" s="117">
        <v>0</v>
      </c>
      <c r="EQ12" s="115">
        <v>0</v>
      </c>
      <c r="ER12" s="114">
        <v>0</v>
      </c>
      <c r="ES12" s="117">
        <v>0</v>
      </c>
      <c r="ET12" s="117">
        <v>0</v>
      </c>
      <c r="EU12" s="117">
        <v>0</v>
      </c>
      <c r="EV12" s="117">
        <v>0</v>
      </c>
      <c r="EW12" s="117">
        <v>0</v>
      </c>
      <c r="EX12" s="116">
        <v>0</v>
      </c>
      <c r="EY12" s="119">
        <v>0</v>
      </c>
      <c r="EZ12" s="113">
        <v>0</v>
      </c>
      <c r="FA12" s="117">
        <v>0</v>
      </c>
      <c r="FB12" s="115">
        <v>0</v>
      </c>
      <c r="FC12" s="387"/>
      <c r="FD12" s="117">
        <v>0</v>
      </c>
      <c r="FE12" s="117">
        <v>0</v>
      </c>
      <c r="FF12" s="117">
        <v>0</v>
      </c>
      <c r="FG12" s="117">
        <v>0</v>
      </c>
      <c r="FH12" s="117">
        <v>0</v>
      </c>
      <c r="FI12" s="116">
        <v>0</v>
      </c>
      <c r="FJ12" s="119">
        <v>0</v>
      </c>
      <c r="FK12" s="113">
        <v>7546120</v>
      </c>
      <c r="FL12" s="117">
        <v>21057993</v>
      </c>
      <c r="FM12" s="116">
        <v>28604113</v>
      </c>
      <c r="FN12" s="113">
        <v>0</v>
      </c>
      <c r="FO12" s="117">
        <v>16332010</v>
      </c>
      <c r="FP12" s="117">
        <v>48811205</v>
      </c>
      <c r="FQ12" s="117">
        <v>36629920</v>
      </c>
      <c r="FR12" s="117">
        <v>34704716</v>
      </c>
      <c r="FS12" s="117">
        <v>21733694</v>
      </c>
      <c r="FT12" s="116">
        <v>158211545</v>
      </c>
      <c r="FU12" s="119">
        <v>186815658</v>
      </c>
      <c r="FV12" s="118">
        <v>4449662</v>
      </c>
      <c r="FW12" s="117">
        <v>16539838</v>
      </c>
      <c r="FX12" s="115">
        <v>20989500</v>
      </c>
      <c r="FY12" s="114">
        <v>0</v>
      </c>
      <c r="FZ12" s="117">
        <v>13126715</v>
      </c>
      <c r="GA12" s="117">
        <v>45107580</v>
      </c>
      <c r="GB12" s="117">
        <v>34494175</v>
      </c>
      <c r="GC12" s="117">
        <v>32545748</v>
      </c>
      <c r="GD12" s="117">
        <v>20388469</v>
      </c>
      <c r="GE12" s="116">
        <v>145662687</v>
      </c>
      <c r="GF12" s="351">
        <v>166652187</v>
      </c>
      <c r="GG12" s="118">
        <v>595872</v>
      </c>
      <c r="GH12" s="117">
        <v>912733</v>
      </c>
      <c r="GI12" s="115">
        <v>1508605</v>
      </c>
      <c r="GJ12" s="114">
        <v>0</v>
      </c>
      <c r="GK12" s="117">
        <v>535494</v>
      </c>
      <c r="GL12" s="117">
        <v>1101252</v>
      </c>
      <c r="GM12" s="117">
        <v>802294</v>
      </c>
      <c r="GN12" s="117">
        <v>981598</v>
      </c>
      <c r="GO12" s="117">
        <v>762560</v>
      </c>
      <c r="GP12" s="116">
        <v>4183198</v>
      </c>
      <c r="GQ12" s="119">
        <v>5691803</v>
      </c>
      <c r="GR12" s="113">
        <v>2500586</v>
      </c>
      <c r="GS12" s="117">
        <v>3605422</v>
      </c>
      <c r="GT12" s="116">
        <v>6106008</v>
      </c>
      <c r="GU12" s="113">
        <v>0</v>
      </c>
      <c r="GV12" s="117">
        <v>2669801</v>
      </c>
      <c r="GW12" s="117">
        <v>2602373</v>
      </c>
      <c r="GX12" s="117">
        <v>1333451</v>
      </c>
      <c r="GY12" s="117">
        <v>1177370</v>
      </c>
      <c r="GZ12" s="117">
        <v>582665</v>
      </c>
      <c r="HA12" s="115">
        <v>8365660</v>
      </c>
      <c r="HB12" s="119">
        <v>14471668</v>
      </c>
      <c r="HC12" s="113">
        <v>7941414</v>
      </c>
      <c r="HD12" s="117">
        <v>11941392</v>
      </c>
      <c r="HE12" s="115">
        <v>19882806</v>
      </c>
      <c r="HF12" s="114">
        <v>0</v>
      </c>
      <c r="HG12" s="117">
        <v>55342009</v>
      </c>
      <c r="HH12" s="117">
        <v>52501801</v>
      </c>
      <c r="HI12" s="117">
        <v>54784813</v>
      </c>
      <c r="HJ12" s="117">
        <v>66042712</v>
      </c>
      <c r="HK12" s="117">
        <v>36664596</v>
      </c>
      <c r="HL12" s="116">
        <v>265335931</v>
      </c>
      <c r="HM12" s="112">
        <v>285218737</v>
      </c>
      <c r="HN12" s="118">
        <v>4605331</v>
      </c>
      <c r="HO12" s="117">
        <v>12334321</v>
      </c>
      <c r="HP12" s="116">
        <v>16939652</v>
      </c>
      <c r="HQ12" s="113">
        <v>0</v>
      </c>
      <c r="HR12" s="117">
        <v>54437121</v>
      </c>
      <c r="HS12" s="117">
        <v>65231095</v>
      </c>
      <c r="HT12" s="117">
        <v>47295575</v>
      </c>
      <c r="HU12" s="117">
        <v>33666481</v>
      </c>
      <c r="HV12" s="117">
        <v>17035141</v>
      </c>
      <c r="HW12" s="115">
        <v>217665413</v>
      </c>
      <c r="HX12" s="119">
        <v>234605065</v>
      </c>
      <c r="HY12" s="149">
        <v>804253</v>
      </c>
      <c r="HZ12" s="150">
        <v>3993242</v>
      </c>
      <c r="IA12" s="151">
        <v>4797495</v>
      </c>
      <c r="IB12" s="152">
        <v>0</v>
      </c>
      <c r="IC12" s="153">
        <v>137349312</v>
      </c>
      <c r="ID12" s="154">
        <v>169404829</v>
      </c>
      <c r="IE12" s="155">
        <v>188314409</v>
      </c>
      <c r="IF12" s="153">
        <v>129180774</v>
      </c>
      <c r="IG12" s="155">
        <v>77355821</v>
      </c>
      <c r="IH12" s="156">
        <v>701605145</v>
      </c>
      <c r="II12" s="157">
        <v>706402640</v>
      </c>
      <c r="IJ12" s="262">
        <v>0</v>
      </c>
      <c r="IK12" s="269">
        <v>0</v>
      </c>
      <c r="IL12" s="270">
        <v>0</v>
      </c>
      <c r="IM12" s="158"/>
      <c r="IN12" s="123">
        <v>1060425</v>
      </c>
      <c r="IO12" s="123">
        <v>1856047</v>
      </c>
      <c r="IP12" s="123">
        <v>3128285</v>
      </c>
      <c r="IQ12" s="123">
        <v>5216086</v>
      </c>
      <c r="IR12" s="123">
        <v>4240867</v>
      </c>
      <c r="IS12" s="159">
        <v>15501710</v>
      </c>
      <c r="IT12" s="354">
        <v>15501710</v>
      </c>
      <c r="IU12" s="160">
        <v>0</v>
      </c>
      <c r="IV12" s="123">
        <v>0</v>
      </c>
      <c r="IW12" s="124">
        <v>0</v>
      </c>
      <c r="IX12" s="162">
        <v>0</v>
      </c>
      <c r="IY12" s="123">
        <v>22730</v>
      </c>
      <c r="IZ12" s="123">
        <v>62075</v>
      </c>
      <c r="JA12" s="123">
        <v>22730</v>
      </c>
      <c r="JB12" s="123">
        <v>46485</v>
      </c>
      <c r="JC12" s="123">
        <v>121861</v>
      </c>
      <c r="JD12" s="124">
        <v>275881</v>
      </c>
      <c r="JE12" s="125">
        <v>275881</v>
      </c>
      <c r="JF12" s="160">
        <v>0</v>
      </c>
      <c r="JG12" s="123">
        <v>0</v>
      </c>
      <c r="JH12" s="159">
        <v>0</v>
      </c>
      <c r="JI12" s="122">
        <v>0</v>
      </c>
      <c r="JJ12" s="123">
        <v>49532086</v>
      </c>
      <c r="JK12" s="123">
        <v>60514124</v>
      </c>
      <c r="JL12" s="123">
        <v>54961651</v>
      </c>
      <c r="JM12" s="123">
        <v>28625752</v>
      </c>
      <c r="JN12" s="123">
        <v>15867584</v>
      </c>
      <c r="JO12" s="124">
        <v>209501197</v>
      </c>
      <c r="JP12" s="354">
        <v>209501197</v>
      </c>
      <c r="JQ12" s="160">
        <v>0</v>
      </c>
      <c r="JR12" s="123">
        <v>0</v>
      </c>
      <c r="JS12" s="159">
        <v>0</v>
      </c>
      <c r="JT12" s="122">
        <v>0</v>
      </c>
      <c r="JU12" s="123">
        <v>1232187</v>
      </c>
      <c r="JV12" s="123">
        <v>1891199</v>
      </c>
      <c r="JW12" s="123">
        <v>4982250</v>
      </c>
      <c r="JX12" s="123">
        <v>2959147</v>
      </c>
      <c r="JY12" s="123">
        <v>3370122</v>
      </c>
      <c r="JZ12" s="124">
        <v>14434905</v>
      </c>
      <c r="KA12" s="354">
        <v>14434905</v>
      </c>
      <c r="KB12" s="265">
        <v>804253</v>
      </c>
      <c r="KC12" s="259">
        <v>2521677</v>
      </c>
      <c r="KD12" s="124">
        <v>3325930</v>
      </c>
      <c r="KE12" s="122">
        <v>0</v>
      </c>
      <c r="KF12" s="123">
        <v>17115028</v>
      </c>
      <c r="KG12" s="123">
        <v>25504734</v>
      </c>
      <c r="KH12" s="123">
        <v>26896985</v>
      </c>
      <c r="KI12" s="123">
        <v>22217237</v>
      </c>
      <c r="KJ12" s="123">
        <v>7319071</v>
      </c>
      <c r="KK12" s="124">
        <v>99053055</v>
      </c>
      <c r="KL12" s="161">
        <v>102378985</v>
      </c>
      <c r="KM12" s="262">
        <v>0</v>
      </c>
      <c r="KN12" s="269">
        <v>1471565</v>
      </c>
      <c r="KO12" s="270">
        <v>1471565</v>
      </c>
      <c r="KP12" s="158"/>
      <c r="KQ12" s="123">
        <v>67238427</v>
      </c>
      <c r="KR12" s="123">
        <v>77497574</v>
      </c>
      <c r="KS12" s="123">
        <v>91842017</v>
      </c>
      <c r="KT12" s="123">
        <v>58405066</v>
      </c>
      <c r="KU12" s="123">
        <v>38991883</v>
      </c>
      <c r="KV12" s="124">
        <v>333974967</v>
      </c>
      <c r="KW12" s="354">
        <v>335446532</v>
      </c>
      <c r="KX12" s="160">
        <v>0</v>
      </c>
      <c r="KY12" s="123">
        <v>0</v>
      </c>
      <c r="KZ12" s="124">
        <v>0</v>
      </c>
      <c r="LA12" s="163"/>
      <c r="LB12" s="123">
        <v>0</v>
      </c>
      <c r="LC12" s="123">
        <v>0</v>
      </c>
      <c r="LD12" s="123">
        <v>0</v>
      </c>
      <c r="LE12" s="123">
        <v>0</v>
      </c>
      <c r="LF12" s="123">
        <v>0</v>
      </c>
      <c r="LG12" s="124">
        <v>0</v>
      </c>
      <c r="LH12" s="125">
        <v>0</v>
      </c>
      <c r="LI12" s="160">
        <v>0</v>
      </c>
      <c r="LJ12" s="123">
        <v>0</v>
      </c>
      <c r="LK12" s="124">
        <v>0</v>
      </c>
      <c r="LL12" s="163"/>
      <c r="LM12" s="123">
        <v>0</v>
      </c>
      <c r="LN12" s="123">
        <v>416135</v>
      </c>
      <c r="LO12" s="123">
        <v>4823246</v>
      </c>
      <c r="LP12" s="123">
        <v>7255557</v>
      </c>
      <c r="LQ12" s="123">
        <v>2151276</v>
      </c>
      <c r="LR12" s="124">
        <v>14646214</v>
      </c>
      <c r="LS12" s="354">
        <v>14646214</v>
      </c>
      <c r="LT12" s="160">
        <v>0</v>
      </c>
      <c r="LU12" s="123">
        <v>0</v>
      </c>
      <c r="LV12" s="124">
        <v>0</v>
      </c>
      <c r="LW12" s="163"/>
      <c r="LX12" s="123">
        <v>1148429</v>
      </c>
      <c r="LY12" s="123">
        <v>1662941</v>
      </c>
      <c r="LZ12" s="123">
        <v>1657245</v>
      </c>
      <c r="MA12" s="123">
        <v>4455444</v>
      </c>
      <c r="MB12" s="123">
        <v>5293157</v>
      </c>
      <c r="MC12" s="124">
        <v>14217216</v>
      </c>
      <c r="MD12" s="125">
        <v>14217216</v>
      </c>
      <c r="ME12" s="160">
        <v>0</v>
      </c>
      <c r="MF12" s="123">
        <v>0</v>
      </c>
      <c r="MG12" s="124">
        <v>0</v>
      </c>
      <c r="MH12" s="163"/>
      <c r="MI12" s="123">
        <v>25943705</v>
      </c>
      <c r="MJ12" s="123">
        <v>75926445</v>
      </c>
      <c r="MK12" s="123">
        <v>315596962</v>
      </c>
      <c r="ML12" s="123">
        <v>510183083</v>
      </c>
      <c r="MM12" s="123">
        <v>333692347</v>
      </c>
      <c r="MN12" s="124">
        <v>1261342542</v>
      </c>
      <c r="MO12" s="161">
        <v>1261342542</v>
      </c>
      <c r="MP12" s="160">
        <v>0</v>
      </c>
      <c r="MQ12" s="123">
        <v>0</v>
      </c>
      <c r="MR12" s="124">
        <v>0</v>
      </c>
      <c r="MS12" s="163">
        <v>0</v>
      </c>
      <c r="MT12" s="123">
        <v>2795573</v>
      </c>
      <c r="MU12" s="123">
        <v>15312831</v>
      </c>
      <c r="MV12" s="123">
        <v>225229796</v>
      </c>
      <c r="MW12" s="123">
        <v>357379723</v>
      </c>
      <c r="MX12" s="123">
        <v>227389925</v>
      </c>
      <c r="MY12" s="124">
        <v>828107848</v>
      </c>
      <c r="MZ12" s="161">
        <v>828107848</v>
      </c>
      <c r="NA12" s="160">
        <v>0</v>
      </c>
      <c r="NB12" s="123">
        <v>0</v>
      </c>
      <c r="NC12" s="124">
        <v>0</v>
      </c>
      <c r="ND12" s="163"/>
      <c r="NE12" s="123">
        <v>23148132</v>
      </c>
      <c r="NF12" s="123">
        <v>60613614</v>
      </c>
      <c r="NG12" s="123">
        <v>87047541</v>
      </c>
      <c r="NH12" s="123">
        <v>115346529</v>
      </c>
      <c r="NI12" s="123">
        <v>70088494</v>
      </c>
      <c r="NJ12" s="124">
        <v>356244310</v>
      </c>
      <c r="NK12" s="354">
        <v>356244310</v>
      </c>
      <c r="NL12" s="160">
        <v>0</v>
      </c>
      <c r="NM12" s="123">
        <v>0</v>
      </c>
      <c r="NN12" s="124">
        <v>0</v>
      </c>
      <c r="NO12" s="163"/>
      <c r="NP12" s="123">
        <v>0</v>
      </c>
      <c r="NQ12" s="123">
        <v>0</v>
      </c>
      <c r="NR12" s="123">
        <v>558378</v>
      </c>
      <c r="NS12" s="123">
        <v>8040012</v>
      </c>
      <c r="NT12" s="123">
        <v>7552995</v>
      </c>
      <c r="NU12" s="124">
        <v>16151385</v>
      </c>
      <c r="NV12" s="125">
        <v>16151385</v>
      </c>
      <c r="NW12" s="160">
        <v>0</v>
      </c>
      <c r="NX12" s="123">
        <v>0</v>
      </c>
      <c r="NY12" s="124">
        <v>0</v>
      </c>
      <c r="NZ12" s="163"/>
      <c r="OA12" s="123">
        <v>0</v>
      </c>
      <c r="OB12" s="123">
        <v>0</v>
      </c>
      <c r="OC12" s="123">
        <v>2761247</v>
      </c>
      <c r="OD12" s="123">
        <v>29416819</v>
      </c>
      <c r="OE12" s="123">
        <v>28660933</v>
      </c>
      <c r="OF12" s="124">
        <v>60838999</v>
      </c>
      <c r="OG12" s="125">
        <v>60838999</v>
      </c>
      <c r="OH12" s="160">
        <v>28131620</v>
      </c>
      <c r="OI12" s="123">
        <v>76356150</v>
      </c>
      <c r="OJ12" s="159">
        <v>104487770</v>
      </c>
      <c r="OK12" s="122">
        <v>0</v>
      </c>
      <c r="OL12" s="123">
        <v>488347758</v>
      </c>
      <c r="OM12" s="123">
        <v>721626161</v>
      </c>
      <c r="ON12" s="123">
        <v>946960789</v>
      </c>
      <c r="OO12" s="123">
        <v>1053461121</v>
      </c>
      <c r="OP12" s="123">
        <v>677657676</v>
      </c>
      <c r="OQ12" s="124">
        <v>3888053505</v>
      </c>
      <c r="OR12" s="161">
        <v>3992541275</v>
      </c>
    </row>
    <row r="13" spans="1:408" ht="18.75" customHeight="1" x14ac:dyDescent="0.2">
      <c r="A13" s="63" t="s">
        <v>7</v>
      </c>
      <c r="B13" s="113">
        <v>13915398</v>
      </c>
      <c r="C13" s="117">
        <v>17186196</v>
      </c>
      <c r="D13" s="116">
        <v>31101594</v>
      </c>
      <c r="E13" s="112">
        <v>0</v>
      </c>
      <c r="F13" s="117">
        <v>339749135</v>
      </c>
      <c r="G13" s="117">
        <v>329980079</v>
      </c>
      <c r="H13" s="117">
        <v>266965065</v>
      </c>
      <c r="I13" s="117">
        <v>284410974</v>
      </c>
      <c r="J13" s="117">
        <v>197483505</v>
      </c>
      <c r="K13" s="112">
        <v>1418588758</v>
      </c>
      <c r="L13" s="119">
        <v>1449690352</v>
      </c>
      <c r="M13" s="113">
        <v>2057828</v>
      </c>
      <c r="N13" s="117">
        <v>2213053</v>
      </c>
      <c r="O13" s="116">
        <v>4270881</v>
      </c>
      <c r="P13" s="113">
        <v>0</v>
      </c>
      <c r="Q13" s="117">
        <v>77085063</v>
      </c>
      <c r="R13" s="117">
        <v>91494515</v>
      </c>
      <c r="S13" s="117">
        <v>87422398</v>
      </c>
      <c r="T13" s="117">
        <v>117131275</v>
      </c>
      <c r="U13" s="117">
        <v>107628400</v>
      </c>
      <c r="V13" s="116">
        <v>480761651</v>
      </c>
      <c r="W13" s="119">
        <v>485032532</v>
      </c>
      <c r="X13" s="113">
        <v>0</v>
      </c>
      <c r="Y13" s="117">
        <v>0</v>
      </c>
      <c r="Z13" s="116">
        <v>0</v>
      </c>
      <c r="AA13" s="113">
        <v>0</v>
      </c>
      <c r="AB13" s="117">
        <v>41674326</v>
      </c>
      <c r="AC13" s="117">
        <v>50456795</v>
      </c>
      <c r="AD13" s="117">
        <v>54614193</v>
      </c>
      <c r="AE13" s="117">
        <v>75663419</v>
      </c>
      <c r="AF13" s="117">
        <v>67128379</v>
      </c>
      <c r="AG13" s="116">
        <v>289537112</v>
      </c>
      <c r="AH13" s="119">
        <v>289537112</v>
      </c>
      <c r="AI13" s="113">
        <v>0</v>
      </c>
      <c r="AJ13" s="117">
        <v>0</v>
      </c>
      <c r="AK13" s="116">
        <v>0</v>
      </c>
      <c r="AL13" s="113">
        <v>0</v>
      </c>
      <c r="AM13" s="117">
        <v>1133046</v>
      </c>
      <c r="AN13" s="117">
        <v>2279532</v>
      </c>
      <c r="AO13" s="117">
        <v>3612185</v>
      </c>
      <c r="AP13" s="117">
        <v>8659972</v>
      </c>
      <c r="AQ13" s="117">
        <v>13833838</v>
      </c>
      <c r="AR13" s="116">
        <v>29518573</v>
      </c>
      <c r="AS13" s="119">
        <v>29518573</v>
      </c>
      <c r="AT13" s="113">
        <v>275198</v>
      </c>
      <c r="AU13" s="117">
        <v>742297</v>
      </c>
      <c r="AV13" s="116">
        <v>1017495</v>
      </c>
      <c r="AW13" s="113">
        <v>0</v>
      </c>
      <c r="AX13" s="117">
        <v>18087851</v>
      </c>
      <c r="AY13" s="117">
        <v>23352441</v>
      </c>
      <c r="AZ13" s="117">
        <v>15923288</v>
      </c>
      <c r="BA13" s="117">
        <v>18078572</v>
      </c>
      <c r="BB13" s="117">
        <v>17179196</v>
      </c>
      <c r="BC13" s="116">
        <v>92621348</v>
      </c>
      <c r="BD13" s="119">
        <v>93638843</v>
      </c>
      <c r="BE13" s="113">
        <v>118626</v>
      </c>
      <c r="BF13" s="117">
        <v>212737</v>
      </c>
      <c r="BG13" s="115">
        <v>331363</v>
      </c>
      <c r="BH13" s="114">
        <v>0</v>
      </c>
      <c r="BI13" s="117">
        <v>1787355</v>
      </c>
      <c r="BJ13" s="117">
        <v>2705748</v>
      </c>
      <c r="BK13" s="117">
        <v>1000601</v>
      </c>
      <c r="BL13" s="117">
        <v>1571896</v>
      </c>
      <c r="BM13" s="117">
        <v>1161683</v>
      </c>
      <c r="BN13" s="116">
        <v>8227283</v>
      </c>
      <c r="BO13" s="119">
        <v>8558646</v>
      </c>
      <c r="BP13" s="113">
        <v>1664004</v>
      </c>
      <c r="BQ13" s="117">
        <v>1258019</v>
      </c>
      <c r="BR13" s="116">
        <v>2922023</v>
      </c>
      <c r="BS13" s="113">
        <v>0</v>
      </c>
      <c r="BT13" s="117">
        <v>14402485</v>
      </c>
      <c r="BU13" s="117">
        <v>12699999</v>
      </c>
      <c r="BV13" s="117">
        <v>12272131</v>
      </c>
      <c r="BW13" s="117">
        <v>13157416</v>
      </c>
      <c r="BX13" s="117">
        <v>8325304</v>
      </c>
      <c r="BY13" s="116">
        <v>60857335</v>
      </c>
      <c r="BZ13" s="119">
        <v>63779358</v>
      </c>
      <c r="CA13" s="113">
        <v>719503</v>
      </c>
      <c r="CB13" s="117">
        <v>1963453</v>
      </c>
      <c r="CC13" s="116">
        <v>2682956</v>
      </c>
      <c r="CD13" s="113">
        <v>0</v>
      </c>
      <c r="CE13" s="117">
        <v>94266670</v>
      </c>
      <c r="CF13" s="117">
        <v>88330337</v>
      </c>
      <c r="CG13" s="117">
        <v>52066849</v>
      </c>
      <c r="CH13" s="117">
        <v>39850215</v>
      </c>
      <c r="CI13" s="117">
        <v>15775934</v>
      </c>
      <c r="CJ13" s="116">
        <v>290290005</v>
      </c>
      <c r="CK13" s="119">
        <v>292972961</v>
      </c>
      <c r="CL13" s="113">
        <v>0</v>
      </c>
      <c r="CM13" s="117">
        <v>0</v>
      </c>
      <c r="CN13" s="116">
        <v>0</v>
      </c>
      <c r="CO13" s="114">
        <v>0</v>
      </c>
      <c r="CP13" s="117">
        <v>81474414</v>
      </c>
      <c r="CQ13" s="117">
        <v>73675425</v>
      </c>
      <c r="CR13" s="117">
        <v>42433475</v>
      </c>
      <c r="CS13" s="117">
        <v>33613822</v>
      </c>
      <c r="CT13" s="117">
        <v>13909440</v>
      </c>
      <c r="CU13" s="116">
        <v>245106576</v>
      </c>
      <c r="CV13" s="119">
        <v>245106576</v>
      </c>
      <c r="CW13" s="113">
        <v>719503</v>
      </c>
      <c r="CX13" s="117">
        <v>1963453</v>
      </c>
      <c r="CY13" s="116">
        <v>2682956</v>
      </c>
      <c r="CZ13" s="113">
        <v>0</v>
      </c>
      <c r="DA13" s="117">
        <v>12792256</v>
      </c>
      <c r="DB13" s="117">
        <v>14654912</v>
      </c>
      <c r="DC13" s="117">
        <v>9633374</v>
      </c>
      <c r="DD13" s="117">
        <v>6236393</v>
      </c>
      <c r="DE13" s="117">
        <v>1866494</v>
      </c>
      <c r="DF13" s="116">
        <v>45183429</v>
      </c>
      <c r="DG13" s="119">
        <v>47866385</v>
      </c>
      <c r="DH13" s="113">
        <v>46420</v>
      </c>
      <c r="DI13" s="117">
        <v>53380</v>
      </c>
      <c r="DJ13" s="115">
        <v>99800</v>
      </c>
      <c r="DK13" s="114">
        <v>0</v>
      </c>
      <c r="DL13" s="117">
        <v>12360978</v>
      </c>
      <c r="DM13" s="117">
        <v>21764524</v>
      </c>
      <c r="DN13" s="117">
        <v>26277182</v>
      </c>
      <c r="DO13" s="117">
        <v>22970770</v>
      </c>
      <c r="DP13" s="117">
        <v>11672791</v>
      </c>
      <c r="DQ13" s="116">
        <v>95046245</v>
      </c>
      <c r="DR13" s="119">
        <v>95146045</v>
      </c>
      <c r="DS13" s="113">
        <v>46420</v>
      </c>
      <c r="DT13" s="117">
        <v>53380</v>
      </c>
      <c r="DU13" s="116">
        <v>99800</v>
      </c>
      <c r="DV13" s="113">
        <v>0</v>
      </c>
      <c r="DW13" s="117">
        <v>11987511</v>
      </c>
      <c r="DX13" s="117">
        <v>19842577</v>
      </c>
      <c r="DY13" s="117">
        <v>24502125</v>
      </c>
      <c r="DZ13" s="117">
        <v>21769006</v>
      </c>
      <c r="EA13" s="117">
        <v>10641769</v>
      </c>
      <c r="EB13" s="116">
        <v>88742988</v>
      </c>
      <c r="EC13" s="119">
        <v>88842788</v>
      </c>
      <c r="ED13" s="113">
        <v>0</v>
      </c>
      <c r="EE13" s="115">
        <v>0</v>
      </c>
      <c r="EF13" s="116">
        <v>0</v>
      </c>
      <c r="EG13" s="113">
        <v>0</v>
      </c>
      <c r="EH13" s="117">
        <v>373467</v>
      </c>
      <c r="EI13" s="117">
        <v>1921947</v>
      </c>
      <c r="EJ13" s="117">
        <v>1775057</v>
      </c>
      <c r="EK13" s="117">
        <v>1201764</v>
      </c>
      <c r="EL13" s="117">
        <v>1031022</v>
      </c>
      <c r="EM13" s="115">
        <v>6303257</v>
      </c>
      <c r="EN13" s="119">
        <v>6303257</v>
      </c>
      <c r="EO13" s="113">
        <v>0</v>
      </c>
      <c r="EP13" s="117">
        <v>0</v>
      </c>
      <c r="EQ13" s="115">
        <v>0</v>
      </c>
      <c r="ER13" s="114">
        <v>0</v>
      </c>
      <c r="ES13" s="117">
        <v>0</v>
      </c>
      <c r="ET13" s="117">
        <v>0</v>
      </c>
      <c r="EU13" s="117">
        <v>0</v>
      </c>
      <c r="EV13" s="117">
        <v>0</v>
      </c>
      <c r="EW13" s="117">
        <v>0</v>
      </c>
      <c r="EX13" s="116">
        <v>0</v>
      </c>
      <c r="EY13" s="119">
        <v>0</v>
      </c>
      <c r="EZ13" s="113">
        <v>0</v>
      </c>
      <c r="FA13" s="117">
        <v>0</v>
      </c>
      <c r="FB13" s="115">
        <v>0</v>
      </c>
      <c r="FC13" s="387"/>
      <c r="FD13" s="117">
        <v>0</v>
      </c>
      <c r="FE13" s="117">
        <v>0</v>
      </c>
      <c r="FF13" s="117">
        <v>0</v>
      </c>
      <c r="FG13" s="117">
        <v>0</v>
      </c>
      <c r="FH13" s="117">
        <v>0</v>
      </c>
      <c r="FI13" s="116">
        <v>0</v>
      </c>
      <c r="FJ13" s="119">
        <v>0</v>
      </c>
      <c r="FK13" s="113">
        <v>3155850</v>
      </c>
      <c r="FL13" s="117">
        <v>4707829</v>
      </c>
      <c r="FM13" s="116">
        <v>7863679</v>
      </c>
      <c r="FN13" s="113">
        <v>0</v>
      </c>
      <c r="FO13" s="117">
        <v>13635319</v>
      </c>
      <c r="FP13" s="117">
        <v>31378064</v>
      </c>
      <c r="FQ13" s="117">
        <v>20624707</v>
      </c>
      <c r="FR13" s="117">
        <v>19883274</v>
      </c>
      <c r="FS13" s="117">
        <v>13194922</v>
      </c>
      <c r="FT13" s="116">
        <v>98716286</v>
      </c>
      <c r="FU13" s="119">
        <v>106579965</v>
      </c>
      <c r="FV13" s="118">
        <v>1178111</v>
      </c>
      <c r="FW13" s="117">
        <v>2791068</v>
      </c>
      <c r="FX13" s="115">
        <v>3969179</v>
      </c>
      <c r="FY13" s="114">
        <v>0</v>
      </c>
      <c r="FZ13" s="117">
        <v>10609564</v>
      </c>
      <c r="GA13" s="117">
        <v>28824180</v>
      </c>
      <c r="GB13" s="117">
        <v>18896340</v>
      </c>
      <c r="GC13" s="117">
        <v>18216185</v>
      </c>
      <c r="GD13" s="117">
        <v>12926972</v>
      </c>
      <c r="GE13" s="116">
        <v>89473241</v>
      </c>
      <c r="GF13" s="351">
        <v>93442420</v>
      </c>
      <c r="GG13" s="118">
        <v>185902</v>
      </c>
      <c r="GH13" s="117">
        <v>175831</v>
      </c>
      <c r="GI13" s="115">
        <v>361733</v>
      </c>
      <c r="GJ13" s="114">
        <v>0</v>
      </c>
      <c r="GK13" s="117">
        <v>649296</v>
      </c>
      <c r="GL13" s="117">
        <v>869950</v>
      </c>
      <c r="GM13" s="117">
        <v>794916</v>
      </c>
      <c r="GN13" s="117">
        <v>651079</v>
      </c>
      <c r="GO13" s="117">
        <v>153700</v>
      </c>
      <c r="GP13" s="116">
        <v>3118941</v>
      </c>
      <c r="GQ13" s="119">
        <v>3480674</v>
      </c>
      <c r="GR13" s="113">
        <v>1791837</v>
      </c>
      <c r="GS13" s="117">
        <v>1740930</v>
      </c>
      <c r="GT13" s="116">
        <v>3532767</v>
      </c>
      <c r="GU13" s="113">
        <v>0</v>
      </c>
      <c r="GV13" s="117">
        <v>2376459</v>
      </c>
      <c r="GW13" s="117">
        <v>1683934</v>
      </c>
      <c r="GX13" s="117">
        <v>933451</v>
      </c>
      <c r="GY13" s="117">
        <v>1016010</v>
      </c>
      <c r="GZ13" s="117">
        <v>114250</v>
      </c>
      <c r="HA13" s="115">
        <v>6124104</v>
      </c>
      <c r="HB13" s="119">
        <v>9656871</v>
      </c>
      <c r="HC13" s="113">
        <v>6286152</v>
      </c>
      <c r="HD13" s="117">
        <v>5015840</v>
      </c>
      <c r="HE13" s="115">
        <v>11301992</v>
      </c>
      <c r="HF13" s="114">
        <v>0</v>
      </c>
      <c r="HG13" s="117">
        <v>78482627</v>
      </c>
      <c r="HH13" s="117">
        <v>50248242</v>
      </c>
      <c r="HI13" s="117">
        <v>51451513</v>
      </c>
      <c r="HJ13" s="117">
        <v>63390513</v>
      </c>
      <c r="HK13" s="117">
        <v>37207112</v>
      </c>
      <c r="HL13" s="116">
        <v>280780007</v>
      </c>
      <c r="HM13" s="112">
        <v>292081999</v>
      </c>
      <c r="HN13" s="118">
        <v>1649645</v>
      </c>
      <c r="HO13" s="117">
        <v>3232641</v>
      </c>
      <c r="HP13" s="116">
        <v>4882286</v>
      </c>
      <c r="HQ13" s="113">
        <v>0</v>
      </c>
      <c r="HR13" s="117">
        <v>63918478</v>
      </c>
      <c r="HS13" s="117">
        <v>46764397</v>
      </c>
      <c r="HT13" s="117">
        <v>29122416</v>
      </c>
      <c r="HU13" s="117">
        <v>21184927</v>
      </c>
      <c r="HV13" s="117">
        <v>12004346</v>
      </c>
      <c r="HW13" s="115">
        <v>172994564</v>
      </c>
      <c r="HX13" s="119">
        <v>177876850</v>
      </c>
      <c r="HY13" s="149">
        <v>324510</v>
      </c>
      <c r="HZ13" s="150">
        <v>1334063</v>
      </c>
      <c r="IA13" s="151">
        <v>1658573</v>
      </c>
      <c r="IB13" s="164">
        <v>0</v>
      </c>
      <c r="IC13" s="150">
        <v>92363978</v>
      </c>
      <c r="ID13" s="165">
        <v>96710751</v>
      </c>
      <c r="IE13" s="151">
        <v>106027837</v>
      </c>
      <c r="IF13" s="150">
        <v>63712700</v>
      </c>
      <c r="IG13" s="151">
        <v>42484088</v>
      </c>
      <c r="IH13" s="166">
        <v>401299354</v>
      </c>
      <c r="II13" s="157">
        <v>402957927</v>
      </c>
      <c r="IJ13" s="262">
        <v>0</v>
      </c>
      <c r="IK13" s="269">
        <v>0</v>
      </c>
      <c r="IL13" s="270">
        <v>0</v>
      </c>
      <c r="IM13" s="158"/>
      <c r="IN13" s="123">
        <v>401717</v>
      </c>
      <c r="IO13" s="123">
        <v>1264691</v>
      </c>
      <c r="IP13" s="123">
        <v>847376</v>
      </c>
      <c r="IQ13" s="123">
        <v>1428087</v>
      </c>
      <c r="IR13" s="123">
        <v>2063749</v>
      </c>
      <c r="IS13" s="159">
        <v>6005620</v>
      </c>
      <c r="IT13" s="354">
        <v>6005620</v>
      </c>
      <c r="IU13" s="160">
        <v>0</v>
      </c>
      <c r="IV13" s="123">
        <v>0</v>
      </c>
      <c r="IW13" s="124">
        <v>0</v>
      </c>
      <c r="IX13" s="162">
        <v>0</v>
      </c>
      <c r="IY13" s="123">
        <v>0</v>
      </c>
      <c r="IZ13" s="123">
        <v>0</v>
      </c>
      <c r="JA13" s="123">
        <v>0</v>
      </c>
      <c r="JB13" s="123">
        <v>0</v>
      </c>
      <c r="JC13" s="123">
        <v>0</v>
      </c>
      <c r="JD13" s="124">
        <v>0</v>
      </c>
      <c r="JE13" s="125">
        <v>0</v>
      </c>
      <c r="JF13" s="160">
        <v>0</v>
      </c>
      <c r="JG13" s="123">
        <v>0</v>
      </c>
      <c r="JH13" s="159">
        <v>0</v>
      </c>
      <c r="JI13" s="122">
        <v>0</v>
      </c>
      <c r="JJ13" s="123">
        <v>45331827</v>
      </c>
      <c r="JK13" s="123">
        <v>38853796</v>
      </c>
      <c r="JL13" s="123">
        <v>28350008</v>
      </c>
      <c r="JM13" s="123">
        <v>13900047</v>
      </c>
      <c r="JN13" s="123">
        <v>5840218</v>
      </c>
      <c r="JO13" s="124">
        <v>132275896</v>
      </c>
      <c r="JP13" s="354">
        <v>132275896</v>
      </c>
      <c r="JQ13" s="160">
        <v>0</v>
      </c>
      <c r="JR13" s="123">
        <v>0</v>
      </c>
      <c r="JS13" s="159">
        <v>0</v>
      </c>
      <c r="JT13" s="122">
        <v>0</v>
      </c>
      <c r="JU13" s="123">
        <v>7968257</v>
      </c>
      <c r="JV13" s="123">
        <v>10420489</v>
      </c>
      <c r="JW13" s="123">
        <v>14104689</v>
      </c>
      <c r="JX13" s="123">
        <v>5599407</v>
      </c>
      <c r="JY13" s="123">
        <v>2654385</v>
      </c>
      <c r="JZ13" s="124">
        <v>40747227</v>
      </c>
      <c r="KA13" s="354">
        <v>40747227</v>
      </c>
      <c r="KB13" s="265">
        <v>324510</v>
      </c>
      <c r="KC13" s="259">
        <v>1083355</v>
      </c>
      <c r="KD13" s="124">
        <v>1407865</v>
      </c>
      <c r="KE13" s="122">
        <v>0</v>
      </c>
      <c r="KF13" s="123">
        <v>7780141</v>
      </c>
      <c r="KG13" s="123">
        <v>8070363</v>
      </c>
      <c r="KH13" s="123">
        <v>7846658</v>
      </c>
      <c r="KI13" s="123">
        <v>4013238</v>
      </c>
      <c r="KJ13" s="123">
        <v>2469312</v>
      </c>
      <c r="KK13" s="124">
        <v>30179712</v>
      </c>
      <c r="KL13" s="161">
        <v>31587577</v>
      </c>
      <c r="KM13" s="262">
        <v>0</v>
      </c>
      <c r="KN13" s="269">
        <v>250708</v>
      </c>
      <c r="KO13" s="270">
        <v>250708</v>
      </c>
      <c r="KP13" s="158"/>
      <c r="KQ13" s="123">
        <v>29763014</v>
      </c>
      <c r="KR13" s="123">
        <v>35803100</v>
      </c>
      <c r="KS13" s="123">
        <v>52380167</v>
      </c>
      <c r="KT13" s="123">
        <v>35473159</v>
      </c>
      <c r="KU13" s="123">
        <v>23418271</v>
      </c>
      <c r="KV13" s="124">
        <v>176837711</v>
      </c>
      <c r="KW13" s="354">
        <v>177088419</v>
      </c>
      <c r="KX13" s="160">
        <v>0</v>
      </c>
      <c r="KY13" s="123">
        <v>0</v>
      </c>
      <c r="KZ13" s="124">
        <v>0</v>
      </c>
      <c r="LA13" s="163"/>
      <c r="LB13" s="123">
        <v>0</v>
      </c>
      <c r="LC13" s="123">
        <v>0</v>
      </c>
      <c r="LD13" s="123">
        <v>0</v>
      </c>
      <c r="LE13" s="123">
        <v>0</v>
      </c>
      <c r="LF13" s="123">
        <v>0</v>
      </c>
      <c r="LG13" s="124">
        <v>0</v>
      </c>
      <c r="LH13" s="125">
        <v>0</v>
      </c>
      <c r="LI13" s="160">
        <v>0</v>
      </c>
      <c r="LJ13" s="123">
        <v>0</v>
      </c>
      <c r="LK13" s="124">
        <v>0</v>
      </c>
      <c r="LL13" s="163"/>
      <c r="LM13" s="123">
        <v>0</v>
      </c>
      <c r="LN13" s="123">
        <v>0</v>
      </c>
      <c r="LO13" s="123">
        <v>0</v>
      </c>
      <c r="LP13" s="123">
        <v>0</v>
      </c>
      <c r="LQ13" s="123">
        <v>0</v>
      </c>
      <c r="LR13" s="124">
        <v>0</v>
      </c>
      <c r="LS13" s="354">
        <v>0</v>
      </c>
      <c r="LT13" s="160">
        <v>0</v>
      </c>
      <c r="LU13" s="123">
        <v>0</v>
      </c>
      <c r="LV13" s="124">
        <v>0</v>
      </c>
      <c r="LW13" s="163"/>
      <c r="LX13" s="123">
        <v>1119022</v>
      </c>
      <c r="LY13" s="123">
        <v>2298312</v>
      </c>
      <c r="LZ13" s="123">
        <v>2498939</v>
      </c>
      <c r="MA13" s="123">
        <v>3298762</v>
      </c>
      <c r="MB13" s="123">
        <v>6038153</v>
      </c>
      <c r="MC13" s="124">
        <v>15253188</v>
      </c>
      <c r="MD13" s="125">
        <v>15253188</v>
      </c>
      <c r="ME13" s="160">
        <v>0</v>
      </c>
      <c r="MF13" s="123">
        <v>0</v>
      </c>
      <c r="MG13" s="124">
        <v>0</v>
      </c>
      <c r="MH13" s="163"/>
      <c r="MI13" s="123">
        <v>48395283</v>
      </c>
      <c r="MJ13" s="123">
        <v>81035633</v>
      </c>
      <c r="MK13" s="123">
        <v>222207154</v>
      </c>
      <c r="ML13" s="123">
        <v>362698365</v>
      </c>
      <c r="MM13" s="123">
        <v>223735645</v>
      </c>
      <c r="MN13" s="124">
        <v>938072080</v>
      </c>
      <c r="MO13" s="161">
        <v>938072080</v>
      </c>
      <c r="MP13" s="160">
        <v>0</v>
      </c>
      <c r="MQ13" s="123">
        <v>0</v>
      </c>
      <c r="MR13" s="124">
        <v>0</v>
      </c>
      <c r="MS13" s="163">
        <v>0</v>
      </c>
      <c r="MT13" s="123">
        <v>5018706</v>
      </c>
      <c r="MU13" s="123">
        <v>15261147</v>
      </c>
      <c r="MV13" s="123">
        <v>144997070</v>
      </c>
      <c r="MW13" s="123">
        <v>274475515</v>
      </c>
      <c r="MX13" s="123">
        <v>180149703</v>
      </c>
      <c r="MY13" s="124">
        <v>619902141</v>
      </c>
      <c r="MZ13" s="161">
        <v>619902141</v>
      </c>
      <c r="NA13" s="160">
        <v>0</v>
      </c>
      <c r="NB13" s="123">
        <v>0</v>
      </c>
      <c r="NC13" s="124">
        <v>0</v>
      </c>
      <c r="ND13" s="163"/>
      <c r="NE13" s="123">
        <v>43376577</v>
      </c>
      <c r="NF13" s="123">
        <v>65774486</v>
      </c>
      <c r="NG13" s="123">
        <v>76539802</v>
      </c>
      <c r="NH13" s="123">
        <v>86792809</v>
      </c>
      <c r="NI13" s="123">
        <v>40371532</v>
      </c>
      <c r="NJ13" s="124">
        <v>312855206</v>
      </c>
      <c r="NK13" s="354">
        <v>312855206</v>
      </c>
      <c r="NL13" s="160">
        <v>0</v>
      </c>
      <c r="NM13" s="123">
        <v>0</v>
      </c>
      <c r="NN13" s="124">
        <v>0</v>
      </c>
      <c r="NO13" s="163"/>
      <c r="NP13" s="123">
        <v>0</v>
      </c>
      <c r="NQ13" s="123">
        <v>0</v>
      </c>
      <c r="NR13" s="123">
        <v>0</v>
      </c>
      <c r="NS13" s="123">
        <v>1032934</v>
      </c>
      <c r="NT13" s="123">
        <v>1523277</v>
      </c>
      <c r="NU13" s="124">
        <v>2556211</v>
      </c>
      <c r="NV13" s="125">
        <v>2556211</v>
      </c>
      <c r="NW13" s="160">
        <v>0</v>
      </c>
      <c r="NX13" s="123">
        <v>0</v>
      </c>
      <c r="NY13" s="124">
        <v>0</v>
      </c>
      <c r="NZ13" s="163"/>
      <c r="OA13" s="123">
        <v>0</v>
      </c>
      <c r="OB13" s="123">
        <v>0</v>
      </c>
      <c r="OC13" s="123">
        <v>670282</v>
      </c>
      <c r="OD13" s="123">
        <v>397107</v>
      </c>
      <c r="OE13" s="123">
        <v>1691133</v>
      </c>
      <c r="OF13" s="124">
        <v>2758522</v>
      </c>
      <c r="OG13" s="125">
        <v>2758522</v>
      </c>
      <c r="OH13" s="160">
        <v>14239908</v>
      </c>
      <c r="OI13" s="123">
        <v>18520259</v>
      </c>
      <c r="OJ13" s="159">
        <v>32760167</v>
      </c>
      <c r="OK13" s="122">
        <v>0</v>
      </c>
      <c r="OL13" s="123">
        <v>480508396</v>
      </c>
      <c r="OM13" s="123">
        <v>507726463</v>
      </c>
      <c r="ON13" s="123">
        <v>595200056</v>
      </c>
      <c r="OO13" s="123">
        <v>710822039</v>
      </c>
      <c r="OP13" s="123">
        <v>463703238</v>
      </c>
      <c r="OQ13" s="124">
        <v>2757960192</v>
      </c>
      <c r="OR13" s="161">
        <v>2790720359</v>
      </c>
    </row>
    <row r="14" spans="1:408" ht="18.75" customHeight="1" x14ac:dyDescent="0.2">
      <c r="A14" s="63" t="s">
        <v>8</v>
      </c>
      <c r="B14" s="113">
        <v>12327507</v>
      </c>
      <c r="C14" s="117">
        <v>16187932</v>
      </c>
      <c r="D14" s="116">
        <v>28515439</v>
      </c>
      <c r="E14" s="112">
        <v>0</v>
      </c>
      <c r="F14" s="117">
        <v>143807919</v>
      </c>
      <c r="G14" s="117">
        <v>190371853</v>
      </c>
      <c r="H14" s="117">
        <v>174308047</v>
      </c>
      <c r="I14" s="117">
        <v>151982409</v>
      </c>
      <c r="J14" s="117">
        <v>128036511</v>
      </c>
      <c r="K14" s="112">
        <v>788506739</v>
      </c>
      <c r="L14" s="119">
        <v>817022178</v>
      </c>
      <c r="M14" s="113">
        <v>2201219</v>
      </c>
      <c r="N14" s="117">
        <v>3418001</v>
      </c>
      <c r="O14" s="116">
        <v>5619220</v>
      </c>
      <c r="P14" s="113">
        <v>0</v>
      </c>
      <c r="Q14" s="117">
        <v>37785616</v>
      </c>
      <c r="R14" s="117">
        <v>57666953</v>
      </c>
      <c r="S14" s="117">
        <v>55315809</v>
      </c>
      <c r="T14" s="117">
        <v>55692831</v>
      </c>
      <c r="U14" s="117">
        <v>64872570</v>
      </c>
      <c r="V14" s="116">
        <v>271333779</v>
      </c>
      <c r="W14" s="119">
        <v>276952999</v>
      </c>
      <c r="X14" s="113">
        <v>0</v>
      </c>
      <c r="Y14" s="117">
        <v>0</v>
      </c>
      <c r="Z14" s="116">
        <v>0</v>
      </c>
      <c r="AA14" s="113">
        <v>0</v>
      </c>
      <c r="AB14" s="117">
        <v>20341669</v>
      </c>
      <c r="AC14" s="117">
        <v>32846027</v>
      </c>
      <c r="AD14" s="117">
        <v>34669864</v>
      </c>
      <c r="AE14" s="117">
        <v>34997890</v>
      </c>
      <c r="AF14" s="117">
        <v>41534776</v>
      </c>
      <c r="AG14" s="116">
        <v>164390226</v>
      </c>
      <c r="AH14" s="119">
        <v>164390226</v>
      </c>
      <c r="AI14" s="113">
        <v>0</v>
      </c>
      <c r="AJ14" s="117">
        <v>0</v>
      </c>
      <c r="AK14" s="116">
        <v>0</v>
      </c>
      <c r="AL14" s="113">
        <v>0</v>
      </c>
      <c r="AM14" s="117">
        <v>299448</v>
      </c>
      <c r="AN14" s="117">
        <v>812488</v>
      </c>
      <c r="AO14" s="117">
        <v>1939711</v>
      </c>
      <c r="AP14" s="117">
        <v>3285556</v>
      </c>
      <c r="AQ14" s="117">
        <v>6823161</v>
      </c>
      <c r="AR14" s="116">
        <v>13160364</v>
      </c>
      <c r="AS14" s="119">
        <v>13160364</v>
      </c>
      <c r="AT14" s="113">
        <v>1197409</v>
      </c>
      <c r="AU14" s="117">
        <v>2386443</v>
      </c>
      <c r="AV14" s="116">
        <v>3583852</v>
      </c>
      <c r="AW14" s="113">
        <v>0</v>
      </c>
      <c r="AX14" s="117">
        <v>9845275</v>
      </c>
      <c r="AY14" s="117">
        <v>14297929</v>
      </c>
      <c r="AZ14" s="117">
        <v>10175591</v>
      </c>
      <c r="BA14" s="117">
        <v>9899530</v>
      </c>
      <c r="BB14" s="117">
        <v>11070954</v>
      </c>
      <c r="BC14" s="116">
        <v>55289279</v>
      </c>
      <c r="BD14" s="119">
        <v>58873131</v>
      </c>
      <c r="BE14" s="113">
        <v>118314</v>
      </c>
      <c r="BF14" s="117">
        <v>584589</v>
      </c>
      <c r="BG14" s="115">
        <v>702903</v>
      </c>
      <c r="BH14" s="114">
        <v>0</v>
      </c>
      <c r="BI14" s="117">
        <v>1684527</v>
      </c>
      <c r="BJ14" s="117">
        <v>3212360</v>
      </c>
      <c r="BK14" s="117">
        <v>2351507</v>
      </c>
      <c r="BL14" s="117">
        <v>1281769</v>
      </c>
      <c r="BM14" s="117">
        <v>880407</v>
      </c>
      <c r="BN14" s="116">
        <v>9410570</v>
      </c>
      <c r="BO14" s="119">
        <v>10113473</v>
      </c>
      <c r="BP14" s="113">
        <v>885496</v>
      </c>
      <c r="BQ14" s="117">
        <v>446969</v>
      </c>
      <c r="BR14" s="116">
        <v>1332465</v>
      </c>
      <c r="BS14" s="113">
        <v>0</v>
      </c>
      <c r="BT14" s="117">
        <v>5614697</v>
      </c>
      <c r="BU14" s="117">
        <v>6498149</v>
      </c>
      <c r="BV14" s="117">
        <v>6179136</v>
      </c>
      <c r="BW14" s="117">
        <v>6228086</v>
      </c>
      <c r="BX14" s="117">
        <v>4563272</v>
      </c>
      <c r="BY14" s="116">
        <v>29083340</v>
      </c>
      <c r="BZ14" s="119">
        <v>30415805</v>
      </c>
      <c r="CA14" s="113">
        <v>1297807</v>
      </c>
      <c r="CB14" s="117">
        <v>2885821</v>
      </c>
      <c r="CC14" s="116">
        <v>4183628</v>
      </c>
      <c r="CD14" s="113">
        <v>0</v>
      </c>
      <c r="CE14" s="117">
        <v>42794467</v>
      </c>
      <c r="CF14" s="117">
        <v>56259022</v>
      </c>
      <c r="CG14" s="117">
        <v>42900613</v>
      </c>
      <c r="CH14" s="117">
        <v>27640818</v>
      </c>
      <c r="CI14" s="117">
        <v>19604592</v>
      </c>
      <c r="CJ14" s="116">
        <v>189199512</v>
      </c>
      <c r="CK14" s="119">
        <v>193383140</v>
      </c>
      <c r="CL14" s="113">
        <v>0</v>
      </c>
      <c r="CM14" s="117">
        <v>0</v>
      </c>
      <c r="CN14" s="116">
        <v>0</v>
      </c>
      <c r="CO14" s="114">
        <v>0</v>
      </c>
      <c r="CP14" s="117">
        <v>36673542</v>
      </c>
      <c r="CQ14" s="117">
        <v>44992289</v>
      </c>
      <c r="CR14" s="117">
        <v>35971567</v>
      </c>
      <c r="CS14" s="117">
        <v>22154285</v>
      </c>
      <c r="CT14" s="117">
        <v>17862575</v>
      </c>
      <c r="CU14" s="116">
        <v>157654258</v>
      </c>
      <c r="CV14" s="119">
        <v>157654258</v>
      </c>
      <c r="CW14" s="113">
        <v>1297807</v>
      </c>
      <c r="CX14" s="117">
        <v>2885821</v>
      </c>
      <c r="CY14" s="116">
        <v>4183628</v>
      </c>
      <c r="CZ14" s="113">
        <v>0</v>
      </c>
      <c r="DA14" s="117">
        <v>6120925</v>
      </c>
      <c r="DB14" s="117">
        <v>11266733</v>
      </c>
      <c r="DC14" s="117">
        <v>6929046</v>
      </c>
      <c r="DD14" s="117">
        <v>5486533</v>
      </c>
      <c r="DE14" s="117">
        <v>1742017</v>
      </c>
      <c r="DF14" s="116">
        <v>31545254</v>
      </c>
      <c r="DG14" s="119">
        <v>35728882</v>
      </c>
      <c r="DH14" s="113">
        <v>14299</v>
      </c>
      <c r="DI14" s="117">
        <v>325050</v>
      </c>
      <c r="DJ14" s="115">
        <v>339349</v>
      </c>
      <c r="DK14" s="114">
        <v>0</v>
      </c>
      <c r="DL14" s="117">
        <v>4225939</v>
      </c>
      <c r="DM14" s="117">
        <v>10767218</v>
      </c>
      <c r="DN14" s="117">
        <v>23293090</v>
      </c>
      <c r="DO14" s="117">
        <v>17440996</v>
      </c>
      <c r="DP14" s="117">
        <v>9021049</v>
      </c>
      <c r="DQ14" s="116">
        <v>64748292</v>
      </c>
      <c r="DR14" s="119">
        <v>65087641</v>
      </c>
      <c r="DS14" s="113">
        <v>14299</v>
      </c>
      <c r="DT14" s="117">
        <v>325050</v>
      </c>
      <c r="DU14" s="116">
        <v>339349</v>
      </c>
      <c r="DV14" s="113">
        <v>0</v>
      </c>
      <c r="DW14" s="117">
        <v>4144898</v>
      </c>
      <c r="DX14" s="117">
        <v>10123154</v>
      </c>
      <c r="DY14" s="117">
        <v>21974999</v>
      </c>
      <c r="DZ14" s="117">
        <v>17048723</v>
      </c>
      <c r="EA14" s="117">
        <v>8884138</v>
      </c>
      <c r="EB14" s="116">
        <v>62175912</v>
      </c>
      <c r="EC14" s="119">
        <v>62515261</v>
      </c>
      <c r="ED14" s="113">
        <v>0</v>
      </c>
      <c r="EE14" s="115">
        <v>0</v>
      </c>
      <c r="EF14" s="116">
        <v>0</v>
      </c>
      <c r="EG14" s="113">
        <v>0</v>
      </c>
      <c r="EH14" s="117">
        <v>81041</v>
      </c>
      <c r="EI14" s="117">
        <v>644064</v>
      </c>
      <c r="EJ14" s="117">
        <v>1318091</v>
      </c>
      <c r="EK14" s="117">
        <v>392273</v>
      </c>
      <c r="EL14" s="117">
        <v>136911</v>
      </c>
      <c r="EM14" s="115">
        <v>2572380</v>
      </c>
      <c r="EN14" s="119">
        <v>2572380</v>
      </c>
      <c r="EO14" s="113">
        <v>0</v>
      </c>
      <c r="EP14" s="117">
        <v>0</v>
      </c>
      <c r="EQ14" s="115">
        <v>0</v>
      </c>
      <c r="ER14" s="114">
        <v>0</v>
      </c>
      <c r="ES14" s="117">
        <v>0</v>
      </c>
      <c r="ET14" s="117">
        <v>0</v>
      </c>
      <c r="EU14" s="117">
        <v>0</v>
      </c>
      <c r="EV14" s="117">
        <v>0</v>
      </c>
      <c r="EW14" s="117">
        <v>0</v>
      </c>
      <c r="EX14" s="116">
        <v>0</v>
      </c>
      <c r="EY14" s="119">
        <v>0</v>
      </c>
      <c r="EZ14" s="113">
        <v>0</v>
      </c>
      <c r="FA14" s="117">
        <v>0</v>
      </c>
      <c r="FB14" s="115">
        <v>0</v>
      </c>
      <c r="FC14" s="387"/>
      <c r="FD14" s="117">
        <v>0</v>
      </c>
      <c r="FE14" s="117">
        <v>0</v>
      </c>
      <c r="FF14" s="117">
        <v>0</v>
      </c>
      <c r="FG14" s="117">
        <v>0</v>
      </c>
      <c r="FH14" s="117">
        <v>0</v>
      </c>
      <c r="FI14" s="116">
        <v>0</v>
      </c>
      <c r="FJ14" s="119">
        <v>0</v>
      </c>
      <c r="FK14" s="113">
        <v>3149695</v>
      </c>
      <c r="FL14" s="117">
        <v>4560071</v>
      </c>
      <c r="FM14" s="116">
        <v>7709766</v>
      </c>
      <c r="FN14" s="113">
        <v>0</v>
      </c>
      <c r="FO14" s="117">
        <v>7908887</v>
      </c>
      <c r="FP14" s="117">
        <v>18854358</v>
      </c>
      <c r="FQ14" s="117">
        <v>13477825</v>
      </c>
      <c r="FR14" s="117">
        <v>11591546</v>
      </c>
      <c r="FS14" s="117">
        <v>8882919</v>
      </c>
      <c r="FT14" s="116">
        <v>60715535</v>
      </c>
      <c r="FU14" s="119">
        <v>68425301</v>
      </c>
      <c r="FV14" s="118">
        <v>1889097</v>
      </c>
      <c r="FW14" s="117">
        <v>3370471</v>
      </c>
      <c r="FX14" s="115">
        <v>5259568</v>
      </c>
      <c r="FY14" s="114">
        <v>0</v>
      </c>
      <c r="FZ14" s="117">
        <v>6383752</v>
      </c>
      <c r="GA14" s="117">
        <v>17674079</v>
      </c>
      <c r="GB14" s="117">
        <v>12524591</v>
      </c>
      <c r="GC14" s="117">
        <v>10721152</v>
      </c>
      <c r="GD14" s="117">
        <v>8794503</v>
      </c>
      <c r="GE14" s="116">
        <v>56098077</v>
      </c>
      <c r="GF14" s="351">
        <v>61357645</v>
      </c>
      <c r="GG14" s="118">
        <v>206589</v>
      </c>
      <c r="GH14" s="117">
        <v>180882</v>
      </c>
      <c r="GI14" s="115">
        <v>387471</v>
      </c>
      <c r="GJ14" s="114">
        <v>0</v>
      </c>
      <c r="GK14" s="117">
        <v>170532</v>
      </c>
      <c r="GL14" s="117">
        <v>380794</v>
      </c>
      <c r="GM14" s="117">
        <v>378188</v>
      </c>
      <c r="GN14" s="117">
        <v>425854</v>
      </c>
      <c r="GO14" s="117">
        <v>47376</v>
      </c>
      <c r="GP14" s="116">
        <v>1402744</v>
      </c>
      <c r="GQ14" s="119">
        <v>1790215</v>
      </c>
      <c r="GR14" s="113">
        <v>1054009</v>
      </c>
      <c r="GS14" s="117">
        <v>1008718</v>
      </c>
      <c r="GT14" s="116">
        <v>2062727</v>
      </c>
      <c r="GU14" s="113">
        <v>0</v>
      </c>
      <c r="GV14" s="117">
        <v>1354603</v>
      </c>
      <c r="GW14" s="117">
        <v>799485</v>
      </c>
      <c r="GX14" s="117">
        <v>575046</v>
      </c>
      <c r="GY14" s="117">
        <v>444540</v>
      </c>
      <c r="GZ14" s="117">
        <v>41040</v>
      </c>
      <c r="HA14" s="115">
        <v>3214714</v>
      </c>
      <c r="HB14" s="119">
        <v>5277441</v>
      </c>
      <c r="HC14" s="113">
        <v>3492486</v>
      </c>
      <c r="HD14" s="117">
        <v>1882878</v>
      </c>
      <c r="HE14" s="115">
        <v>5375364</v>
      </c>
      <c r="HF14" s="114">
        <v>0</v>
      </c>
      <c r="HG14" s="117">
        <v>25077795</v>
      </c>
      <c r="HH14" s="117">
        <v>19575122</v>
      </c>
      <c r="HI14" s="117">
        <v>21345514</v>
      </c>
      <c r="HJ14" s="117">
        <v>28321416</v>
      </c>
      <c r="HK14" s="117">
        <v>17859210</v>
      </c>
      <c r="HL14" s="116">
        <v>112179057</v>
      </c>
      <c r="HM14" s="112">
        <v>117554421</v>
      </c>
      <c r="HN14" s="118">
        <v>2172001</v>
      </c>
      <c r="HO14" s="117">
        <v>3116111</v>
      </c>
      <c r="HP14" s="116">
        <v>5288112</v>
      </c>
      <c r="HQ14" s="113">
        <v>0</v>
      </c>
      <c r="HR14" s="117">
        <v>26015215</v>
      </c>
      <c r="HS14" s="117">
        <v>27249180</v>
      </c>
      <c r="HT14" s="117">
        <v>17975196</v>
      </c>
      <c r="HU14" s="117">
        <v>11294802</v>
      </c>
      <c r="HV14" s="117">
        <v>7796171</v>
      </c>
      <c r="HW14" s="115">
        <v>90330564</v>
      </c>
      <c r="HX14" s="119">
        <v>95618676</v>
      </c>
      <c r="HY14" s="149">
        <v>368443</v>
      </c>
      <c r="HZ14" s="150">
        <v>1029924</v>
      </c>
      <c r="IA14" s="151">
        <v>1398367</v>
      </c>
      <c r="IB14" s="152">
        <v>0</v>
      </c>
      <c r="IC14" s="153">
        <v>59442808</v>
      </c>
      <c r="ID14" s="154">
        <v>73523929</v>
      </c>
      <c r="IE14" s="155">
        <v>70115648</v>
      </c>
      <c r="IF14" s="153">
        <v>43071328</v>
      </c>
      <c r="IG14" s="155">
        <v>25789869</v>
      </c>
      <c r="IH14" s="156">
        <v>271943582</v>
      </c>
      <c r="II14" s="157">
        <v>273341949</v>
      </c>
      <c r="IJ14" s="262">
        <v>0</v>
      </c>
      <c r="IK14" s="269">
        <v>0</v>
      </c>
      <c r="IL14" s="270">
        <v>0</v>
      </c>
      <c r="IM14" s="158"/>
      <c r="IN14" s="123">
        <v>627442</v>
      </c>
      <c r="IO14" s="123">
        <v>995862</v>
      </c>
      <c r="IP14" s="123">
        <v>1046766</v>
      </c>
      <c r="IQ14" s="123">
        <v>1618879</v>
      </c>
      <c r="IR14" s="123">
        <v>672991</v>
      </c>
      <c r="IS14" s="159">
        <v>4961940</v>
      </c>
      <c r="IT14" s="354">
        <v>4961940</v>
      </c>
      <c r="IU14" s="160">
        <v>0</v>
      </c>
      <c r="IV14" s="123">
        <v>0</v>
      </c>
      <c r="IW14" s="124">
        <v>0</v>
      </c>
      <c r="IX14" s="162">
        <v>0</v>
      </c>
      <c r="IY14" s="123">
        <v>18566</v>
      </c>
      <c r="IZ14" s="123">
        <v>37132</v>
      </c>
      <c r="JA14" s="123">
        <v>25874</v>
      </c>
      <c r="JB14" s="123">
        <v>35909</v>
      </c>
      <c r="JC14" s="123">
        <v>52548</v>
      </c>
      <c r="JD14" s="124">
        <v>170029</v>
      </c>
      <c r="JE14" s="125">
        <v>170029</v>
      </c>
      <c r="JF14" s="160">
        <v>0</v>
      </c>
      <c r="JG14" s="123">
        <v>0</v>
      </c>
      <c r="JH14" s="159">
        <v>0</v>
      </c>
      <c r="JI14" s="122">
        <v>0</v>
      </c>
      <c r="JJ14" s="123">
        <v>26156131</v>
      </c>
      <c r="JK14" s="123">
        <v>32060730</v>
      </c>
      <c r="JL14" s="123">
        <v>23429320</v>
      </c>
      <c r="JM14" s="123">
        <v>11793153</v>
      </c>
      <c r="JN14" s="123">
        <v>7924109</v>
      </c>
      <c r="JO14" s="124">
        <v>101363443</v>
      </c>
      <c r="JP14" s="354">
        <v>101363443</v>
      </c>
      <c r="JQ14" s="160">
        <v>0</v>
      </c>
      <c r="JR14" s="123">
        <v>0</v>
      </c>
      <c r="JS14" s="159">
        <v>0</v>
      </c>
      <c r="JT14" s="122">
        <v>0</v>
      </c>
      <c r="JU14" s="123">
        <v>737000</v>
      </c>
      <c r="JV14" s="123">
        <v>1566306</v>
      </c>
      <c r="JW14" s="123">
        <v>1274241</v>
      </c>
      <c r="JX14" s="123">
        <v>625042</v>
      </c>
      <c r="JY14" s="123">
        <v>896648</v>
      </c>
      <c r="JZ14" s="124">
        <v>5099237</v>
      </c>
      <c r="KA14" s="354">
        <v>5099237</v>
      </c>
      <c r="KB14" s="265">
        <v>368443</v>
      </c>
      <c r="KC14" s="259">
        <v>1029924</v>
      </c>
      <c r="KD14" s="124">
        <v>1398367</v>
      </c>
      <c r="KE14" s="122">
        <v>0</v>
      </c>
      <c r="KF14" s="123">
        <v>10715612</v>
      </c>
      <c r="KG14" s="123">
        <v>11493522</v>
      </c>
      <c r="KH14" s="123">
        <v>11645728</v>
      </c>
      <c r="KI14" s="123">
        <v>4544547</v>
      </c>
      <c r="KJ14" s="123">
        <v>2736661</v>
      </c>
      <c r="KK14" s="124">
        <v>41136070</v>
      </c>
      <c r="KL14" s="161">
        <v>42534437</v>
      </c>
      <c r="KM14" s="262">
        <v>0</v>
      </c>
      <c r="KN14" s="269">
        <v>0</v>
      </c>
      <c r="KO14" s="270">
        <v>0</v>
      </c>
      <c r="KP14" s="158"/>
      <c r="KQ14" s="123">
        <v>18427890</v>
      </c>
      <c r="KR14" s="123">
        <v>22182312</v>
      </c>
      <c r="KS14" s="123">
        <v>23601502</v>
      </c>
      <c r="KT14" s="123">
        <v>14820164</v>
      </c>
      <c r="KU14" s="123">
        <v>8734925</v>
      </c>
      <c r="KV14" s="124">
        <v>87766793</v>
      </c>
      <c r="KW14" s="354">
        <v>87766793</v>
      </c>
      <c r="KX14" s="160">
        <v>0</v>
      </c>
      <c r="KY14" s="123">
        <v>0</v>
      </c>
      <c r="KZ14" s="124">
        <v>0</v>
      </c>
      <c r="LA14" s="163"/>
      <c r="LB14" s="123">
        <v>178807</v>
      </c>
      <c r="LC14" s="123">
        <v>1996055</v>
      </c>
      <c r="LD14" s="123">
        <v>2030721</v>
      </c>
      <c r="LE14" s="123">
        <v>3120298</v>
      </c>
      <c r="LF14" s="123">
        <v>748278</v>
      </c>
      <c r="LG14" s="124">
        <v>8074159</v>
      </c>
      <c r="LH14" s="125">
        <v>8074159</v>
      </c>
      <c r="LI14" s="160">
        <v>0</v>
      </c>
      <c r="LJ14" s="123">
        <v>0</v>
      </c>
      <c r="LK14" s="124">
        <v>0</v>
      </c>
      <c r="LL14" s="163"/>
      <c r="LM14" s="123">
        <v>0</v>
      </c>
      <c r="LN14" s="123">
        <v>691491</v>
      </c>
      <c r="LO14" s="123">
        <v>4803033</v>
      </c>
      <c r="LP14" s="123">
        <v>4211905</v>
      </c>
      <c r="LQ14" s="123">
        <v>3621777</v>
      </c>
      <c r="LR14" s="124">
        <v>13328206</v>
      </c>
      <c r="LS14" s="354">
        <v>13328206</v>
      </c>
      <c r="LT14" s="160">
        <v>0</v>
      </c>
      <c r="LU14" s="123">
        <v>0</v>
      </c>
      <c r="LV14" s="124">
        <v>0</v>
      </c>
      <c r="LW14" s="163"/>
      <c r="LX14" s="123">
        <v>2581360</v>
      </c>
      <c r="LY14" s="123">
        <v>2500519</v>
      </c>
      <c r="LZ14" s="123">
        <v>2258463</v>
      </c>
      <c r="MA14" s="123">
        <v>2301431</v>
      </c>
      <c r="MB14" s="123">
        <v>401932</v>
      </c>
      <c r="MC14" s="124">
        <v>10043705</v>
      </c>
      <c r="MD14" s="125">
        <v>10043705</v>
      </c>
      <c r="ME14" s="160">
        <v>0</v>
      </c>
      <c r="MF14" s="123">
        <v>0</v>
      </c>
      <c r="MG14" s="124">
        <v>0</v>
      </c>
      <c r="MH14" s="163"/>
      <c r="MI14" s="123">
        <v>17759713</v>
      </c>
      <c r="MJ14" s="123">
        <v>42278908</v>
      </c>
      <c r="MK14" s="123">
        <v>131870891</v>
      </c>
      <c r="ML14" s="123">
        <v>148854680</v>
      </c>
      <c r="MM14" s="123">
        <v>88846459</v>
      </c>
      <c r="MN14" s="124">
        <v>429610651</v>
      </c>
      <c r="MO14" s="161">
        <v>429610651</v>
      </c>
      <c r="MP14" s="160">
        <v>0</v>
      </c>
      <c r="MQ14" s="123">
        <v>0</v>
      </c>
      <c r="MR14" s="124">
        <v>0</v>
      </c>
      <c r="MS14" s="163">
        <v>0</v>
      </c>
      <c r="MT14" s="123">
        <v>5691210</v>
      </c>
      <c r="MU14" s="123">
        <v>14583745</v>
      </c>
      <c r="MV14" s="123">
        <v>85428389</v>
      </c>
      <c r="MW14" s="123">
        <v>104565375</v>
      </c>
      <c r="MX14" s="123">
        <v>65142911</v>
      </c>
      <c r="MY14" s="124">
        <v>275411630</v>
      </c>
      <c r="MZ14" s="161">
        <v>275411630</v>
      </c>
      <c r="NA14" s="160">
        <v>0</v>
      </c>
      <c r="NB14" s="123">
        <v>0</v>
      </c>
      <c r="NC14" s="124">
        <v>0</v>
      </c>
      <c r="ND14" s="163"/>
      <c r="NE14" s="123">
        <v>11849407</v>
      </c>
      <c r="NF14" s="123">
        <v>27695163</v>
      </c>
      <c r="NG14" s="123">
        <v>46127232</v>
      </c>
      <c r="NH14" s="123">
        <v>40808411</v>
      </c>
      <c r="NI14" s="123">
        <v>20818794</v>
      </c>
      <c r="NJ14" s="124">
        <v>147299007</v>
      </c>
      <c r="NK14" s="354">
        <v>147299007</v>
      </c>
      <c r="NL14" s="160">
        <v>0</v>
      </c>
      <c r="NM14" s="123">
        <v>0</v>
      </c>
      <c r="NN14" s="124">
        <v>0</v>
      </c>
      <c r="NO14" s="163"/>
      <c r="NP14" s="123">
        <v>0</v>
      </c>
      <c r="NQ14" s="123">
        <v>0</v>
      </c>
      <c r="NR14" s="123">
        <v>0</v>
      </c>
      <c r="NS14" s="123">
        <v>1340923</v>
      </c>
      <c r="NT14" s="123">
        <v>746000</v>
      </c>
      <c r="NU14" s="124">
        <v>2086923</v>
      </c>
      <c r="NV14" s="125">
        <v>2086923</v>
      </c>
      <c r="NW14" s="160">
        <v>0</v>
      </c>
      <c r="NX14" s="123">
        <v>0</v>
      </c>
      <c r="NY14" s="124">
        <v>0</v>
      </c>
      <c r="NZ14" s="163"/>
      <c r="OA14" s="123">
        <v>219096</v>
      </c>
      <c r="OB14" s="123">
        <v>0</v>
      </c>
      <c r="OC14" s="123">
        <v>315270</v>
      </c>
      <c r="OD14" s="123">
        <v>2139971</v>
      </c>
      <c r="OE14" s="123">
        <v>2138754</v>
      </c>
      <c r="OF14" s="124">
        <v>4813091</v>
      </c>
      <c r="OG14" s="125">
        <v>4813091</v>
      </c>
      <c r="OH14" s="160">
        <v>12695950</v>
      </c>
      <c r="OI14" s="123">
        <v>17217856</v>
      </c>
      <c r="OJ14" s="159">
        <v>29913806</v>
      </c>
      <c r="OK14" s="122">
        <v>0</v>
      </c>
      <c r="OL14" s="123">
        <v>221010440</v>
      </c>
      <c r="OM14" s="123">
        <v>306174690</v>
      </c>
      <c r="ON14" s="123">
        <v>376294586</v>
      </c>
      <c r="OO14" s="123">
        <v>343908417</v>
      </c>
      <c r="OP14" s="123">
        <v>242672839</v>
      </c>
      <c r="OQ14" s="124">
        <v>1490060972</v>
      </c>
      <c r="OR14" s="161">
        <v>1519974778</v>
      </c>
    </row>
    <row r="15" spans="1:408" ht="18.75" customHeight="1" x14ac:dyDescent="0.2">
      <c r="A15" s="63" t="s">
        <v>9</v>
      </c>
      <c r="B15" s="113">
        <v>11428659</v>
      </c>
      <c r="C15" s="117">
        <v>14588142</v>
      </c>
      <c r="D15" s="116">
        <v>26016801</v>
      </c>
      <c r="E15" s="114">
        <v>0</v>
      </c>
      <c r="F15" s="117">
        <v>141133917</v>
      </c>
      <c r="G15" s="117">
        <v>149018477</v>
      </c>
      <c r="H15" s="117">
        <v>153835612</v>
      </c>
      <c r="I15" s="117">
        <v>167604976</v>
      </c>
      <c r="J15" s="117">
        <v>132899753</v>
      </c>
      <c r="K15" s="112">
        <v>744492735</v>
      </c>
      <c r="L15" s="119">
        <v>770509536</v>
      </c>
      <c r="M15" s="113">
        <v>1982720</v>
      </c>
      <c r="N15" s="117">
        <v>2726305</v>
      </c>
      <c r="O15" s="116">
        <v>4709025</v>
      </c>
      <c r="P15" s="113">
        <v>0</v>
      </c>
      <c r="Q15" s="117">
        <v>42399234</v>
      </c>
      <c r="R15" s="117">
        <v>47490849</v>
      </c>
      <c r="S15" s="117">
        <v>53631899</v>
      </c>
      <c r="T15" s="117">
        <v>71792857</v>
      </c>
      <c r="U15" s="117">
        <v>72964669</v>
      </c>
      <c r="V15" s="116">
        <v>288279508</v>
      </c>
      <c r="W15" s="119">
        <v>292988533</v>
      </c>
      <c r="X15" s="113">
        <v>0</v>
      </c>
      <c r="Y15" s="117">
        <v>0</v>
      </c>
      <c r="Z15" s="116">
        <v>0</v>
      </c>
      <c r="AA15" s="113">
        <v>0</v>
      </c>
      <c r="AB15" s="117">
        <v>20392067</v>
      </c>
      <c r="AC15" s="117">
        <v>26835943</v>
      </c>
      <c r="AD15" s="117">
        <v>31953236</v>
      </c>
      <c r="AE15" s="117">
        <v>46350125</v>
      </c>
      <c r="AF15" s="117">
        <v>46494242</v>
      </c>
      <c r="AG15" s="116">
        <v>172025613</v>
      </c>
      <c r="AH15" s="119">
        <v>172025613</v>
      </c>
      <c r="AI15" s="113">
        <v>0</v>
      </c>
      <c r="AJ15" s="117">
        <v>0</v>
      </c>
      <c r="AK15" s="116">
        <v>0</v>
      </c>
      <c r="AL15" s="113">
        <v>0</v>
      </c>
      <c r="AM15" s="117">
        <v>457583</v>
      </c>
      <c r="AN15" s="117">
        <v>496143</v>
      </c>
      <c r="AO15" s="117">
        <v>1121378</v>
      </c>
      <c r="AP15" s="117">
        <v>3764397</v>
      </c>
      <c r="AQ15" s="117">
        <v>7555587</v>
      </c>
      <c r="AR15" s="116">
        <v>13395088</v>
      </c>
      <c r="AS15" s="119">
        <v>13395088</v>
      </c>
      <c r="AT15" s="113">
        <v>770391</v>
      </c>
      <c r="AU15" s="117">
        <v>1655642</v>
      </c>
      <c r="AV15" s="116">
        <v>2426033</v>
      </c>
      <c r="AW15" s="113">
        <v>0</v>
      </c>
      <c r="AX15" s="117">
        <v>13417550</v>
      </c>
      <c r="AY15" s="117">
        <v>10790815</v>
      </c>
      <c r="AZ15" s="117">
        <v>9925649</v>
      </c>
      <c r="BA15" s="117">
        <v>11536347</v>
      </c>
      <c r="BB15" s="117">
        <v>11317524</v>
      </c>
      <c r="BC15" s="116">
        <v>56987885</v>
      </c>
      <c r="BD15" s="119">
        <v>59413918</v>
      </c>
      <c r="BE15" s="113">
        <v>114297</v>
      </c>
      <c r="BF15" s="117">
        <v>407445</v>
      </c>
      <c r="BG15" s="115">
        <v>521742</v>
      </c>
      <c r="BH15" s="114">
        <v>0</v>
      </c>
      <c r="BI15" s="117">
        <v>1543661</v>
      </c>
      <c r="BJ15" s="117">
        <v>2062815</v>
      </c>
      <c r="BK15" s="117">
        <v>1936351</v>
      </c>
      <c r="BL15" s="117">
        <v>1821681</v>
      </c>
      <c r="BM15" s="117">
        <v>1683010</v>
      </c>
      <c r="BN15" s="116">
        <v>9047518</v>
      </c>
      <c r="BO15" s="119">
        <v>9569260</v>
      </c>
      <c r="BP15" s="113">
        <v>1098032</v>
      </c>
      <c r="BQ15" s="117">
        <v>663218</v>
      </c>
      <c r="BR15" s="116">
        <v>1761250</v>
      </c>
      <c r="BS15" s="113">
        <v>0</v>
      </c>
      <c r="BT15" s="117">
        <v>6588373</v>
      </c>
      <c r="BU15" s="117">
        <v>7305133</v>
      </c>
      <c r="BV15" s="117">
        <v>8695285</v>
      </c>
      <c r="BW15" s="117">
        <v>8320307</v>
      </c>
      <c r="BX15" s="117">
        <v>5914306</v>
      </c>
      <c r="BY15" s="116">
        <v>36823404</v>
      </c>
      <c r="BZ15" s="119">
        <v>38584654</v>
      </c>
      <c r="CA15" s="113">
        <v>935104</v>
      </c>
      <c r="CB15" s="117">
        <v>2381631</v>
      </c>
      <c r="CC15" s="116">
        <v>3316735</v>
      </c>
      <c r="CD15" s="113">
        <v>0</v>
      </c>
      <c r="CE15" s="117">
        <v>29482046</v>
      </c>
      <c r="CF15" s="117">
        <v>33040564</v>
      </c>
      <c r="CG15" s="117">
        <v>26756295</v>
      </c>
      <c r="CH15" s="117">
        <v>21539745</v>
      </c>
      <c r="CI15" s="117">
        <v>8699260</v>
      </c>
      <c r="CJ15" s="116">
        <v>119517910</v>
      </c>
      <c r="CK15" s="119">
        <v>122834645</v>
      </c>
      <c r="CL15" s="113">
        <v>0</v>
      </c>
      <c r="CM15" s="117">
        <v>0</v>
      </c>
      <c r="CN15" s="116">
        <v>0</v>
      </c>
      <c r="CO15" s="114">
        <v>0</v>
      </c>
      <c r="CP15" s="117">
        <v>24643113</v>
      </c>
      <c r="CQ15" s="117">
        <v>25611035</v>
      </c>
      <c r="CR15" s="117">
        <v>21215601</v>
      </c>
      <c r="CS15" s="117">
        <v>14780674</v>
      </c>
      <c r="CT15" s="117">
        <v>6889766</v>
      </c>
      <c r="CU15" s="116">
        <v>93140189</v>
      </c>
      <c r="CV15" s="119">
        <v>93140189</v>
      </c>
      <c r="CW15" s="113">
        <v>935104</v>
      </c>
      <c r="CX15" s="117">
        <v>2381631</v>
      </c>
      <c r="CY15" s="116">
        <v>3316735</v>
      </c>
      <c r="CZ15" s="113">
        <v>0</v>
      </c>
      <c r="DA15" s="117">
        <v>4838933</v>
      </c>
      <c r="DB15" s="117">
        <v>7429529</v>
      </c>
      <c r="DC15" s="117">
        <v>5540694</v>
      </c>
      <c r="DD15" s="117">
        <v>6759071</v>
      </c>
      <c r="DE15" s="117">
        <v>1809494</v>
      </c>
      <c r="DF15" s="116">
        <v>26377721</v>
      </c>
      <c r="DG15" s="119">
        <v>29694456</v>
      </c>
      <c r="DH15" s="113">
        <v>22057</v>
      </c>
      <c r="DI15" s="117">
        <v>0</v>
      </c>
      <c r="DJ15" s="115">
        <v>22057</v>
      </c>
      <c r="DK15" s="114">
        <v>0</v>
      </c>
      <c r="DL15" s="117">
        <v>3573431</v>
      </c>
      <c r="DM15" s="117">
        <v>7880457</v>
      </c>
      <c r="DN15" s="117">
        <v>15701901</v>
      </c>
      <c r="DO15" s="117">
        <v>15996374</v>
      </c>
      <c r="DP15" s="117">
        <v>8688262</v>
      </c>
      <c r="DQ15" s="116">
        <v>51840425</v>
      </c>
      <c r="DR15" s="119">
        <v>51862482</v>
      </c>
      <c r="DS15" s="113">
        <v>22057</v>
      </c>
      <c r="DT15" s="117">
        <v>0</v>
      </c>
      <c r="DU15" s="116">
        <v>22057</v>
      </c>
      <c r="DV15" s="113">
        <v>0</v>
      </c>
      <c r="DW15" s="117">
        <v>3248143</v>
      </c>
      <c r="DX15" s="117">
        <v>7045966</v>
      </c>
      <c r="DY15" s="117">
        <v>12617309</v>
      </c>
      <c r="DZ15" s="117">
        <v>13882646</v>
      </c>
      <c r="EA15" s="117">
        <v>7466088</v>
      </c>
      <c r="EB15" s="116">
        <v>44260152</v>
      </c>
      <c r="EC15" s="119">
        <v>44282209</v>
      </c>
      <c r="ED15" s="113">
        <v>0</v>
      </c>
      <c r="EE15" s="115">
        <v>0</v>
      </c>
      <c r="EF15" s="116">
        <v>0</v>
      </c>
      <c r="EG15" s="113">
        <v>0</v>
      </c>
      <c r="EH15" s="117">
        <v>325288</v>
      </c>
      <c r="EI15" s="117">
        <v>834491</v>
      </c>
      <c r="EJ15" s="117">
        <v>3084592</v>
      </c>
      <c r="EK15" s="117">
        <v>2113728</v>
      </c>
      <c r="EL15" s="117">
        <v>1222174</v>
      </c>
      <c r="EM15" s="115">
        <v>7580273</v>
      </c>
      <c r="EN15" s="119">
        <v>7580273</v>
      </c>
      <c r="EO15" s="113">
        <v>0</v>
      </c>
      <c r="EP15" s="117">
        <v>0</v>
      </c>
      <c r="EQ15" s="115">
        <v>0</v>
      </c>
      <c r="ER15" s="114">
        <v>0</v>
      </c>
      <c r="ES15" s="117">
        <v>0</v>
      </c>
      <c r="ET15" s="117">
        <v>0</v>
      </c>
      <c r="EU15" s="117">
        <v>0</v>
      </c>
      <c r="EV15" s="117">
        <v>0</v>
      </c>
      <c r="EW15" s="117">
        <v>0</v>
      </c>
      <c r="EX15" s="116">
        <v>0</v>
      </c>
      <c r="EY15" s="119">
        <v>0</v>
      </c>
      <c r="EZ15" s="113">
        <v>0</v>
      </c>
      <c r="FA15" s="117">
        <v>0</v>
      </c>
      <c r="FB15" s="115">
        <v>0</v>
      </c>
      <c r="FC15" s="387"/>
      <c r="FD15" s="117">
        <v>0</v>
      </c>
      <c r="FE15" s="117">
        <v>0</v>
      </c>
      <c r="FF15" s="117">
        <v>0</v>
      </c>
      <c r="FG15" s="117">
        <v>0</v>
      </c>
      <c r="FH15" s="117">
        <v>0</v>
      </c>
      <c r="FI15" s="116">
        <v>0</v>
      </c>
      <c r="FJ15" s="119">
        <v>0</v>
      </c>
      <c r="FK15" s="113">
        <v>3197816</v>
      </c>
      <c r="FL15" s="117">
        <v>4029581</v>
      </c>
      <c r="FM15" s="116">
        <v>7227397</v>
      </c>
      <c r="FN15" s="113">
        <v>0</v>
      </c>
      <c r="FO15" s="117">
        <v>10310787</v>
      </c>
      <c r="FP15" s="117">
        <v>13542823</v>
      </c>
      <c r="FQ15" s="117">
        <v>10832505</v>
      </c>
      <c r="FR15" s="117">
        <v>11661303</v>
      </c>
      <c r="FS15" s="117">
        <v>8504799</v>
      </c>
      <c r="FT15" s="116">
        <v>54852217</v>
      </c>
      <c r="FU15" s="119">
        <v>62079614</v>
      </c>
      <c r="FV15" s="118">
        <v>1690992</v>
      </c>
      <c r="FW15" s="117">
        <v>2711949</v>
      </c>
      <c r="FX15" s="115">
        <v>4402941</v>
      </c>
      <c r="FY15" s="114">
        <v>0</v>
      </c>
      <c r="FZ15" s="117">
        <v>7311493</v>
      </c>
      <c r="GA15" s="117">
        <v>12424836</v>
      </c>
      <c r="GB15" s="117">
        <v>10242171</v>
      </c>
      <c r="GC15" s="117">
        <v>10822866</v>
      </c>
      <c r="GD15" s="117">
        <v>8118017</v>
      </c>
      <c r="GE15" s="116">
        <v>48919383</v>
      </c>
      <c r="GF15" s="351">
        <v>53322324</v>
      </c>
      <c r="GG15" s="118">
        <v>219735</v>
      </c>
      <c r="GH15" s="117">
        <v>277932</v>
      </c>
      <c r="GI15" s="115">
        <v>497667</v>
      </c>
      <c r="GJ15" s="114">
        <v>0</v>
      </c>
      <c r="GK15" s="117">
        <v>572255</v>
      </c>
      <c r="GL15" s="117">
        <v>412734</v>
      </c>
      <c r="GM15" s="117">
        <v>100534</v>
      </c>
      <c r="GN15" s="117">
        <v>241477</v>
      </c>
      <c r="GO15" s="117">
        <v>101979</v>
      </c>
      <c r="GP15" s="116">
        <v>1428979</v>
      </c>
      <c r="GQ15" s="119">
        <v>1926646</v>
      </c>
      <c r="GR15" s="113">
        <v>1287089</v>
      </c>
      <c r="GS15" s="117">
        <v>1039700</v>
      </c>
      <c r="GT15" s="116">
        <v>2326789</v>
      </c>
      <c r="GU15" s="113">
        <v>0</v>
      </c>
      <c r="GV15" s="117">
        <v>2427039</v>
      </c>
      <c r="GW15" s="117">
        <v>705253</v>
      </c>
      <c r="GX15" s="117">
        <v>489800</v>
      </c>
      <c r="GY15" s="117">
        <v>596960</v>
      </c>
      <c r="GZ15" s="117">
        <v>284803</v>
      </c>
      <c r="HA15" s="115">
        <v>4503855</v>
      </c>
      <c r="HB15" s="119">
        <v>6830644</v>
      </c>
      <c r="HC15" s="113">
        <v>3344969</v>
      </c>
      <c r="HD15" s="117">
        <v>2850345</v>
      </c>
      <c r="HE15" s="115">
        <v>6195314</v>
      </c>
      <c r="HF15" s="114">
        <v>0</v>
      </c>
      <c r="HG15" s="117">
        <v>29983292</v>
      </c>
      <c r="HH15" s="117">
        <v>27441545</v>
      </c>
      <c r="HI15" s="117">
        <v>32715377</v>
      </c>
      <c r="HJ15" s="117">
        <v>35025653</v>
      </c>
      <c r="HK15" s="117">
        <v>26748858</v>
      </c>
      <c r="HL15" s="116">
        <v>151914725</v>
      </c>
      <c r="HM15" s="112">
        <v>158110039</v>
      </c>
      <c r="HN15" s="118">
        <v>1945993</v>
      </c>
      <c r="HO15" s="117">
        <v>2600280</v>
      </c>
      <c r="HP15" s="116">
        <v>4546273</v>
      </c>
      <c r="HQ15" s="113">
        <v>0</v>
      </c>
      <c r="HR15" s="117">
        <v>25385127</v>
      </c>
      <c r="HS15" s="117">
        <v>19622239</v>
      </c>
      <c r="HT15" s="117">
        <v>14197635</v>
      </c>
      <c r="HU15" s="117">
        <v>11589044</v>
      </c>
      <c r="HV15" s="117">
        <v>7293905</v>
      </c>
      <c r="HW15" s="115">
        <v>78087950</v>
      </c>
      <c r="HX15" s="119">
        <v>82634223</v>
      </c>
      <c r="HY15" s="132">
        <v>216710</v>
      </c>
      <c r="HZ15" s="167">
        <v>1022059</v>
      </c>
      <c r="IA15" s="134">
        <v>1238769</v>
      </c>
      <c r="IB15" s="164">
        <v>0</v>
      </c>
      <c r="IC15" s="150">
        <v>32684569</v>
      </c>
      <c r="ID15" s="165">
        <v>40771052</v>
      </c>
      <c r="IE15" s="151">
        <v>51749046</v>
      </c>
      <c r="IF15" s="150">
        <v>37318365</v>
      </c>
      <c r="IG15" s="151">
        <v>19837467</v>
      </c>
      <c r="IH15" s="166">
        <v>182360499</v>
      </c>
      <c r="II15" s="138">
        <v>183599268</v>
      </c>
      <c r="IJ15" s="262">
        <v>0</v>
      </c>
      <c r="IK15" s="269">
        <v>0</v>
      </c>
      <c r="IL15" s="270">
        <v>0</v>
      </c>
      <c r="IM15" s="158"/>
      <c r="IN15" s="123">
        <v>414419</v>
      </c>
      <c r="IO15" s="123">
        <v>773670</v>
      </c>
      <c r="IP15" s="123">
        <v>424921</v>
      </c>
      <c r="IQ15" s="123">
        <v>2405078</v>
      </c>
      <c r="IR15" s="123">
        <v>2270926</v>
      </c>
      <c r="IS15" s="159">
        <v>6289014</v>
      </c>
      <c r="IT15" s="354">
        <v>6289014</v>
      </c>
      <c r="IU15" s="160">
        <v>0</v>
      </c>
      <c r="IV15" s="123">
        <v>0</v>
      </c>
      <c r="IW15" s="124">
        <v>0</v>
      </c>
      <c r="IX15" s="162">
        <v>0</v>
      </c>
      <c r="IY15" s="123">
        <v>0</v>
      </c>
      <c r="IZ15" s="123">
        <v>0</v>
      </c>
      <c r="JA15" s="123">
        <v>0</v>
      </c>
      <c r="JB15" s="123">
        <v>0</v>
      </c>
      <c r="JC15" s="123">
        <v>0</v>
      </c>
      <c r="JD15" s="124">
        <v>0</v>
      </c>
      <c r="JE15" s="125">
        <v>0</v>
      </c>
      <c r="JF15" s="160">
        <v>0</v>
      </c>
      <c r="JG15" s="123">
        <v>0</v>
      </c>
      <c r="JH15" s="159">
        <v>0</v>
      </c>
      <c r="JI15" s="122">
        <v>0</v>
      </c>
      <c r="JJ15" s="123">
        <v>17087521</v>
      </c>
      <c r="JK15" s="123">
        <v>18116673</v>
      </c>
      <c r="JL15" s="123">
        <v>14390376</v>
      </c>
      <c r="JM15" s="123">
        <v>9497125</v>
      </c>
      <c r="JN15" s="123">
        <v>3383418</v>
      </c>
      <c r="JO15" s="124">
        <v>62475113</v>
      </c>
      <c r="JP15" s="354">
        <v>62475113</v>
      </c>
      <c r="JQ15" s="160">
        <v>0</v>
      </c>
      <c r="JR15" s="123">
        <v>0</v>
      </c>
      <c r="JS15" s="159">
        <v>0</v>
      </c>
      <c r="JT15" s="122">
        <v>0</v>
      </c>
      <c r="JU15" s="123">
        <v>531315</v>
      </c>
      <c r="JV15" s="123">
        <v>674754</v>
      </c>
      <c r="JW15" s="123">
        <v>706935</v>
      </c>
      <c r="JX15" s="123">
        <v>505818</v>
      </c>
      <c r="JY15" s="123">
        <v>570403</v>
      </c>
      <c r="JZ15" s="124">
        <v>2989225</v>
      </c>
      <c r="KA15" s="354">
        <v>2989225</v>
      </c>
      <c r="KB15" s="265">
        <v>216710</v>
      </c>
      <c r="KC15" s="259">
        <v>768543</v>
      </c>
      <c r="KD15" s="124">
        <v>985253</v>
      </c>
      <c r="KE15" s="122">
        <v>0</v>
      </c>
      <c r="KF15" s="123">
        <v>4359650</v>
      </c>
      <c r="KG15" s="123">
        <v>5936169</v>
      </c>
      <c r="KH15" s="123">
        <v>6070614</v>
      </c>
      <c r="KI15" s="123">
        <v>5416988</v>
      </c>
      <c r="KJ15" s="123">
        <v>884909</v>
      </c>
      <c r="KK15" s="124">
        <v>22668330</v>
      </c>
      <c r="KL15" s="161">
        <v>23653583</v>
      </c>
      <c r="KM15" s="262">
        <v>0</v>
      </c>
      <c r="KN15" s="269">
        <v>253516</v>
      </c>
      <c r="KO15" s="270">
        <v>253516</v>
      </c>
      <c r="KP15" s="158"/>
      <c r="KQ15" s="123">
        <v>8631621</v>
      </c>
      <c r="KR15" s="123">
        <v>13614106</v>
      </c>
      <c r="KS15" s="123">
        <v>26109634</v>
      </c>
      <c r="KT15" s="123">
        <v>12460478</v>
      </c>
      <c r="KU15" s="123">
        <v>7122039</v>
      </c>
      <c r="KV15" s="124">
        <v>67937878</v>
      </c>
      <c r="KW15" s="354">
        <v>68191394</v>
      </c>
      <c r="KX15" s="160">
        <v>0</v>
      </c>
      <c r="KY15" s="123">
        <v>0</v>
      </c>
      <c r="KZ15" s="124">
        <v>0</v>
      </c>
      <c r="LA15" s="163"/>
      <c r="LB15" s="123">
        <v>523481</v>
      </c>
      <c r="LC15" s="123">
        <v>1105456</v>
      </c>
      <c r="LD15" s="123">
        <v>1079118</v>
      </c>
      <c r="LE15" s="123">
        <v>933326</v>
      </c>
      <c r="LF15" s="123">
        <v>1361371</v>
      </c>
      <c r="LG15" s="124">
        <v>5002752</v>
      </c>
      <c r="LH15" s="125">
        <v>5002752</v>
      </c>
      <c r="LI15" s="160">
        <v>0</v>
      </c>
      <c r="LJ15" s="123">
        <v>0</v>
      </c>
      <c r="LK15" s="124">
        <v>0</v>
      </c>
      <c r="LL15" s="163"/>
      <c r="LM15" s="123">
        <v>0</v>
      </c>
      <c r="LN15" s="123">
        <v>0</v>
      </c>
      <c r="LO15" s="123">
        <v>0</v>
      </c>
      <c r="LP15" s="123">
        <v>320863</v>
      </c>
      <c r="LQ15" s="123">
        <v>0</v>
      </c>
      <c r="LR15" s="124">
        <v>320863</v>
      </c>
      <c r="LS15" s="354">
        <v>320863</v>
      </c>
      <c r="LT15" s="160">
        <v>0</v>
      </c>
      <c r="LU15" s="123">
        <v>0</v>
      </c>
      <c r="LV15" s="124">
        <v>0</v>
      </c>
      <c r="LW15" s="163"/>
      <c r="LX15" s="123">
        <v>1136562</v>
      </c>
      <c r="LY15" s="123">
        <v>550224</v>
      </c>
      <c r="LZ15" s="123">
        <v>2967448</v>
      </c>
      <c r="MA15" s="123">
        <v>5778689</v>
      </c>
      <c r="MB15" s="123">
        <v>4244401</v>
      </c>
      <c r="MC15" s="124">
        <v>14677324</v>
      </c>
      <c r="MD15" s="125">
        <v>14677324</v>
      </c>
      <c r="ME15" s="160">
        <v>0</v>
      </c>
      <c r="MF15" s="123">
        <v>0</v>
      </c>
      <c r="MG15" s="124">
        <v>0</v>
      </c>
      <c r="MH15" s="163"/>
      <c r="MI15" s="123">
        <v>8296388</v>
      </c>
      <c r="MJ15" s="123">
        <v>18201979</v>
      </c>
      <c r="MK15" s="123">
        <v>79840485</v>
      </c>
      <c r="ML15" s="123">
        <v>133344413</v>
      </c>
      <c r="MM15" s="123">
        <v>105060065</v>
      </c>
      <c r="MN15" s="124">
        <v>344743330</v>
      </c>
      <c r="MO15" s="161">
        <v>344743330</v>
      </c>
      <c r="MP15" s="160">
        <v>0</v>
      </c>
      <c r="MQ15" s="123">
        <v>0</v>
      </c>
      <c r="MR15" s="124">
        <v>0</v>
      </c>
      <c r="MS15" s="163">
        <v>0</v>
      </c>
      <c r="MT15" s="123">
        <v>1362087</v>
      </c>
      <c r="MU15" s="123">
        <v>733787</v>
      </c>
      <c r="MV15" s="123">
        <v>51406076</v>
      </c>
      <c r="MW15" s="123">
        <v>96567551</v>
      </c>
      <c r="MX15" s="123">
        <v>78669110</v>
      </c>
      <c r="MY15" s="124">
        <v>228738611</v>
      </c>
      <c r="MZ15" s="161">
        <v>228738611</v>
      </c>
      <c r="NA15" s="160">
        <v>0</v>
      </c>
      <c r="NB15" s="123">
        <v>0</v>
      </c>
      <c r="NC15" s="124">
        <v>0</v>
      </c>
      <c r="ND15" s="163"/>
      <c r="NE15" s="123">
        <v>6934301</v>
      </c>
      <c r="NF15" s="123">
        <v>17468192</v>
      </c>
      <c r="NG15" s="123">
        <v>27751286</v>
      </c>
      <c r="NH15" s="123">
        <v>35736823</v>
      </c>
      <c r="NI15" s="123">
        <v>24422702</v>
      </c>
      <c r="NJ15" s="124">
        <v>112313304</v>
      </c>
      <c r="NK15" s="354">
        <v>112313304</v>
      </c>
      <c r="NL15" s="160">
        <v>0</v>
      </c>
      <c r="NM15" s="123">
        <v>0</v>
      </c>
      <c r="NN15" s="124">
        <v>0</v>
      </c>
      <c r="NO15" s="163"/>
      <c r="NP15" s="123">
        <v>0</v>
      </c>
      <c r="NQ15" s="123">
        <v>0</v>
      </c>
      <c r="NR15" s="123">
        <v>0</v>
      </c>
      <c r="NS15" s="123">
        <v>660876</v>
      </c>
      <c r="NT15" s="123">
        <v>354028</v>
      </c>
      <c r="NU15" s="124">
        <v>1014904</v>
      </c>
      <c r="NV15" s="125">
        <v>1014904</v>
      </c>
      <c r="NW15" s="160">
        <v>0</v>
      </c>
      <c r="NX15" s="123">
        <v>0</v>
      </c>
      <c r="NY15" s="124">
        <v>0</v>
      </c>
      <c r="NZ15" s="163"/>
      <c r="OA15" s="123">
        <v>0</v>
      </c>
      <c r="OB15" s="123">
        <v>0</v>
      </c>
      <c r="OC15" s="123">
        <v>683123</v>
      </c>
      <c r="OD15" s="123">
        <v>379163</v>
      </c>
      <c r="OE15" s="123">
        <v>1614225</v>
      </c>
      <c r="OF15" s="124">
        <v>2676511</v>
      </c>
      <c r="OG15" s="125">
        <v>2676511</v>
      </c>
      <c r="OH15" s="160">
        <v>11645369</v>
      </c>
      <c r="OI15" s="123">
        <v>15610201</v>
      </c>
      <c r="OJ15" s="159">
        <v>27255570</v>
      </c>
      <c r="OK15" s="122">
        <v>0</v>
      </c>
      <c r="OL15" s="123">
        <v>182114874</v>
      </c>
      <c r="OM15" s="123">
        <v>207991508</v>
      </c>
      <c r="ON15" s="123">
        <v>285425143</v>
      </c>
      <c r="OO15" s="123">
        <v>338267754</v>
      </c>
      <c r="OP15" s="123">
        <v>257797285</v>
      </c>
      <c r="OQ15" s="124">
        <v>1271596564</v>
      </c>
      <c r="OR15" s="161">
        <v>1298852134</v>
      </c>
    </row>
    <row r="16" spans="1:408" ht="18.75" customHeight="1" x14ac:dyDescent="0.2">
      <c r="A16" s="63" t="s">
        <v>10</v>
      </c>
      <c r="B16" s="113">
        <v>23453183</v>
      </c>
      <c r="C16" s="117">
        <v>45295597</v>
      </c>
      <c r="D16" s="116">
        <v>68748780</v>
      </c>
      <c r="E16" s="191">
        <v>0</v>
      </c>
      <c r="F16" s="117">
        <v>318332141</v>
      </c>
      <c r="G16" s="117">
        <v>251903804</v>
      </c>
      <c r="H16" s="117">
        <v>228119273</v>
      </c>
      <c r="I16" s="117">
        <v>218216757</v>
      </c>
      <c r="J16" s="117">
        <v>183057152</v>
      </c>
      <c r="K16" s="112">
        <v>1199629127</v>
      </c>
      <c r="L16" s="119">
        <v>1268377907</v>
      </c>
      <c r="M16" s="113">
        <v>5654735</v>
      </c>
      <c r="N16" s="117">
        <v>14030259</v>
      </c>
      <c r="O16" s="116">
        <v>19684994</v>
      </c>
      <c r="P16" s="113">
        <v>0</v>
      </c>
      <c r="Q16" s="117">
        <v>101285501</v>
      </c>
      <c r="R16" s="117">
        <v>80277179</v>
      </c>
      <c r="S16" s="117">
        <v>75449977</v>
      </c>
      <c r="T16" s="117">
        <v>92430120</v>
      </c>
      <c r="U16" s="117">
        <v>94985654</v>
      </c>
      <c r="V16" s="116">
        <v>444428431</v>
      </c>
      <c r="W16" s="119">
        <v>464113425</v>
      </c>
      <c r="X16" s="113">
        <v>0</v>
      </c>
      <c r="Y16" s="117">
        <v>0</v>
      </c>
      <c r="Z16" s="116">
        <v>0</v>
      </c>
      <c r="AA16" s="113">
        <v>0</v>
      </c>
      <c r="AB16" s="117">
        <v>51177347</v>
      </c>
      <c r="AC16" s="117">
        <v>41581690</v>
      </c>
      <c r="AD16" s="117">
        <v>45692966</v>
      </c>
      <c r="AE16" s="117">
        <v>57717829</v>
      </c>
      <c r="AF16" s="117">
        <v>58436252</v>
      </c>
      <c r="AG16" s="116">
        <v>254606084</v>
      </c>
      <c r="AH16" s="119">
        <v>254606084</v>
      </c>
      <c r="AI16" s="113">
        <v>0</v>
      </c>
      <c r="AJ16" s="117">
        <v>11014</v>
      </c>
      <c r="AK16" s="116">
        <v>11014</v>
      </c>
      <c r="AL16" s="113">
        <v>0</v>
      </c>
      <c r="AM16" s="117">
        <v>749465</v>
      </c>
      <c r="AN16" s="117">
        <v>1144933</v>
      </c>
      <c r="AO16" s="117">
        <v>1642685</v>
      </c>
      <c r="AP16" s="117">
        <v>6068002</v>
      </c>
      <c r="AQ16" s="117">
        <v>9517926</v>
      </c>
      <c r="AR16" s="116">
        <v>19123011</v>
      </c>
      <c r="AS16" s="119">
        <v>19134025</v>
      </c>
      <c r="AT16" s="113">
        <v>3145316</v>
      </c>
      <c r="AU16" s="117">
        <v>9437014</v>
      </c>
      <c r="AV16" s="116">
        <v>12582330</v>
      </c>
      <c r="AW16" s="113">
        <v>0</v>
      </c>
      <c r="AX16" s="117">
        <v>30053021</v>
      </c>
      <c r="AY16" s="117">
        <v>20722470</v>
      </c>
      <c r="AZ16" s="117">
        <v>14542198</v>
      </c>
      <c r="BA16" s="117">
        <v>15021889</v>
      </c>
      <c r="BB16" s="117">
        <v>15451749</v>
      </c>
      <c r="BC16" s="116">
        <v>95791327</v>
      </c>
      <c r="BD16" s="119">
        <v>108373657</v>
      </c>
      <c r="BE16" s="113">
        <v>533161</v>
      </c>
      <c r="BF16" s="117">
        <v>1391792</v>
      </c>
      <c r="BG16" s="115">
        <v>1924953</v>
      </c>
      <c r="BH16" s="114">
        <v>0</v>
      </c>
      <c r="BI16" s="117">
        <v>3295917</v>
      </c>
      <c r="BJ16" s="117">
        <v>3181776</v>
      </c>
      <c r="BK16" s="117">
        <v>2151928</v>
      </c>
      <c r="BL16" s="117">
        <v>1652666</v>
      </c>
      <c r="BM16" s="117">
        <v>871065</v>
      </c>
      <c r="BN16" s="116">
        <v>11153352</v>
      </c>
      <c r="BO16" s="119">
        <v>13078305</v>
      </c>
      <c r="BP16" s="113">
        <v>1976258</v>
      </c>
      <c r="BQ16" s="117">
        <v>3190439</v>
      </c>
      <c r="BR16" s="116">
        <v>5166697</v>
      </c>
      <c r="BS16" s="113">
        <v>0</v>
      </c>
      <c r="BT16" s="117">
        <v>16009751</v>
      </c>
      <c r="BU16" s="117">
        <v>13646310</v>
      </c>
      <c r="BV16" s="117">
        <v>11420200</v>
      </c>
      <c r="BW16" s="117">
        <v>11969734</v>
      </c>
      <c r="BX16" s="117">
        <v>10708662</v>
      </c>
      <c r="BY16" s="116">
        <v>63754657</v>
      </c>
      <c r="BZ16" s="119">
        <v>68921354</v>
      </c>
      <c r="CA16" s="113">
        <v>1588559</v>
      </c>
      <c r="CB16" s="117">
        <v>3635369</v>
      </c>
      <c r="CC16" s="116">
        <v>5223928</v>
      </c>
      <c r="CD16" s="113">
        <v>0</v>
      </c>
      <c r="CE16" s="117">
        <v>94970187</v>
      </c>
      <c r="CF16" s="117">
        <v>70710456</v>
      </c>
      <c r="CG16" s="117">
        <v>50384019</v>
      </c>
      <c r="CH16" s="117">
        <v>32971920</v>
      </c>
      <c r="CI16" s="117">
        <v>16308471</v>
      </c>
      <c r="CJ16" s="116">
        <v>265345053</v>
      </c>
      <c r="CK16" s="119">
        <v>270568981</v>
      </c>
      <c r="CL16" s="113">
        <v>0</v>
      </c>
      <c r="CM16" s="117">
        <v>0</v>
      </c>
      <c r="CN16" s="116">
        <v>0</v>
      </c>
      <c r="CO16" s="114">
        <v>0</v>
      </c>
      <c r="CP16" s="117">
        <v>81790457</v>
      </c>
      <c r="CQ16" s="117">
        <v>59951098</v>
      </c>
      <c r="CR16" s="117">
        <v>43597128</v>
      </c>
      <c r="CS16" s="117">
        <v>27526034</v>
      </c>
      <c r="CT16" s="117">
        <v>14386033</v>
      </c>
      <c r="CU16" s="116">
        <v>227250750</v>
      </c>
      <c r="CV16" s="119">
        <v>227250750</v>
      </c>
      <c r="CW16" s="113">
        <v>1588559</v>
      </c>
      <c r="CX16" s="117">
        <v>3635369</v>
      </c>
      <c r="CY16" s="116">
        <v>5223928</v>
      </c>
      <c r="CZ16" s="113">
        <v>0</v>
      </c>
      <c r="DA16" s="117">
        <v>13179730</v>
      </c>
      <c r="DB16" s="117">
        <v>10759358</v>
      </c>
      <c r="DC16" s="117">
        <v>6786891</v>
      </c>
      <c r="DD16" s="117">
        <v>5445886</v>
      </c>
      <c r="DE16" s="117">
        <v>1922438</v>
      </c>
      <c r="DF16" s="116">
        <v>38094303</v>
      </c>
      <c r="DG16" s="119">
        <v>43318231</v>
      </c>
      <c r="DH16" s="113">
        <v>252686</v>
      </c>
      <c r="DI16" s="117">
        <v>1223321</v>
      </c>
      <c r="DJ16" s="115">
        <v>1476007</v>
      </c>
      <c r="DK16" s="114">
        <v>0</v>
      </c>
      <c r="DL16" s="117">
        <v>11269215</v>
      </c>
      <c r="DM16" s="117">
        <v>13570696</v>
      </c>
      <c r="DN16" s="117">
        <v>25145091</v>
      </c>
      <c r="DO16" s="117">
        <v>18872852</v>
      </c>
      <c r="DP16" s="117">
        <v>13220853</v>
      </c>
      <c r="DQ16" s="116">
        <v>82078707</v>
      </c>
      <c r="DR16" s="119">
        <v>83554714</v>
      </c>
      <c r="DS16" s="113">
        <v>252686</v>
      </c>
      <c r="DT16" s="117">
        <v>1150279</v>
      </c>
      <c r="DU16" s="116">
        <v>1402965</v>
      </c>
      <c r="DV16" s="113">
        <v>0</v>
      </c>
      <c r="DW16" s="117">
        <v>10563722</v>
      </c>
      <c r="DX16" s="117">
        <v>12245158</v>
      </c>
      <c r="DY16" s="117">
        <v>22976185</v>
      </c>
      <c r="DZ16" s="117">
        <v>18117572</v>
      </c>
      <c r="EA16" s="117">
        <v>12767748</v>
      </c>
      <c r="EB16" s="116">
        <v>76670385</v>
      </c>
      <c r="EC16" s="119">
        <v>78073350</v>
      </c>
      <c r="ED16" s="113">
        <v>0</v>
      </c>
      <c r="EE16" s="115">
        <v>73042</v>
      </c>
      <c r="EF16" s="116">
        <v>73042</v>
      </c>
      <c r="EG16" s="113">
        <v>0</v>
      </c>
      <c r="EH16" s="117">
        <v>705493</v>
      </c>
      <c r="EI16" s="117">
        <v>1325538</v>
      </c>
      <c r="EJ16" s="117">
        <v>2168906</v>
      </c>
      <c r="EK16" s="117">
        <v>755280</v>
      </c>
      <c r="EL16" s="117">
        <v>453105</v>
      </c>
      <c r="EM16" s="115">
        <v>5408322</v>
      </c>
      <c r="EN16" s="119">
        <v>5481364</v>
      </c>
      <c r="EO16" s="113">
        <v>0</v>
      </c>
      <c r="EP16" s="117">
        <v>0</v>
      </c>
      <c r="EQ16" s="115">
        <v>0</v>
      </c>
      <c r="ER16" s="114">
        <v>0</v>
      </c>
      <c r="ES16" s="117">
        <v>0</v>
      </c>
      <c r="ET16" s="117">
        <v>0</v>
      </c>
      <c r="EU16" s="117">
        <v>0</v>
      </c>
      <c r="EV16" s="117">
        <v>0</v>
      </c>
      <c r="EW16" s="117">
        <v>0</v>
      </c>
      <c r="EX16" s="116">
        <v>0</v>
      </c>
      <c r="EY16" s="119">
        <v>0</v>
      </c>
      <c r="EZ16" s="113">
        <v>0</v>
      </c>
      <c r="FA16" s="117">
        <v>0</v>
      </c>
      <c r="FB16" s="115">
        <v>0</v>
      </c>
      <c r="FC16" s="387"/>
      <c r="FD16" s="117">
        <v>0</v>
      </c>
      <c r="FE16" s="117">
        <v>0</v>
      </c>
      <c r="FF16" s="117">
        <v>0</v>
      </c>
      <c r="FG16" s="117">
        <v>0</v>
      </c>
      <c r="FH16" s="117">
        <v>0</v>
      </c>
      <c r="FI16" s="116">
        <v>0</v>
      </c>
      <c r="FJ16" s="119">
        <v>0</v>
      </c>
      <c r="FK16" s="113">
        <v>6216264</v>
      </c>
      <c r="FL16" s="117">
        <v>9684070</v>
      </c>
      <c r="FM16" s="116">
        <v>15900334</v>
      </c>
      <c r="FN16" s="113">
        <v>0</v>
      </c>
      <c r="FO16" s="117">
        <v>17304324</v>
      </c>
      <c r="FP16" s="117">
        <v>23172319</v>
      </c>
      <c r="FQ16" s="117">
        <v>16715606</v>
      </c>
      <c r="FR16" s="117">
        <v>15341962</v>
      </c>
      <c r="FS16" s="117">
        <v>11734989</v>
      </c>
      <c r="FT16" s="116">
        <v>84269200</v>
      </c>
      <c r="FU16" s="119">
        <v>100169534</v>
      </c>
      <c r="FV16" s="118">
        <v>4096223</v>
      </c>
      <c r="FW16" s="117">
        <v>7920372</v>
      </c>
      <c r="FX16" s="115">
        <v>12016595</v>
      </c>
      <c r="FY16" s="114">
        <v>0</v>
      </c>
      <c r="FZ16" s="117">
        <v>15043953</v>
      </c>
      <c r="GA16" s="117">
        <v>21683326</v>
      </c>
      <c r="GB16" s="117">
        <v>16283787</v>
      </c>
      <c r="GC16" s="117">
        <v>14439496</v>
      </c>
      <c r="GD16" s="117">
        <v>11444619</v>
      </c>
      <c r="GE16" s="116">
        <v>78895181</v>
      </c>
      <c r="GF16" s="351">
        <v>90911776</v>
      </c>
      <c r="GG16" s="118">
        <v>313408</v>
      </c>
      <c r="GH16" s="117">
        <v>171484</v>
      </c>
      <c r="GI16" s="115">
        <v>484892</v>
      </c>
      <c r="GJ16" s="114">
        <v>0</v>
      </c>
      <c r="GK16" s="117">
        <v>820051</v>
      </c>
      <c r="GL16" s="117">
        <v>596257</v>
      </c>
      <c r="GM16" s="117">
        <v>259919</v>
      </c>
      <c r="GN16" s="117">
        <v>407016</v>
      </c>
      <c r="GO16" s="117">
        <v>51870</v>
      </c>
      <c r="GP16" s="116">
        <v>2135113</v>
      </c>
      <c r="GQ16" s="119">
        <v>2620005</v>
      </c>
      <c r="GR16" s="113">
        <v>1806633</v>
      </c>
      <c r="GS16" s="117">
        <v>1592214</v>
      </c>
      <c r="GT16" s="116">
        <v>3398847</v>
      </c>
      <c r="GU16" s="113">
        <v>0</v>
      </c>
      <c r="GV16" s="117">
        <v>1440320</v>
      </c>
      <c r="GW16" s="117">
        <v>892736</v>
      </c>
      <c r="GX16" s="117">
        <v>171900</v>
      </c>
      <c r="GY16" s="117">
        <v>495450</v>
      </c>
      <c r="GZ16" s="117">
        <v>238500</v>
      </c>
      <c r="HA16" s="115">
        <v>3238906</v>
      </c>
      <c r="HB16" s="119">
        <v>6637753</v>
      </c>
      <c r="HC16" s="113">
        <v>4370811</v>
      </c>
      <c r="HD16" s="117">
        <v>9531081</v>
      </c>
      <c r="HE16" s="115">
        <v>13901892</v>
      </c>
      <c r="HF16" s="114">
        <v>0</v>
      </c>
      <c r="HG16" s="117">
        <v>43869952</v>
      </c>
      <c r="HH16" s="117">
        <v>36558392</v>
      </c>
      <c r="HI16" s="117">
        <v>40617119</v>
      </c>
      <c r="HJ16" s="117">
        <v>44260731</v>
      </c>
      <c r="HK16" s="117">
        <v>36803977</v>
      </c>
      <c r="HL16" s="116">
        <v>202110171</v>
      </c>
      <c r="HM16" s="112">
        <v>216012063</v>
      </c>
      <c r="HN16" s="118">
        <v>5370128</v>
      </c>
      <c r="HO16" s="117">
        <v>7191497</v>
      </c>
      <c r="HP16" s="116">
        <v>12561625</v>
      </c>
      <c r="HQ16" s="113">
        <v>0</v>
      </c>
      <c r="HR16" s="117">
        <v>49632962</v>
      </c>
      <c r="HS16" s="117">
        <v>27614762</v>
      </c>
      <c r="HT16" s="117">
        <v>19807461</v>
      </c>
      <c r="HU16" s="117">
        <v>14339172</v>
      </c>
      <c r="HV16" s="117">
        <v>10003208</v>
      </c>
      <c r="HW16" s="115">
        <v>121397565</v>
      </c>
      <c r="HX16" s="119">
        <v>133959190</v>
      </c>
      <c r="HY16" s="168">
        <v>478816</v>
      </c>
      <c r="HZ16" s="153">
        <v>2829940</v>
      </c>
      <c r="IA16" s="168">
        <v>3308756</v>
      </c>
      <c r="IB16" s="152">
        <v>0</v>
      </c>
      <c r="IC16" s="153">
        <v>83932716</v>
      </c>
      <c r="ID16" s="154">
        <v>81091946</v>
      </c>
      <c r="IE16" s="155">
        <v>72430882</v>
      </c>
      <c r="IF16" s="153">
        <v>67103652</v>
      </c>
      <c r="IG16" s="155">
        <v>61956196</v>
      </c>
      <c r="IH16" s="156">
        <v>366515392</v>
      </c>
      <c r="II16" s="168">
        <v>369824148</v>
      </c>
      <c r="IJ16" s="262">
        <v>0</v>
      </c>
      <c r="IK16" s="269">
        <v>0</v>
      </c>
      <c r="IL16" s="270">
        <v>0</v>
      </c>
      <c r="IM16" s="158"/>
      <c r="IN16" s="123">
        <v>1641365</v>
      </c>
      <c r="IO16" s="123">
        <v>1387032</v>
      </c>
      <c r="IP16" s="123">
        <v>2213842</v>
      </c>
      <c r="IQ16" s="123">
        <v>3331894</v>
      </c>
      <c r="IR16" s="123">
        <v>2249131</v>
      </c>
      <c r="IS16" s="159">
        <v>10823264</v>
      </c>
      <c r="IT16" s="354">
        <v>10823264</v>
      </c>
      <c r="IU16" s="160">
        <v>0</v>
      </c>
      <c r="IV16" s="123">
        <v>0</v>
      </c>
      <c r="IW16" s="124">
        <v>0</v>
      </c>
      <c r="IX16" s="162">
        <v>0</v>
      </c>
      <c r="IY16" s="123">
        <v>171638</v>
      </c>
      <c r="IZ16" s="123">
        <v>111772</v>
      </c>
      <c r="JA16" s="123">
        <v>265176</v>
      </c>
      <c r="JB16" s="123">
        <v>261617</v>
      </c>
      <c r="JC16" s="123">
        <v>91291</v>
      </c>
      <c r="JD16" s="124">
        <v>901494</v>
      </c>
      <c r="JE16" s="125">
        <v>901494</v>
      </c>
      <c r="JF16" s="160">
        <v>0</v>
      </c>
      <c r="JG16" s="123">
        <v>0</v>
      </c>
      <c r="JH16" s="159">
        <v>0</v>
      </c>
      <c r="JI16" s="122">
        <v>0</v>
      </c>
      <c r="JJ16" s="123">
        <v>25880861</v>
      </c>
      <c r="JK16" s="123">
        <v>14782485</v>
      </c>
      <c r="JL16" s="123">
        <v>10582938</v>
      </c>
      <c r="JM16" s="123">
        <v>5406451</v>
      </c>
      <c r="JN16" s="123">
        <v>3446584</v>
      </c>
      <c r="JO16" s="124">
        <v>60099319</v>
      </c>
      <c r="JP16" s="354">
        <v>60099319</v>
      </c>
      <c r="JQ16" s="160">
        <v>0</v>
      </c>
      <c r="JR16" s="123">
        <v>45331</v>
      </c>
      <c r="JS16" s="159">
        <v>45331</v>
      </c>
      <c r="JT16" s="122">
        <v>0</v>
      </c>
      <c r="JU16" s="123">
        <v>1337270</v>
      </c>
      <c r="JV16" s="123">
        <v>2242576</v>
      </c>
      <c r="JW16" s="123">
        <v>2183562</v>
      </c>
      <c r="JX16" s="123">
        <v>1063640</v>
      </c>
      <c r="JY16" s="123">
        <v>1078221</v>
      </c>
      <c r="JZ16" s="124">
        <v>7905269</v>
      </c>
      <c r="KA16" s="354">
        <v>7950600</v>
      </c>
      <c r="KB16" s="265">
        <v>478816</v>
      </c>
      <c r="KC16" s="259">
        <v>1776942</v>
      </c>
      <c r="KD16" s="124">
        <v>2255758</v>
      </c>
      <c r="KE16" s="122">
        <v>0</v>
      </c>
      <c r="KF16" s="123">
        <v>14884455</v>
      </c>
      <c r="KG16" s="123">
        <v>17756754</v>
      </c>
      <c r="KH16" s="123">
        <v>19594381</v>
      </c>
      <c r="KI16" s="123">
        <v>15962875</v>
      </c>
      <c r="KJ16" s="123">
        <v>10873175</v>
      </c>
      <c r="KK16" s="124">
        <v>79071640</v>
      </c>
      <c r="KL16" s="161">
        <v>81327398</v>
      </c>
      <c r="KM16" s="262">
        <v>0</v>
      </c>
      <c r="KN16" s="269">
        <v>1007667</v>
      </c>
      <c r="KO16" s="270">
        <v>1007667</v>
      </c>
      <c r="KP16" s="158"/>
      <c r="KQ16" s="123">
        <v>33278354</v>
      </c>
      <c r="KR16" s="123">
        <v>36212866</v>
      </c>
      <c r="KS16" s="123">
        <v>21932550</v>
      </c>
      <c r="KT16" s="123">
        <v>24210541</v>
      </c>
      <c r="KU16" s="123">
        <v>23912479</v>
      </c>
      <c r="KV16" s="124">
        <v>139546790</v>
      </c>
      <c r="KW16" s="354">
        <v>140554457</v>
      </c>
      <c r="KX16" s="160">
        <v>0</v>
      </c>
      <c r="KY16" s="123">
        <v>0</v>
      </c>
      <c r="KZ16" s="124">
        <v>0</v>
      </c>
      <c r="LA16" s="163"/>
      <c r="LB16" s="123">
        <v>4529264</v>
      </c>
      <c r="LC16" s="123">
        <v>5832157</v>
      </c>
      <c r="LD16" s="123">
        <v>6485852</v>
      </c>
      <c r="LE16" s="123">
        <v>5624281</v>
      </c>
      <c r="LF16" s="123">
        <v>6198915</v>
      </c>
      <c r="LG16" s="124">
        <v>28670469</v>
      </c>
      <c r="LH16" s="125">
        <v>28670469</v>
      </c>
      <c r="LI16" s="160">
        <v>0</v>
      </c>
      <c r="LJ16" s="123">
        <v>0</v>
      </c>
      <c r="LK16" s="124">
        <v>0</v>
      </c>
      <c r="LL16" s="163"/>
      <c r="LM16" s="123">
        <v>213671</v>
      </c>
      <c r="LN16" s="123">
        <v>0</v>
      </c>
      <c r="LO16" s="123">
        <v>1042821</v>
      </c>
      <c r="LP16" s="123">
        <v>5001622</v>
      </c>
      <c r="LQ16" s="123">
        <v>5821649</v>
      </c>
      <c r="LR16" s="124">
        <v>12079763</v>
      </c>
      <c r="LS16" s="354">
        <v>12079763</v>
      </c>
      <c r="LT16" s="160">
        <v>0</v>
      </c>
      <c r="LU16" s="123">
        <v>0</v>
      </c>
      <c r="LV16" s="124">
        <v>0</v>
      </c>
      <c r="LW16" s="163"/>
      <c r="LX16" s="123">
        <v>1995838</v>
      </c>
      <c r="LY16" s="123">
        <v>2766304</v>
      </c>
      <c r="LZ16" s="123">
        <v>8129760</v>
      </c>
      <c r="MA16" s="123">
        <v>6240731</v>
      </c>
      <c r="MB16" s="123">
        <v>8284751</v>
      </c>
      <c r="MC16" s="124">
        <v>27417384</v>
      </c>
      <c r="MD16" s="125">
        <v>27417384</v>
      </c>
      <c r="ME16" s="160">
        <v>0</v>
      </c>
      <c r="MF16" s="123">
        <v>0</v>
      </c>
      <c r="MG16" s="124">
        <v>0</v>
      </c>
      <c r="MH16" s="163"/>
      <c r="MI16" s="123">
        <v>31665848</v>
      </c>
      <c r="MJ16" s="123">
        <v>52834794</v>
      </c>
      <c r="MK16" s="123">
        <v>142976566</v>
      </c>
      <c r="ML16" s="123">
        <v>203929773</v>
      </c>
      <c r="MM16" s="123">
        <v>191052080</v>
      </c>
      <c r="MN16" s="124">
        <v>622459061</v>
      </c>
      <c r="MO16" s="161">
        <v>622459061</v>
      </c>
      <c r="MP16" s="160">
        <v>0</v>
      </c>
      <c r="MQ16" s="123">
        <v>0</v>
      </c>
      <c r="MR16" s="124">
        <v>0</v>
      </c>
      <c r="MS16" s="163">
        <v>0</v>
      </c>
      <c r="MT16" s="123">
        <v>3800261</v>
      </c>
      <c r="MU16" s="123">
        <v>11859331</v>
      </c>
      <c r="MV16" s="123">
        <v>98886906</v>
      </c>
      <c r="MW16" s="123">
        <v>148359189</v>
      </c>
      <c r="MX16" s="123">
        <v>138512158</v>
      </c>
      <c r="MY16" s="124">
        <v>401417845</v>
      </c>
      <c r="MZ16" s="161">
        <v>401417845</v>
      </c>
      <c r="NA16" s="160">
        <v>0</v>
      </c>
      <c r="NB16" s="123">
        <v>0</v>
      </c>
      <c r="NC16" s="124">
        <v>0</v>
      </c>
      <c r="ND16" s="163"/>
      <c r="NE16" s="123">
        <v>27659793</v>
      </c>
      <c r="NF16" s="123">
        <v>40975463</v>
      </c>
      <c r="NG16" s="123">
        <v>43955853</v>
      </c>
      <c r="NH16" s="123">
        <v>53756684</v>
      </c>
      <c r="NI16" s="123">
        <v>36768877</v>
      </c>
      <c r="NJ16" s="124">
        <v>203116670</v>
      </c>
      <c r="NK16" s="354">
        <v>203116670</v>
      </c>
      <c r="NL16" s="160">
        <v>0</v>
      </c>
      <c r="NM16" s="123">
        <v>0</v>
      </c>
      <c r="NN16" s="124">
        <v>0</v>
      </c>
      <c r="NO16" s="163"/>
      <c r="NP16" s="123">
        <v>0</v>
      </c>
      <c r="NQ16" s="123">
        <v>0</v>
      </c>
      <c r="NR16" s="123">
        <v>0</v>
      </c>
      <c r="NS16" s="123">
        <v>333877</v>
      </c>
      <c r="NT16" s="123">
        <v>3281077</v>
      </c>
      <c r="NU16" s="124">
        <v>3614954</v>
      </c>
      <c r="NV16" s="125">
        <v>3614954</v>
      </c>
      <c r="NW16" s="160">
        <v>0</v>
      </c>
      <c r="NX16" s="123">
        <v>0</v>
      </c>
      <c r="NY16" s="124">
        <v>0</v>
      </c>
      <c r="NZ16" s="163"/>
      <c r="OA16" s="123">
        <v>205794</v>
      </c>
      <c r="OB16" s="123">
        <v>0</v>
      </c>
      <c r="OC16" s="123">
        <v>133807</v>
      </c>
      <c r="OD16" s="123">
        <v>1480023</v>
      </c>
      <c r="OE16" s="123">
        <v>12489968</v>
      </c>
      <c r="OF16" s="124">
        <v>14309592</v>
      </c>
      <c r="OG16" s="125">
        <v>14309592</v>
      </c>
      <c r="OH16" s="160">
        <v>23931999</v>
      </c>
      <c r="OI16" s="123">
        <v>48125537</v>
      </c>
      <c r="OJ16" s="159">
        <v>72057536</v>
      </c>
      <c r="OK16" s="122">
        <v>0</v>
      </c>
      <c r="OL16" s="123">
        <v>433930705</v>
      </c>
      <c r="OM16" s="123">
        <v>385830544</v>
      </c>
      <c r="ON16" s="123">
        <v>443526721</v>
      </c>
      <c r="OO16" s="123">
        <v>489250182</v>
      </c>
      <c r="OP16" s="123">
        <v>436065428</v>
      </c>
      <c r="OQ16" s="124">
        <v>2188603580</v>
      </c>
      <c r="OR16" s="161">
        <v>2260661116</v>
      </c>
    </row>
    <row r="17" spans="1:408" ht="18.75" customHeight="1" x14ac:dyDescent="0.2">
      <c r="A17" s="63" t="s">
        <v>11</v>
      </c>
      <c r="B17" s="113">
        <v>11349466</v>
      </c>
      <c r="C17" s="117">
        <v>15567094</v>
      </c>
      <c r="D17" s="189">
        <v>26916560</v>
      </c>
      <c r="E17" s="114">
        <v>0</v>
      </c>
      <c r="F17" s="117">
        <v>167558452</v>
      </c>
      <c r="G17" s="117">
        <v>132166178</v>
      </c>
      <c r="H17" s="117">
        <v>129275567</v>
      </c>
      <c r="I17" s="117">
        <v>126215378</v>
      </c>
      <c r="J17" s="117">
        <v>91280836</v>
      </c>
      <c r="K17" s="112">
        <v>646496411</v>
      </c>
      <c r="L17" s="119">
        <v>673412971</v>
      </c>
      <c r="M17" s="113">
        <v>1718958</v>
      </c>
      <c r="N17" s="117">
        <v>3082281</v>
      </c>
      <c r="O17" s="116">
        <v>4801239</v>
      </c>
      <c r="P17" s="113">
        <v>0</v>
      </c>
      <c r="Q17" s="117">
        <v>39682674</v>
      </c>
      <c r="R17" s="117">
        <v>34940182</v>
      </c>
      <c r="S17" s="117">
        <v>38056307</v>
      </c>
      <c r="T17" s="117">
        <v>42878212</v>
      </c>
      <c r="U17" s="117">
        <v>41963084</v>
      </c>
      <c r="V17" s="116">
        <v>197520459</v>
      </c>
      <c r="W17" s="119">
        <v>202321698</v>
      </c>
      <c r="X17" s="113">
        <v>0</v>
      </c>
      <c r="Y17" s="117">
        <v>0</v>
      </c>
      <c r="Z17" s="116">
        <v>0</v>
      </c>
      <c r="AA17" s="113">
        <v>0</v>
      </c>
      <c r="AB17" s="117">
        <v>20882920</v>
      </c>
      <c r="AC17" s="117">
        <v>19874719</v>
      </c>
      <c r="AD17" s="117">
        <v>22647368</v>
      </c>
      <c r="AE17" s="117">
        <v>26208657</v>
      </c>
      <c r="AF17" s="117">
        <v>24664552</v>
      </c>
      <c r="AG17" s="116">
        <v>114278216</v>
      </c>
      <c r="AH17" s="119">
        <v>114278216</v>
      </c>
      <c r="AI17" s="113">
        <v>0</v>
      </c>
      <c r="AJ17" s="117">
        <v>44018</v>
      </c>
      <c r="AK17" s="116">
        <v>44018</v>
      </c>
      <c r="AL17" s="113">
        <v>0</v>
      </c>
      <c r="AM17" s="117">
        <v>222173</v>
      </c>
      <c r="AN17" s="117">
        <v>830631</v>
      </c>
      <c r="AO17" s="117">
        <v>1436965</v>
      </c>
      <c r="AP17" s="117">
        <v>2723292</v>
      </c>
      <c r="AQ17" s="117">
        <v>4321082</v>
      </c>
      <c r="AR17" s="116">
        <v>9534143</v>
      </c>
      <c r="AS17" s="119">
        <v>9578161</v>
      </c>
      <c r="AT17" s="113">
        <v>1005884</v>
      </c>
      <c r="AU17" s="117">
        <v>2135029</v>
      </c>
      <c r="AV17" s="116">
        <v>3140913</v>
      </c>
      <c r="AW17" s="113">
        <v>0</v>
      </c>
      <c r="AX17" s="117">
        <v>11937625</v>
      </c>
      <c r="AY17" s="117">
        <v>8208365</v>
      </c>
      <c r="AZ17" s="117">
        <v>8343805</v>
      </c>
      <c r="BA17" s="117">
        <v>8169827</v>
      </c>
      <c r="BB17" s="117">
        <v>9422945</v>
      </c>
      <c r="BC17" s="116">
        <v>46082567</v>
      </c>
      <c r="BD17" s="119">
        <v>49223480</v>
      </c>
      <c r="BE17" s="113">
        <v>175584</v>
      </c>
      <c r="BF17" s="117">
        <v>299955</v>
      </c>
      <c r="BG17" s="115">
        <v>475539</v>
      </c>
      <c r="BH17" s="114">
        <v>0</v>
      </c>
      <c r="BI17" s="117">
        <v>1329485</v>
      </c>
      <c r="BJ17" s="117">
        <v>1023457</v>
      </c>
      <c r="BK17" s="117">
        <v>921462</v>
      </c>
      <c r="BL17" s="117">
        <v>888977</v>
      </c>
      <c r="BM17" s="117">
        <v>166698</v>
      </c>
      <c r="BN17" s="116">
        <v>4330079</v>
      </c>
      <c r="BO17" s="119">
        <v>4805618</v>
      </c>
      <c r="BP17" s="113">
        <v>537490</v>
      </c>
      <c r="BQ17" s="117">
        <v>603279</v>
      </c>
      <c r="BR17" s="116">
        <v>1140769</v>
      </c>
      <c r="BS17" s="113">
        <v>0</v>
      </c>
      <c r="BT17" s="117">
        <v>5310471</v>
      </c>
      <c r="BU17" s="117">
        <v>5003010</v>
      </c>
      <c r="BV17" s="117">
        <v>4706707</v>
      </c>
      <c r="BW17" s="117">
        <v>4887459</v>
      </c>
      <c r="BX17" s="117">
        <v>3387807</v>
      </c>
      <c r="BY17" s="116">
        <v>23295454</v>
      </c>
      <c r="BZ17" s="119">
        <v>24436223</v>
      </c>
      <c r="CA17" s="113">
        <v>1690179</v>
      </c>
      <c r="CB17" s="117">
        <v>2534202</v>
      </c>
      <c r="CC17" s="116">
        <v>4224381</v>
      </c>
      <c r="CD17" s="113">
        <v>0</v>
      </c>
      <c r="CE17" s="117">
        <v>54940848</v>
      </c>
      <c r="CF17" s="117">
        <v>37678595</v>
      </c>
      <c r="CG17" s="117">
        <v>32466279</v>
      </c>
      <c r="CH17" s="117">
        <v>20148646</v>
      </c>
      <c r="CI17" s="117">
        <v>12495876</v>
      </c>
      <c r="CJ17" s="116">
        <v>157730244</v>
      </c>
      <c r="CK17" s="119">
        <v>161954625</v>
      </c>
      <c r="CL17" s="113">
        <v>0</v>
      </c>
      <c r="CM17" s="117">
        <v>0</v>
      </c>
      <c r="CN17" s="116">
        <v>0</v>
      </c>
      <c r="CO17" s="114">
        <v>0</v>
      </c>
      <c r="CP17" s="117">
        <v>44543208</v>
      </c>
      <c r="CQ17" s="117">
        <v>30090568</v>
      </c>
      <c r="CR17" s="117">
        <v>26039276</v>
      </c>
      <c r="CS17" s="117">
        <v>15943405</v>
      </c>
      <c r="CT17" s="117">
        <v>10560123</v>
      </c>
      <c r="CU17" s="116">
        <v>127176580</v>
      </c>
      <c r="CV17" s="119">
        <v>127176580</v>
      </c>
      <c r="CW17" s="113">
        <v>1690179</v>
      </c>
      <c r="CX17" s="117">
        <v>2534202</v>
      </c>
      <c r="CY17" s="116">
        <v>4224381</v>
      </c>
      <c r="CZ17" s="113">
        <v>0</v>
      </c>
      <c r="DA17" s="117">
        <v>10397640</v>
      </c>
      <c r="DB17" s="117">
        <v>7588027</v>
      </c>
      <c r="DC17" s="117">
        <v>6427003</v>
      </c>
      <c r="DD17" s="117">
        <v>4205241</v>
      </c>
      <c r="DE17" s="117">
        <v>1935753</v>
      </c>
      <c r="DF17" s="116">
        <v>30553664</v>
      </c>
      <c r="DG17" s="119">
        <v>34778045</v>
      </c>
      <c r="DH17" s="113">
        <v>149754</v>
      </c>
      <c r="DI17" s="117">
        <v>482182</v>
      </c>
      <c r="DJ17" s="115">
        <v>631936</v>
      </c>
      <c r="DK17" s="114">
        <v>0</v>
      </c>
      <c r="DL17" s="117">
        <v>5543270</v>
      </c>
      <c r="DM17" s="117">
        <v>7346464</v>
      </c>
      <c r="DN17" s="117">
        <v>13092906</v>
      </c>
      <c r="DO17" s="117">
        <v>12265463</v>
      </c>
      <c r="DP17" s="117">
        <v>5190932</v>
      </c>
      <c r="DQ17" s="116">
        <v>43439035</v>
      </c>
      <c r="DR17" s="119">
        <v>44070971</v>
      </c>
      <c r="DS17" s="113">
        <v>149754</v>
      </c>
      <c r="DT17" s="117">
        <v>452190</v>
      </c>
      <c r="DU17" s="116">
        <v>601944</v>
      </c>
      <c r="DV17" s="113">
        <v>0</v>
      </c>
      <c r="DW17" s="117">
        <v>5112803</v>
      </c>
      <c r="DX17" s="117">
        <v>6715781</v>
      </c>
      <c r="DY17" s="117">
        <v>11763661</v>
      </c>
      <c r="DZ17" s="117">
        <v>10596052</v>
      </c>
      <c r="EA17" s="117">
        <v>4376126</v>
      </c>
      <c r="EB17" s="116">
        <v>38564423</v>
      </c>
      <c r="EC17" s="119">
        <v>39166367</v>
      </c>
      <c r="ED17" s="113">
        <v>0</v>
      </c>
      <c r="EE17" s="115">
        <v>29992</v>
      </c>
      <c r="EF17" s="116">
        <v>29992</v>
      </c>
      <c r="EG17" s="113">
        <v>0</v>
      </c>
      <c r="EH17" s="117">
        <v>430467</v>
      </c>
      <c r="EI17" s="117">
        <v>630683</v>
      </c>
      <c r="EJ17" s="117">
        <v>1329245</v>
      </c>
      <c r="EK17" s="117">
        <v>1669411</v>
      </c>
      <c r="EL17" s="117">
        <v>814806</v>
      </c>
      <c r="EM17" s="115">
        <v>4874612</v>
      </c>
      <c r="EN17" s="119">
        <v>4904604</v>
      </c>
      <c r="EO17" s="113">
        <v>0</v>
      </c>
      <c r="EP17" s="117">
        <v>0</v>
      </c>
      <c r="EQ17" s="115">
        <v>0</v>
      </c>
      <c r="ER17" s="114">
        <v>0</v>
      </c>
      <c r="ES17" s="117">
        <v>0</v>
      </c>
      <c r="ET17" s="117">
        <v>0</v>
      </c>
      <c r="EU17" s="117">
        <v>0</v>
      </c>
      <c r="EV17" s="117">
        <v>0</v>
      </c>
      <c r="EW17" s="117">
        <v>0</v>
      </c>
      <c r="EX17" s="116">
        <v>0</v>
      </c>
      <c r="EY17" s="119">
        <v>0</v>
      </c>
      <c r="EZ17" s="113">
        <v>0</v>
      </c>
      <c r="FA17" s="117">
        <v>0</v>
      </c>
      <c r="FB17" s="115">
        <v>0</v>
      </c>
      <c r="FC17" s="387"/>
      <c r="FD17" s="117">
        <v>0</v>
      </c>
      <c r="FE17" s="117">
        <v>0</v>
      </c>
      <c r="FF17" s="117">
        <v>0</v>
      </c>
      <c r="FG17" s="117">
        <v>0</v>
      </c>
      <c r="FH17" s="117">
        <v>0</v>
      </c>
      <c r="FI17" s="116">
        <v>0</v>
      </c>
      <c r="FJ17" s="119">
        <v>0</v>
      </c>
      <c r="FK17" s="113">
        <v>2918364</v>
      </c>
      <c r="FL17" s="117">
        <v>3723137</v>
      </c>
      <c r="FM17" s="116">
        <v>6641501</v>
      </c>
      <c r="FN17" s="113">
        <v>0</v>
      </c>
      <c r="FO17" s="117">
        <v>7644940</v>
      </c>
      <c r="FP17" s="117">
        <v>11194489</v>
      </c>
      <c r="FQ17" s="117">
        <v>9605531</v>
      </c>
      <c r="FR17" s="117">
        <v>8469905</v>
      </c>
      <c r="FS17" s="117">
        <v>5931867</v>
      </c>
      <c r="FT17" s="116">
        <v>42846732</v>
      </c>
      <c r="FU17" s="119">
        <v>49488233</v>
      </c>
      <c r="FV17" s="118">
        <v>1799418</v>
      </c>
      <c r="FW17" s="117">
        <v>2597619</v>
      </c>
      <c r="FX17" s="115">
        <v>4397037</v>
      </c>
      <c r="FY17" s="114">
        <v>0</v>
      </c>
      <c r="FZ17" s="117">
        <v>6569929</v>
      </c>
      <c r="GA17" s="117">
        <v>10279285</v>
      </c>
      <c r="GB17" s="117">
        <v>9041496</v>
      </c>
      <c r="GC17" s="117">
        <v>8109199</v>
      </c>
      <c r="GD17" s="117">
        <v>5870433</v>
      </c>
      <c r="GE17" s="116">
        <v>39870342</v>
      </c>
      <c r="GF17" s="351">
        <v>44267379</v>
      </c>
      <c r="GG17" s="118">
        <v>188310</v>
      </c>
      <c r="GH17" s="117">
        <v>409035</v>
      </c>
      <c r="GI17" s="115">
        <v>597345</v>
      </c>
      <c r="GJ17" s="114">
        <v>0</v>
      </c>
      <c r="GK17" s="117">
        <v>365270</v>
      </c>
      <c r="GL17" s="117">
        <v>262074</v>
      </c>
      <c r="GM17" s="117">
        <v>300162</v>
      </c>
      <c r="GN17" s="117">
        <v>306706</v>
      </c>
      <c r="GO17" s="117">
        <v>61434</v>
      </c>
      <c r="GP17" s="116">
        <v>1295646</v>
      </c>
      <c r="GQ17" s="119">
        <v>1892991</v>
      </c>
      <c r="GR17" s="113">
        <v>930636</v>
      </c>
      <c r="GS17" s="117">
        <v>716483</v>
      </c>
      <c r="GT17" s="116">
        <v>1647119</v>
      </c>
      <c r="GU17" s="113">
        <v>0</v>
      </c>
      <c r="GV17" s="117">
        <v>709741</v>
      </c>
      <c r="GW17" s="117">
        <v>653130</v>
      </c>
      <c r="GX17" s="117">
        <v>263873</v>
      </c>
      <c r="GY17" s="117">
        <v>54000</v>
      </c>
      <c r="GZ17" s="117">
        <v>0</v>
      </c>
      <c r="HA17" s="115">
        <v>1680744</v>
      </c>
      <c r="HB17" s="119">
        <v>3327863</v>
      </c>
      <c r="HC17" s="113">
        <v>2550651</v>
      </c>
      <c r="HD17" s="117">
        <v>3234604</v>
      </c>
      <c r="HE17" s="115">
        <v>5785255</v>
      </c>
      <c r="HF17" s="114">
        <v>0</v>
      </c>
      <c r="HG17" s="117">
        <v>32056452</v>
      </c>
      <c r="HH17" s="117">
        <v>25880206</v>
      </c>
      <c r="HI17" s="117">
        <v>23527007</v>
      </c>
      <c r="HJ17" s="117">
        <v>33951073</v>
      </c>
      <c r="HK17" s="117">
        <v>20582307</v>
      </c>
      <c r="HL17" s="116">
        <v>135997045</v>
      </c>
      <c r="HM17" s="112">
        <v>141782300</v>
      </c>
      <c r="HN17" s="118">
        <v>2321560</v>
      </c>
      <c r="HO17" s="117">
        <v>2510688</v>
      </c>
      <c r="HP17" s="116">
        <v>4832248</v>
      </c>
      <c r="HQ17" s="113">
        <v>0</v>
      </c>
      <c r="HR17" s="117">
        <v>27690268</v>
      </c>
      <c r="HS17" s="117">
        <v>15126242</v>
      </c>
      <c r="HT17" s="117">
        <v>12527537</v>
      </c>
      <c r="HU17" s="117">
        <v>8502079</v>
      </c>
      <c r="HV17" s="117">
        <v>5116770</v>
      </c>
      <c r="HW17" s="115">
        <v>68962896</v>
      </c>
      <c r="HX17" s="119">
        <v>73795144</v>
      </c>
      <c r="HY17" s="149">
        <v>314750</v>
      </c>
      <c r="HZ17" s="150">
        <v>1592763</v>
      </c>
      <c r="IA17" s="151">
        <v>1907513</v>
      </c>
      <c r="IB17" s="164">
        <v>0</v>
      </c>
      <c r="IC17" s="150">
        <v>53933488</v>
      </c>
      <c r="ID17" s="165">
        <v>55668050</v>
      </c>
      <c r="IE17" s="151">
        <v>45057995</v>
      </c>
      <c r="IF17" s="150">
        <v>32694217</v>
      </c>
      <c r="IG17" s="151">
        <v>17017887</v>
      </c>
      <c r="IH17" s="166">
        <v>204371637</v>
      </c>
      <c r="II17" s="157">
        <v>206279150</v>
      </c>
      <c r="IJ17" s="262">
        <v>0</v>
      </c>
      <c r="IK17" s="269">
        <v>0</v>
      </c>
      <c r="IL17" s="270">
        <v>0</v>
      </c>
      <c r="IM17" s="158"/>
      <c r="IN17" s="123">
        <v>577767</v>
      </c>
      <c r="IO17" s="123">
        <v>814374</v>
      </c>
      <c r="IP17" s="123">
        <v>1171563</v>
      </c>
      <c r="IQ17" s="123">
        <v>783438</v>
      </c>
      <c r="IR17" s="123">
        <v>2173708</v>
      </c>
      <c r="IS17" s="159">
        <v>5520850</v>
      </c>
      <c r="IT17" s="354">
        <v>5520850</v>
      </c>
      <c r="IU17" s="160">
        <v>0</v>
      </c>
      <c r="IV17" s="123">
        <v>0</v>
      </c>
      <c r="IW17" s="124">
        <v>0</v>
      </c>
      <c r="IX17" s="162">
        <v>0</v>
      </c>
      <c r="IY17" s="123">
        <v>173752</v>
      </c>
      <c r="IZ17" s="123">
        <v>241260</v>
      </c>
      <c r="JA17" s="123">
        <v>231931</v>
      </c>
      <c r="JB17" s="123">
        <v>215175</v>
      </c>
      <c r="JC17" s="123">
        <v>60396</v>
      </c>
      <c r="JD17" s="124">
        <v>922514</v>
      </c>
      <c r="JE17" s="125">
        <v>922514</v>
      </c>
      <c r="JF17" s="160">
        <v>0</v>
      </c>
      <c r="JG17" s="123">
        <v>0</v>
      </c>
      <c r="JH17" s="159">
        <v>0</v>
      </c>
      <c r="JI17" s="122">
        <v>0</v>
      </c>
      <c r="JJ17" s="123">
        <v>30727151</v>
      </c>
      <c r="JK17" s="123">
        <v>22966664</v>
      </c>
      <c r="JL17" s="123">
        <v>17849177</v>
      </c>
      <c r="JM17" s="123">
        <v>11056173</v>
      </c>
      <c r="JN17" s="123">
        <v>3688598</v>
      </c>
      <c r="JO17" s="124">
        <v>86287763</v>
      </c>
      <c r="JP17" s="354">
        <v>86287763</v>
      </c>
      <c r="JQ17" s="160">
        <v>0</v>
      </c>
      <c r="JR17" s="123">
        <v>134998</v>
      </c>
      <c r="JS17" s="159">
        <v>134998</v>
      </c>
      <c r="JT17" s="122">
        <v>0</v>
      </c>
      <c r="JU17" s="123">
        <v>1489252</v>
      </c>
      <c r="JV17" s="123">
        <v>837247</v>
      </c>
      <c r="JW17" s="123">
        <v>916634</v>
      </c>
      <c r="JX17" s="123">
        <v>149183</v>
      </c>
      <c r="JY17" s="123">
        <v>114422</v>
      </c>
      <c r="JZ17" s="124">
        <v>3506738</v>
      </c>
      <c r="KA17" s="354">
        <v>3641736</v>
      </c>
      <c r="KB17" s="265">
        <v>314750</v>
      </c>
      <c r="KC17" s="259">
        <v>454020</v>
      </c>
      <c r="KD17" s="124">
        <v>768770</v>
      </c>
      <c r="KE17" s="122">
        <v>0</v>
      </c>
      <c r="KF17" s="123">
        <v>5549229</v>
      </c>
      <c r="KG17" s="123">
        <v>8079735</v>
      </c>
      <c r="KH17" s="123">
        <v>6542532</v>
      </c>
      <c r="KI17" s="123">
        <v>4920959</v>
      </c>
      <c r="KJ17" s="123">
        <v>1933530</v>
      </c>
      <c r="KK17" s="124">
        <v>27025985</v>
      </c>
      <c r="KL17" s="161">
        <v>27794755</v>
      </c>
      <c r="KM17" s="262">
        <v>0</v>
      </c>
      <c r="KN17" s="269">
        <v>1003745</v>
      </c>
      <c r="KO17" s="270">
        <v>1003745</v>
      </c>
      <c r="KP17" s="158"/>
      <c r="KQ17" s="123">
        <v>14912061</v>
      </c>
      <c r="KR17" s="123">
        <v>22107678</v>
      </c>
      <c r="KS17" s="123">
        <v>17289675</v>
      </c>
      <c r="KT17" s="123">
        <v>13986523</v>
      </c>
      <c r="KU17" s="123">
        <v>7953811</v>
      </c>
      <c r="KV17" s="124">
        <v>76249748</v>
      </c>
      <c r="KW17" s="354">
        <v>77253493</v>
      </c>
      <c r="KX17" s="160">
        <v>0</v>
      </c>
      <c r="KY17" s="123">
        <v>0</v>
      </c>
      <c r="KZ17" s="124">
        <v>0</v>
      </c>
      <c r="LA17" s="163"/>
      <c r="LB17" s="123">
        <v>0</v>
      </c>
      <c r="LC17" s="123">
        <v>0</v>
      </c>
      <c r="LD17" s="123">
        <v>0</v>
      </c>
      <c r="LE17" s="123">
        <v>0</v>
      </c>
      <c r="LF17" s="123">
        <v>0</v>
      </c>
      <c r="LG17" s="124">
        <v>0</v>
      </c>
      <c r="LH17" s="125">
        <v>0</v>
      </c>
      <c r="LI17" s="160">
        <v>0</v>
      </c>
      <c r="LJ17" s="123">
        <v>0</v>
      </c>
      <c r="LK17" s="124">
        <v>0</v>
      </c>
      <c r="LL17" s="163"/>
      <c r="LM17" s="123">
        <v>0</v>
      </c>
      <c r="LN17" s="123">
        <v>228960</v>
      </c>
      <c r="LO17" s="123">
        <v>224640</v>
      </c>
      <c r="LP17" s="123">
        <v>0</v>
      </c>
      <c r="LQ17" s="123">
        <v>0</v>
      </c>
      <c r="LR17" s="124">
        <v>453600</v>
      </c>
      <c r="LS17" s="354">
        <v>453600</v>
      </c>
      <c r="LT17" s="160">
        <v>0</v>
      </c>
      <c r="LU17" s="123">
        <v>0</v>
      </c>
      <c r="LV17" s="124">
        <v>0</v>
      </c>
      <c r="LW17" s="163"/>
      <c r="LX17" s="123">
        <v>504276</v>
      </c>
      <c r="LY17" s="123">
        <v>392132</v>
      </c>
      <c r="LZ17" s="123">
        <v>831843</v>
      </c>
      <c r="MA17" s="123">
        <v>1582766</v>
      </c>
      <c r="MB17" s="123">
        <v>1093422</v>
      </c>
      <c r="MC17" s="124">
        <v>4404439</v>
      </c>
      <c r="MD17" s="125">
        <v>4404439</v>
      </c>
      <c r="ME17" s="160">
        <v>0</v>
      </c>
      <c r="MF17" s="123">
        <v>0</v>
      </c>
      <c r="MG17" s="124">
        <v>0</v>
      </c>
      <c r="MH17" s="163"/>
      <c r="MI17" s="123">
        <v>21354011</v>
      </c>
      <c r="MJ17" s="123">
        <v>29021366</v>
      </c>
      <c r="MK17" s="123">
        <v>94588105</v>
      </c>
      <c r="ML17" s="123">
        <v>146985479</v>
      </c>
      <c r="MM17" s="123">
        <v>80123100</v>
      </c>
      <c r="MN17" s="124">
        <v>372072061</v>
      </c>
      <c r="MO17" s="161">
        <v>372072061</v>
      </c>
      <c r="MP17" s="160">
        <v>0</v>
      </c>
      <c r="MQ17" s="123">
        <v>0</v>
      </c>
      <c r="MR17" s="124">
        <v>0</v>
      </c>
      <c r="MS17" s="163">
        <v>0</v>
      </c>
      <c r="MT17" s="123">
        <v>401954</v>
      </c>
      <c r="MU17" s="123">
        <v>1176038</v>
      </c>
      <c r="MV17" s="123">
        <v>54154215</v>
      </c>
      <c r="MW17" s="123">
        <v>96107227</v>
      </c>
      <c r="MX17" s="123">
        <v>52188289</v>
      </c>
      <c r="MY17" s="124">
        <v>204027723</v>
      </c>
      <c r="MZ17" s="161">
        <v>204027723</v>
      </c>
      <c r="NA17" s="160">
        <v>0</v>
      </c>
      <c r="NB17" s="123">
        <v>0</v>
      </c>
      <c r="NC17" s="124">
        <v>0</v>
      </c>
      <c r="ND17" s="163"/>
      <c r="NE17" s="123">
        <v>20155838</v>
      </c>
      <c r="NF17" s="123">
        <v>26245557</v>
      </c>
      <c r="NG17" s="123">
        <v>38805838</v>
      </c>
      <c r="NH17" s="123">
        <v>48058879</v>
      </c>
      <c r="NI17" s="123">
        <v>20108135</v>
      </c>
      <c r="NJ17" s="124">
        <v>153374247</v>
      </c>
      <c r="NK17" s="354">
        <v>153374247</v>
      </c>
      <c r="NL17" s="160">
        <v>0</v>
      </c>
      <c r="NM17" s="123">
        <v>0</v>
      </c>
      <c r="NN17" s="124">
        <v>0</v>
      </c>
      <c r="NO17" s="163"/>
      <c r="NP17" s="123">
        <v>0</v>
      </c>
      <c r="NQ17" s="123">
        <v>0</v>
      </c>
      <c r="NR17" s="123">
        <v>0</v>
      </c>
      <c r="NS17" s="123">
        <v>0</v>
      </c>
      <c r="NT17" s="123">
        <v>374426</v>
      </c>
      <c r="NU17" s="124">
        <v>374426</v>
      </c>
      <c r="NV17" s="125">
        <v>374426</v>
      </c>
      <c r="NW17" s="160">
        <v>0</v>
      </c>
      <c r="NX17" s="123">
        <v>0</v>
      </c>
      <c r="NY17" s="124">
        <v>0</v>
      </c>
      <c r="NZ17" s="163"/>
      <c r="OA17" s="123">
        <v>796219</v>
      </c>
      <c r="OB17" s="123">
        <v>1599771</v>
      </c>
      <c r="OC17" s="123">
        <v>1628052</v>
      </c>
      <c r="OD17" s="123">
        <v>2819373</v>
      </c>
      <c r="OE17" s="123">
        <v>7452250</v>
      </c>
      <c r="OF17" s="124">
        <v>14295665</v>
      </c>
      <c r="OG17" s="125">
        <v>14295665</v>
      </c>
      <c r="OH17" s="160">
        <v>11664216</v>
      </c>
      <c r="OI17" s="123">
        <v>17159857</v>
      </c>
      <c r="OJ17" s="159">
        <v>28824073</v>
      </c>
      <c r="OK17" s="122">
        <v>0</v>
      </c>
      <c r="OL17" s="123">
        <v>242845951</v>
      </c>
      <c r="OM17" s="123">
        <v>216855594</v>
      </c>
      <c r="ON17" s="123">
        <v>268921667</v>
      </c>
      <c r="OO17" s="123">
        <v>305895074</v>
      </c>
      <c r="OP17" s="123">
        <v>188421823</v>
      </c>
      <c r="OQ17" s="124">
        <v>1222940109</v>
      </c>
      <c r="OR17" s="161">
        <v>1251764182</v>
      </c>
    </row>
    <row r="18" spans="1:408" ht="18.75" customHeight="1" x14ac:dyDescent="0.2">
      <c r="A18" s="63" t="s">
        <v>12</v>
      </c>
      <c r="B18" s="113">
        <v>16118312</v>
      </c>
      <c r="C18" s="117">
        <v>29576014</v>
      </c>
      <c r="D18" s="116">
        <v>45694326</v>
      </c>
      <c r="E18" s="112">
        <v>0</v>
      </c>
      <c r="F18" s="117">
        <v>124929944</v>
      </c>
      <c r="G18" s="188">
        <v>140704591</v>
      </c>
      <c r="H18" s="188">
        <v>131431747</v>
      </c>
      <c r="I18" s="188">
        <v>144960911</v>
      </c>
      <c r="J18" s="188">
        <v>105136719</v>
      </c>
      <c r="K18" s="115">
        <v>647163912</v>
      </c>
      <c r="L18" s="119">
        <v>692858238</v>
      </c>
      <c r="M18" s="113">
        <v>3547926</v>
      </c>
      <c r="N18" s="117">
        <v>7488118</v>
      </c>
      <c r="O18" s="116">
        <v>11036044</v>
      </c>
      <c r="P18" s="113">
        <v>0</v>
      </c>
      <c r="Q18" s="117">
        <v>34800682</v>
      </c>
      <c r="R18" s="117">
        <v>43720239</v>
      </c>
      <c r="S18" s="117">
        <v>39502621</v>
      </c>
      <c r="T18" s="117">
        <v>51815410</v>
      </c>
      <c r="U18" s="117">
        <v>53904660</v>
      </c>
      <c r="V18" s="116">
        <v>223743612</v>
      </c>
      <c r="W18" s="119">
        <v>234779656</v>
      </c>
      <c r="X18" s="113">
        <v>0</v>
      </c>
      <c r="Y18" s="117">
        <v>0</v>
      </c>
      <c r="Z18" s="116">
        <v>0</v>
      </c>
      <c r="AA18" s="113">
        <v>0</v>
      </c>
      <c r="AB18" s="117">
        <v>20343132</v>
      </c>
      <c r="AC18" s="117">
        <v>24819128</v>
      </c>
      <c r="AD18" s="117">
        <v>24947497</v>
      </c>
      <c r="AE18" s="117">
        <v>32669177</v>
      </c>
      <c r="AF18" s="117">
        <v>34490261</v>
      </c>
      <c r="AG18" s="116">
        <v>137269195</v>
      </c>
      <c r="AH18" s="119">
        <v>137269195</v>
      </c>
      <c r="AI18" s="113">
        <v>0</v>
      </c>
      <c r="AJ18" s="117">
        <v>191535</v>
      </c>
      <c r="AK18" s="116">
        <v>191535</v>
      </c>
      <c r="AL18" s="113">
        <v>0</v>
      </c>
      <c r="AM18" s="117">
        <v>130196</v>
      </c>
      <c r="AN18" s="117">
        <v>1424320</v>
      </c>
      <c r="AO18" s="117">
        <v>1095348</v>
      </c>
      <c r="AP18" s="117">
        <v>3705033</v>
      </c>
      <c r="AQ18" s="117">
        <v>5829836</v>
      </c>
      <c r="AR18" s="116">
        <v>12184733</v>
      </c>
      <c r="AS18" s="119">
        <v>12376268</v>
      </c>
      <c r="AT18" s="113">
        <v>2569739</v>
      </c>
      <c r="AU18" s="117">
        <v>5543528</v>
      </c>
      <c r="AV18" s="116">
        <v>8113267</v>
      </c>
      <c r="AW18" s="113">
        <v>0</v>
      </c>
      <c r="AX18" s="117">
        <v>9590651</v>
      </c>
      <c r="AY18" s="117">
        <v>11447674</v>
      </c>
      <c r="AZ18" s="117">
        <v>8217155</v>
      </c>
      <c r="BA18" s="117">
        <v>9120493</v>
      </c>
      <c r="BB18" s="117">
        <v>8653980</v>
      </c>
      <c r="BC18" s="116">
        <v>47029953</v>
      </c>
      <c r="BD18" s="119">
        <v>55143220</v>
      </c>
      <c r="BE18" s="113">
        <v>95238</v>
      </c>
      <c r="BF18" s="117">
        <v>607378</v>
      </c>
      <c r="BG18" s="115">
        <v>702616</v>
      </c>
      <c r="BH18" s="114">
        <v>0</v>
      </c>
      <c r="BI18" s="117">
        <v>367786</v>
      </c>
      <c r="BJ18" s="117">
        <v>1532134</v>
      </c>
      <c r="BK18" s="117">
        <v>912707</v>
      </c>
      <c r="BL18" s="117">
        <v>854307</v>
      </c>
      <c r="BM18" s="117">
        <v>718497</v>
      </c>
      <c r="BN18" s="116">
        <v>4385431</v>
      </c>
      <c r="BO18" s="119">
        <v>5088047</v>
      </c>
      <c r="BP18" s="113">
        <v>882949</v>
      </c>
      <c r="BQ18" s="117">
        <v>1145677</v>
      </c>
      <c r="BR18" s="116">
        <v>2028626</v>
      </c>
      <c r="BS18" s="113">
        <v>0</v>
      </c>
      <c r="BT18" s="117">
        <v>4368917</v>
      </c>
      <c r="BU18" s="117">
        <v>4496983</v>
      </c>
      <c r="BV18" s="117">
        <v>4329914</v>
      </c>
      <c r="BW18" s="117">
        <v>5466400</v>
      </c>
      <c r="BX18" s="117">
        <v>4212086</v>
      </c>
      <c r="BY18" s="116">
        <v>22874300</v>
      </c>
      <c r="BZ18" s="119">
        <v>24902926</v>
      </c>
      <c r="CA18" s="113">
        <v>3108710</v>
      </c>
      <c r="CB18" s="117">
        <v>5671186</v>
      </c>
      <c r="CC18" s="116">
        <v>8779896</v>
      </c>
      <c r="CD18" s="113">
        <v>0</v>
      </c>
      <c r="CE18" s="117">
        <v>40672442</v>
      </c>
      <c r="CF18" s="117">
        <v>40202294</v>
      </c>
      <c r="CG18" s="117">
        <v>37756338</v>
      </c>
      <c r="CH18" s="117">
        <v>29212807</v>
      </c>
      <c r="CI18" s="117">
        <v>12084557</v>
      </c>
      <c r="CJ18" s="116">
        <v>159928438</v>
      </c>
      <c r="CK18" s="119">
        <v>168708334</v>
      </c>
      <c r="CL18" s="113">
        <v>0</v>
      </c>
      <c r="CM18" s="117">
        <v>0</v>
      </c>
      <c r="CN18" s="116">
        <v>0</v>
      </c>
      <c r="CO18" s="114">
        <v>0</v>
      </c>
      <c r="CP18" s="117">
        <v>34784576</v>
      </c>
      <c r="CQ18" s="117">
        <v>29025423</v>
      </c>
      <c r="CR18" s="117">
        <v>29020194</v>
      </c>
      <c r="CS18" s="117">
        <v>22300750</v>
      </c>
      <c r="CT18" s="117">
        <v>9163156</v>
      </c>
      <c r="CU18" s="116">
        <v>124294099</v>
      </c>
      <c r="CV18" s="119">
        <v>124294099</v>
      </c>
      <c r="CW18" s="113">
        <v>3108710</v>
      </c>
      <c r="CX18" s="117">
        <v>5671186</v>
      </c>
      <c r="CY18" s="116">
        <v>8779896</v>
      </c>
      <c r="CZ18" s="113">
        <v>0</v>
      </c>
      <c r="DA18" s="117">
        <v>5887866</v>
      </c>
      <c r="DB18" s="117">
        <v>11176871</v>
      </c>
      <c r="DC18" s="117">
        <v>8736144</v>
      </c>
      <c r="DD18" s="117">
        <v>6912057</v>
      </c>
      <c r="DE18" s="117">
        <v>2921401</v>
      </c>
      <c r="DF18" s="116">
        <v>35634339</v>
      </c>
      <c r="DG18" s="119">
        <v>44414235</v>
      </c>
      <c r="DH18" s="113">
        <v>68628</v>
      </c>
      <c r="DI18" s="117">
        <v>474022</v>
      </c>
      <c r="DJ18" s="115">
        <v>542650</v>
      </c>
      <c r="DK18" s="114">
        <v>0</v>
      </c>
      <c r="DL18" s="117">
        <v>5167548</v>
      </c>
      <c r="DM18" s="117">
        <v>7334596</v>
      </c>
      <c r="DN18" s="117">
        <v>11695749</v>
      </c>
      <c r="DO18" s="117">
        <v>10920794</v>
      </c>
      <c r="DP18" s="117">
        <v>5781960</v>
      </c>
      <c r="DQ18" s="116">
        <v>40900647</v>
      </c>
      <c r="DR18" s="119">
        <v>41443297</v>
      </c>
      <c r="DS18" s="113">
        <v>68628</v>
      </c>
      <c r="DT18" s="117">
        <v>474022</v>
      </c>
      <c r="DU18" s="116">
        <v>542650</v>
      </c>
      <c r="DV18" s="113">
        <v>0</v>
      </c>
      <c r="DW18" s="117">
        <v>4970544</v>
      </c>
      <c r="DX18" s="117">
        <v>7075263</v>
      </c>
      <c r="DY18" s="117">
        <v>11425840</v>
      </c>
      <c r="DZ18" s="117">
        <v>10513280</v>
      </c>
      <c r="EA18" s="117">
        <v>5722570</v>
      </c>
      <c r="EB18" s="116">
        <v>39707497</v>
      </c>
      <c r="EC18" s="119">
        <v>40250147</v>
      </c>
      <c r="ED18" s="113">
        <v>0</v>
      </c>
      <c r="EE18" s="115">
        <v>0</v>
      </c>
      <c r="EF18" s="116">
        <v>0</v>
      </c>
      <c r="EG18" s="113">
        <v>0</v>
      </c>
      <c r="EH18" s="117">
        <v>197004</v>
      </c>
      <c r="EI18" s="117">
        <v>259333</v>
      </c>
      <c r="EJ18" s="117">
        <v>269909</v>
      </c>
      <c r="EK18" s="117">
        <v>407514</v>
      </c>
      <c r="EL18" s="117">
        <v>59390</v>
      </c>
      <c r="EM18" s="115">
        <v>1193150</v>
      </c>
      <c r="EN18" s="119">
        <v>1193150</v>
      </c>
      <c r="EO18" s="113">
        <v>0</v>
      </c>
      <c r="EP18" s="117">
        <v>0</v>
      </c>
      <c r="EQ18" s="115">
        <v>0</v>
      </c>
      <c r="ER18" s="114">
        <v>0</v>
      </c>
      <c r="ES18" s="117">
        <v>0</v>
      </c>
      <c r="ET18" s="117">
        <v>0</v>
      </c>
      <c r="EU18" s="117">
        <v>0</v>
      </c>
      <c r="EV18" s="117">
        <v>0</v>
      </c>
      <c r="EW18" s="117">
        <v>0</v>
      </c>
      <c r="EX18" s="116">
        <v>0</v>
      </c>
      <c r="EY18" s="119">
        <v>0</v>
      </c>
      <c r="EZ18" s="113">
        <v>0</v>
      </c>
      <c r="FA18" s="117">
        <v>0</v>
      </c>
      <c r="FB18" s="115">
        <v>0</v>
      </c>
      <c r="FC18" s="387"/>
      <c r="FD18" s="117">
        <v>0</v>
      </c>
      <c r="FE18" s="117">
        <v>0</v>
      </c>
      <c r="FF18" s="117">
        <v>0</v>
      </c>
      <c r="FG18" s="117">
        <v>0</v>
      </c>
      <c r="FH18" s="117">
        <v>0</v>
      </c>
      <c r="FI18" s="116">
        <v>0</v>
      </c>
      <c r="FJ18" s="119">
        <v>0</v>
      </c>
      <c r="FK18" s="113">
        <v>3704237</v>
      </c>
      <c r="FL18" s="117">
        <v>6354072</v>
      </c>
      <c r="FM18" s="116">
        <v>10058309</v>
      </c>
      <c r="FN18" s="113">
        <v>0</v>
      </c>
      <c r="FO18" s="117">
        <v>4475039</v>
      </c>
      <c r="FP18" s="117">
        <v>13952551</v>
      </c>
      <c r="FQ18" s="117">
        <v>11537006</v>
      </c>
      <c r="FR18" s="117">
        <v>12465634</v>
      </c>
      <c r="FS18" s="117">
        <v>8019124</v>
      </c>
      <c r="FT18" s="116">
        <v>50449354</v>
      </c>
      <c r="FU18" s="119">
        <v>60507663</v>
      </c>
      <c r="FV18" s="118">
        <v>2361461</v>
      </c>
      <c r="FW18" s="117">
        <v>4715659</v>
      </c>
      <c r="FX18" s="115">
        <v>7077120</v>
      </c>
      <c r="FY18" s="114">
        <v>0</v>
      </c>
      <c r="FZ18" s="117">
        <v>3534020</v>
      </c>
      <c r="GA18" s="117">
        <v>12431374</v>
      </c>
      <c r="GB18" s="117">
        <v>10609106</v>
      </c>
      <c r="GC18" s="117">
        <v>11665492</v>
      </c>
      <c r="GD18" s="117">
        <v>7800298</v>
      </c>
      <c r="GE18" s="116">
        <v>46040290</v>
      </c>
      <c r="GF18" s="351">
        <v>53117410</v>
      </c>
      <c r="GG18" s="118">
        <v>186813</v>
      </c>
      <c r="GH18" s="117">
        <v>235078</v>
      </c>
      <c r="GI18" s="115">
        <v>421891</v>
      </c>
      <c r="GJ18" s="114">
        <v>0</v>
      </c>
      <c r="GK18" s="117">
        <v>127913</v>
      </c>
      <c r="GL18" s="117">
        <v>515667</v>
      </c>
      <c r="GM18" s="117">
        <v>329391</v>
      </c>
      <c r="GN18" s="117">
        <v>334242</v>
      </c>
      <c r="GO18" s="117">
        <v>175626</v>
      </c>
      <c r="GP18" s="116">
        <v>1482839</v>
      </c>
      <c r="GQ18" s="119">
        <v>1904730</v>
      </c>
      <c r="GR18" s="113">
        <v>1155963</v>
      </c>
      <c r="GS18" s="117">
        <v>1403335</v>
      </c>
      <c r="GT18" s="116">
        <v>2559298</v>
      </c>
      <c r="GU18" s="113">
        <v>0</v>
      </c>
      <c r="GV18" s="117">
        <v>813106</v>
      </c>
      <c r="GW18" s="117">
        <v>1005510</v>
      </c>
      <c r="GX18" s="117">
        <v>598509</v>
      </c>
      <c r="GY18" s="117">
        <v>465900</v>
      </c>
      <c r="GZ18" s="117">
        <v>43200</v>
      </c>
      <c r="HA18" s="115">
        <v>2926225</v>
      </c>
      <c r="HB18" s="119">
        <v>5485523</v>
      </c>
      <c r="HC18" s="113">
        <v>2437340</v>
      </c>
      <c r="HD18" s="117">
        <v>5023267</v>
      </c>
      <c r="HE18" s="115">
        <v>7460607</v>
      </c>
      <c r="HF18" s="114">
        <v>0</v>
      </c>
      <c r="HG18" s="117">
        <v>18948259</v>
      </c>
      <c r="HH18" s="117">
        <v>17741013</v>
      </c>
      <c r="HI18" s="117">
        <v>17200205</v>
      </c>
      <c r="HJ18" s="117">
        <v>29881959</v>
      </c>
      <c r="HK18" s="117">
        <v>19323292</v>
      </c>
      <c r="HL18" s="116">
        <v>103094728</v>
      </c>
      <c r="HM18" s="112">
        <v>110555335</v>
      </c>
      <c r="HN18" s="118">
        <v>3251471</v>
      </c>
      <c r="HO18" s="117">
        <v>4565349</v>
      </c>
      <c r="HP18" s="116">
        <v>7816820</v>
      </c>
      <c r="HQ18" s="113">
        <v>0</v>
      </c>
      <c r="HR18" s="117">
        <v>20865974</v>
      </c>
      <c r="HS18" s="117">
        <v>17753898</v>
      </c>
      <c r="HT18" s="117">
        <v>13739828</v>
      </c>
      <c r="HU18" s="117">
        <v>10664307</v>
      </c>
      <c r="HV18" s="117">
        <v>6023126</v>
      </c>
      <c r="HW18" s="115">
        <v>69047133</v>
      </c>
      <c r="HX18" s="119">
        <v>76863953</v>
      </c>
      <c r="HY18" s="168">
        <v>0</v>
      </c>
      <c r="HZ18" s="153">
        <v>0</v>
      </c>
      <c r="IA18" s="168">
        <v>0</v>
      </c>
      <c r="IB18" s="152">
        <v>0</v>
      </c>
      <c r="IC18" s="153">
        <v>39223678</v>
      </c>
      <c r="ID18" s="154">
        <v>38068949</v>
      </c>
      <c r="IE18" s="155">
        <v>48381569</v>
      </c>
      <c r="IF18" s="153">
        <v>42566173</v>
      </c>
      <c r="IG18" s="155">
        <v>33783804</v>
      </c>
      <c r="IH18" s="156">
        <v>202024173</v>
      </c>
      <c r="II18" s="168">
        <v>202024173</v>
      </c>
      <c r="IJ18" s="262">
        <v>0</v>
      </c>
      <c r="IK18" s="269">
        <v>0</v>
      </c>
      <c r="IL18" s="270">
        <v>0</v>
      </c>
      <c r="IM18" s="158"/>
      <c r="IN18" s="123">
        <v>916507</v>
      </c>
      <c r="IO18" s="123">
        <v>639862</v>
      </c>
      <c r="IP18" s="123">
        <v>615653</v>
      </c>
      <c r="IQ18" s="123">
        <v>1714492</v>
      </c>
      <c r="IR18" s="123">
        <v>267732</v>
      </c>
      <c r="IS18" s="159">
        <v>4154246</v>
      </c>
      <c r="IT18" s="354">
        <v>4154246</v>
      </c>
      <c r="IU18" s="160">
        <v>0</v>
      </c>
      <c r="IV18" s="123">
        <v>0</v>
      </c>
      <c r="IW18" s="124">
        <v>0</v>
      </c>
      <c r="IX18" s="162">
        <v>0</v>
      </c>
      <c r="IY18" s="123">
        <v>0</v>
      </c>
      <c r="IZ18" s="123">
        <v>0</v>
      </c>
      <c r="JA18" s="123">
        <v>0</v>
      </c>
      <c r="JB18" s="123">
        <v>0</v>
      </c>
      <c r="JC18" s="123">
        <v>0</v>
      </c>
      <c r="JD18" s="124">
        <v>0</v>
      </c>
      <c r="JE18" s="125">
        <v>0</v>
      </c>
      <c r="JF18" s="160">
        <v>0</v>
      </c>
      <c r="JG18" s="123">
        <v>0</v>
      </c>
      <c r="JH18" s="159">
        <v>0</v>
      </c>
      <c r="JI18" s="122">
        <v>0</v>
      </c>
      <c r="JJ18" s="123">
        <v>21753958</v>
      </c>
      <c r="JK18" s="123">
        <v>15771488</v>
      </c>
      <c r="JL18" s="123">
        <v>11954042</v>
      </c>
      <c r="JM18" s="123">
        <v>5228961</v>
      </c>
      <c r="JN18" s="123">
        <v>4807229</v>
      </c>
      <c r="JO18" s="124">
        <v>59515678</v>
      </c>
      <c r="JP18" s="354">
        <v>59515678</v>
      </c>
      <c r="JQ18" s="160">
        <v>0</v>
      </c>
      <c r="JR18" s="123">
        <v>0</v>
      </c>
      <c r="JS18" s="159">
        <v>0</v>
      </c>
      <c r="JT18" s="122">
        <v>0</v>
      </c>
      <c r="JU18" s="123">
        <v>340363</v>
      </c>
      <c r="JV18" s="123">
        <v>499802</v>
      </c>
      <c r="JW18" s="123">
        <v>0</v>
      </c>
      <c r="JX18" s="123">
        <v>0</v>
      </c>
      <c r="JY18" s="123">
        <v>213006</v>
      </c>
      <c r="JZ18" s="124">
        <v>1053171</v>
      </c>
      <c r="KA18" s="354">
        <v>1053171</v>
      </c>
      <c r="KB18" s="265">
        <v>0</v>
      </c>
      <c r="KC18" s="259">
        <v>0</v>
      </c>
      <c r="KD18" s="124">
        <v>0</v>
      </c>
      <c r="KE18" s="122">
        <v>0</v>
      </c>
      <c r="KF18" s="123">
        <v>2512128</v>
      </c>
      <c r="KG18" s="123">
        <v>5656010</v>
      </c>
      <c r="KH18" s="123">
        <v>13116323</v>
      </c>
      <c r="KI18" s="123">
        <v>9768915</v>
      </c>
      <c r="KJ18" s="123">
        <v>8131015</v>
      </c>
      <c r="KK18" s="124">
        <v>39184391</v>
      </c>
      <c r="KL18" s="161">
        <v>39184391</v>
      </c>
      <c r="KM18" s="262">
        <v>0</v>
      </c>
      <c r="KN18" s="269">
        <v>0</v>
      </c>
      <c r="KO18" s="270">
        <v>0</v>
      </c>
      <c r="KP18" s="158"/>
      <c r="KQ18" s="123">
        <v>11011524</v>
      </c>
      <c r="KR18" s="123">
        <v>11390076</v>
      </c>
      <c r="KS18" s="123">
        <v>11962895</v>
      </c>
      <c r="KT18" s="123">
        <v>9002428</v>
      </c>
      <c r="KU18" s="123">
        <v>9746230</v>
      </c>
      <c r="KV18" s="124">
        <v>53113153</v>
      </c>
      <c r="KW18" s="354">
        <v>53113153</v>
      </c>
      <c r="KX18" s="160">
        <v>0</v>
      </c>
      <c r="KY18" s="123">
        <v>0</v>
      </c>
      <c r="KZ18" s="124">
        <v>0</v>
      </c>
      <c r="LA18" s="163"/>
      <c r="LB18" s="123">
        <v>321273</v>
      </c>
      <c r="LC18" s="123">
        <v>1132754</v>
      </c>
      <c r="LD18" s="123">
        <v>448842</v>
      </c>
      <c r="LE18" s="123">
        <v>3837008</v>
      </c>
      <c r="LF18" s="123">
        <v>1009260</v>
      </c>
      <c r="LG18" s="124">
        <v>6749137</v>
      </c>
      <c r="LH18" s="125">
        <v>6749137</v>
      </c>
      <c r="LI18" s="160">
        <v>0</v>
      </c>
      <c r="LJ18" s="123">
        <v>0</v>
      </c>
      <c r="LK18" s="124">
        <v>0</v>
      </c>
      <c r="LL18" s="163"/>
      <c r="LM18" s="123">
        <v>241745</v>
      </c>
      <c r="LN18" s="123">
        <v>0</v>
      </c>
      <c r="LO18" s="123">
        <v>4328825</v>
      </c>
      <c r="LP18" s="123">
        <v>2380762</v>
      </c>
      <c r="LQ18" s="123">
        <v>1219833</v>
      </c>
      <c r="LR18" s="124">
        <v>8171165</v>
      </c>
      <c r="LS18" s="354">
        <v>8171165</v>
      </c>
      <c r="LT18" s="160">
        <v>0</v>
      </c>
      <c r="LU18" s="123">
        <v>0</v>
      </c>
      <c r="LV18" s="124">
        <v>0</v>
      </c>
      <c r="LW18" s="163"/>
      <c r="LX18" s="123">
        <v>2126180</v>
      </c>
      <c r="LY18" s="123">
        <v>2978957</v>
      </c>
      <c r="LZ18" s="123">
        <v>5954989</v>
      </c>
      <c r="MA18" s="123">
        <v>10633607</v>
      </c>
      <c r="MB18" s="123">
        <v>8389499</v>
      </c>
      <c r="MC18" s="124">
        <v>30083232</v>
      </c>
      <c r="MD18" s="125">
        <v>30083232</v>
      </c>
      <c r="ME18" s="160">
        <v>0</v>
      </c>
      <c r="MF18" s="123">
        <v>0</v>
      </c>
      <c r="MG18" s="124">
        <v>0</v>
      </c>
      <c r="MH18" s="163"/>
      <c r="MI18" s="123">
        <v>11575511</v>
      </c>
      <c r="MJ18" s="123">
        <v>26834280</v>
      </c>
      <c r="MK18" s="123">
        <v>90858580</v>
      </c>
      <c r="ML18" s="123">
        <v>139271873</v>
      </c>
      <c r="MM18" s="123">
        <v>94357601</v>
      </c>
      <c r="MN18" s="124">
        <v>362897845</v>
      </c>
      <c r="MO18" s="161">
        <v>362897845</v>
      </c>
      <c r="MP18" s="160">
        <v>0</v>
      </c>
      <c r="MQ18" s="123">
        <v>0</v>
      </c>
      <c r="MR18" s="124">
        <v>0</v>
      </c>
      <c r="MS18" s="163">
        <v>0</v>
      </c>
      <c r="MT18" s="123">
        <v>413544</v>
      </c>
      <c r="MU18" s="123">
        <v>4803472</v>
      </c>
      <c r="MV18" s="123">
        <v>46635346</v>
      </c>
      <c r="MW18" s="123">
        <v>84870201</v>
      </c>
      <c r="MX18" s="123">
        <v>65339034</v>
      </c>
      <c r="MY18" s="124">
        <v>202061597</v>
      </c>
      <c r="MZ18" s="161">
        <v>202061597</v>
      </c>
      <c r="NA18" s="160">
        <v>0</v>
      </c>
      <c r="NB18" s="123">
        <v>0</v>
      </c>
      <c r="NC18" s="124">
        <v>0</v>
      </c>
      <c r="ND18" s="163"/>
      <c r="NE18" s="123">
        <v>11161967</v>
      </c>
      <c r="NF18" s="123">
        <v>21731601</v>
      </c>
      <c r="NG18" s="123">
        <v>43075015</v>
      </c>
      <c r="NH18" s="123">
        <v>50589057</v>
      </c>
      <c r="NI18" s="123">
        <v>22988808</v>
      </c>
      <c r="NJ18" s="124">
        <v>149546448</v>
      </c>
      <c r="NK18" s="354">
        <v>149546448</v>
      </c>
      <c r="NL18" s="160">
        <v>0</v>
      </c>
      <c r="NM18" s="123">
        <v>0</v>
      </c>
      <c r="NN18" s="124">
        <v>0</v>
      </c>
      <c r="NO18" s="163"/>
      <c r="NP18" s="123">
        <v>0</v>
      </c>
      <c r="NQ18" s="123">
        <v>0</v>
      </c>
      <c r="NR18" s="123">
        <v>0</v>
      </c>
      <c r="NS18" s="123">
        <v>3376507</v>
      </c>
      <c r="NT18" s="123">
        <v>3559103</v>
      </c>
      <c r="NU18" s="124">
        <v>6935610</v>
      </c>
      <c r="NV18" s="125">
        <v>6935610</v>
      </c>
      <c r="NW18" s="160">
        <v>0</v>
      </c>
      <c r="NX18" s="123">
        <v>0</v>
      </c>
      <c r="NY18" s="124">
        <v>0</v>
      </c>
      <c r="NZ18" s="163"/>
      <c r="OA18" s="123">
        <v>0</v>
      </c>
      <c r="OB18" s="123">
        <v>299207</v>
      </c>
      <c r="OC18" s="123">
        <v>1148219</v>
      </c>
      <c r="OD18" s="123">
        <v>436108</v>
      </c>
      <c r="OE18" s="123">
        <v>2470656</v>
      </c>
      <c r="OF18" s="124">
        <v>4354190</v>
      </c>
      <c r="OG18" s="125">
        <v>4354190</v>
      </c>
      <c r="OH18" s="160">
        <v>16118312</v>
      </c>
      <c r="OI18" s="123">
        <v>29576014</v>
      </c>
      <c r="OJ18" s="159">
        <v>45694326</v>
      </c>
      <c r="OK18" s="122">
        <v>0</v>
      </c>
      <c r="OL18" s="123">
        <v>175729133</v>
      </c>
      <c r="OM18" s="123">
        <v>205607820</v>
      </c>
      <c r="ON18" s="123">
        <v>270671896</v>
      </c>
      <c r="OO18" s="123">
        <v>326798957</v>
      </c>
      <c r="OP18" s="123">
        <v>233278124</v>
      </c>
      <c r="OQ18" s="124">
        <v>1212085930</v>
      </c>
      <c r="OR18" s="161">
        <v>1257780256</v>
      </c>
    </row>
    <row r="19" spans="1:408" ht="18.75" customHeight="1" x14ac:dyDescent="0.2">
      <c r="A19" s="63" t="s">
        <v>13</v>
      </c>
      <c r="B19" s="113">
        <v>3710594</v>
      </c>
      <c r="C19" s="117">
        <v>6761341</v>
      </c>
      <c r="D19" s="116">
        <v>10471935</v>
      </c>
      <c r="E19" s="113">
        <v>0</v>
      </c>
      <c r="F19" s="188">
        <v>47179035</v>
      </c>
      <c r="G19" s="117">
        <v>60592637</v>
      </c>
      <c r="H19" s="117">
        <v>62824231</v>
      </c>
      <c r="I19" s="117">
        <v>55547686</v>
      </c>
      <c r="J19" s="117">
        <v>51304503</v>
      </c>
      <c r="K19" s="115">
        <v>277448092</v>
      </c>
      <c r="L19" s="119">
        <v>287920027</v>
      </c>
      <c r="M19" s="113">
        <v>726681</v>
      </c>
      <c r="N19" s="117">
        <v>1261800</v>
      </c>
      <c r="O19" s="116">
        <v>1988481</v>
      </c>
      <c r="P19" s="113">
        <v>0</v>
      </c>
      <c r="Q19" s="117">
        <v>12300122</v>
      </c>
      <c r="R19" s="117">
        <v>19066788</v>
      </c>
      <c r="S19" s="117">
        <v>19618349</v>
      </c>
      <c r="T19" s="117">
        <v>18596004</v>
      </c>
      <c r="U19" s="117">
        <v>26883158</v>
      </c>
      <c r="V19" s="116">
        <v>96464421</v>
      </c>
      <c r="W19" s="119">
        <v>98452902</v>
      </c>
      <c r="X19" s="113">
        <v>0</v>
      </c>
      <c r="Y19" s="117">
        <v>0</v>
      </c>
      <c r="Z19" s="116">
        <v>0</v>
      </c>
      <c r="AA19" s="113">
        <v>0</v>
      </c>
      <c r="AB19" s="117">
        <v>5994443</v>
      </c>
      <c r="AC19" s="117">
        <v>9923106</v>
      </c>
      <c r="AD19" s="117">
        <v>11570754</v>
      </c>
      <c r="AE19" s="117">
        <v>11016991</v>
      </c>
      <c r="AF19" s="117">
        <v>17947157</v>
      </c>
      <c r="AG19" s="116">
        <v>56452451</v>
      </c>
      <c r="AH19" s="119">
        <v>56452451</v>
      </c>
      <c r="AI19" s="113">
        <v>27269</v>
      </c>
      <c r="AJ19" s="117">
        <v>0</v>
      </c>
      <c r="AK19" s="116">
        <v>27269</v>
      </c>
      <c r="AL19" s="113">
        <v>0</v>
      </c>
      <c r="AM19" s="117">
        <v>0</v>
      </c>
      <c r="AN19" s="117">
        <v>208234</v>
      </c>
      <c r="AO19" s="117">
        <v>687343</v>
      </c>
      <c r="AP19" s="117">
        <v>1271323</v>
      </c>
      <c r="AQ19" s="117">
        <v>2260197</v>
      </c>
      <c r="AR19" s="116">
        <v>4427097</v>
      </c>
      <c r="AS19" s="119">
        <v>4454366</v>
      </c>
      <c r="AT19" s="113">
        <v>162279</v>
      </c>
      <c r="AU19" s="117">
        <v>640675</v>
      </c>
      <c r="AV19" s="116">
        <v>802954</v>
      </c>
      <c r="AW19" s="113">
        <v>0</v>
      </c>
      <c r="AX19" s="117">
        <v>3472316</v>
      </c>
      <c r="AY19" s="117">
        <v>5837778</v>
      </c>
      <c r="AZ19" s="117">
        <v>4405647</v>
      </c>
      <c r="BA19" s="117">
        <v>3565640</v>
      </c>
      <c r="BB19" s="117">
        <v>4271851</v>
      </c>
      <c r="BC19" s="116">
        <v>21553232</v>
      </c>
      <c r="BD19" s="119">
        <v>22356186</v>
      </c>
      <c r="BE19" s="113">
        <v>103531</v>
      </c>
      <c r="BF19" s="117">
        <v>120985</v>
      </c>
      <c r="BG19" s="115">
        <v>224516</v>
      </c>
      <c r="BH19" s="114">
        <v>0</v>
      </c>
      <c r="BI19" s="117">
        <v>401612</v>
      </c>
      <c r="BJ19" s="117">
        <v>711210</v>
      </c>
      <c r="BK19" s="117">
        <v>345501</v>
      </c>
      <c r="BL19" s="117">
        <v>437770</v>
      </c>
      <c r="BM19" s="117">
        <v>174580</v>
      </c>
      <c r="BN19" s="116">
        <v>2070673</v>
      </c>
      <c r="BO19" s="119">
        <v>2295189</v>
      </c>
      <c r="BP19" s="113">
        <v>433602</v>
      </c>
      <c r="BQ19" s="117">
        <v>500140</v>
      </c>
      <c r="BR19" s="116">
        <v>933742</v>
      </c>
      <c r="BS19" s="113">
        <v>0</v>
      </c>
      <c r="BT19" s="117">
        <v>2431751</v>
      </c>
      <c r="BU19" s="117">
        <v>2386460</v>
      </c>
      <c r="BV19" s="117">
        <v>2609104</v>
      </c>
      <c r="BW19" s="117">
        <v>2304280</v>
      </c>
      <c r="BX19" s="117">
        <v>2229373</v>
      </c>
      <c r="BY19" s="116">
        <v>11960968</v>
      </c>
      <c r="BZ19" s="119">
        <v>12894710</v>
      </c>
      <c r="CA19" s="113">
        <v>202136</v>
      </c>
      <c r="CB19" s="117">
        <v>1170286</v>
      </c>
      <c r="CC19" s="116">
        <v>1372422</v>
      </c>
      <c r="CD19" s="113">
        <v>0</v>
      </c>
      <c r="CE19" s="117">
        <v>10583540</v>
      </c>
      <c r="CF19" s="117">
        <v>14289825</v>
      </c>
      <c r="CG19" s="117">
        <v>11533929</v>
      </c>
      <c r="CH19" s="117">
        <v>8010549</v>
      </c>
      <c r="CI19" s="117">
        <v>3763702</v>
      </c>
      <c r="CJ19" s="116">
        <v>48181545</v>
      </c>
      <c r="CK19" s="119">
        <v>49553967</v>
      </c>
      <c r="CL19" s="113">
        <v>0</v>
      </c>
      <c r="CM19" s="117">
        <v>0</v>
      </c>
      <c r="CN19" s="116">
        <v>0</v>
      </c>
      <c r="CO19" s="114">
        <v>0</v>
      </c>
      <c r="CP19" s="117">
        <v>9548371</v>
      </c>
      <c r="CQ19" s="117">
        <v>12025733</v>
      </c>
      <c r="CR19" s="117">
        <v>10058260</v>
      </c>
      <c r="CS19" s="117">
        <v>5633327</v>
      </c>
      <c r="CT19" s="117">
        <v>2727499</v>
      </c>
      <c r="CU19" s="116">
        <v>39993190</v>
      </c>
      <c r="CV19" s="119">
        <v>39993190</v>
      </c>
      <c r="CW19" s="113">
        <v>202136</v>
      </c>
      <c r="CX19" s="117">
        <v>1170286</v>
      </c>
      <c r="CY19" s="116">
        <v>1372422</v>
      </c>
      <c r="CZ19" s="113">
        <v>0</v>
      </c>
      <c r="DA19" s="117">
        <v>1035169</v>
      </c>
      <c r="DB19" s="117">
        <v>2264092</v>
      </c>
      <c r="DC19" s="117">
        <v>1475669</v>
      </c>
      <c r="DD19" s="117">
        <v>2377222</v>
      </c>
      <c r="DE19" s="117">
        <v>1036203</v>
      </c>
      <c r="DF19" s="116">
        <v>8188355</v>
      </c>
      <c r="DG19" s="119">
        <v>9560777</v>
      </c>
      <c r="DH19" s="113">
        <v>0</v>
      </c>
      <c r="DI19" s="117">
        <v>41360</v>
      </c>
      <c r="DJ19" s="115">
        <v>41360</v>
      </c>
      <c r="DK19" s="114">
        <v>0</v>
      </c>
      <c r="DL19" s="117">
        <v>942700</v>
      </c>
      <c r="DM19" s="117">
        <v>2325401</v>
      </c>
      <c r="DN19" s="117">
        <v>7712009</v>
      </c>
      <c r="DO19" s="117">
        <v>6934954</v>
      </c>
      <c r="DP19" s="117">
        <v>3933697</v>
      </c>
      <c r="DQ19" s="116">
        <v>21848761</v>
      </c>
      <c r="DR19" s="119">
        <v>21890121</v>
      </c>
      <c r="DS19" s="113">
        <v>0</v>
      </c>
      <c r="DT19" s="117">
        <v>0</v>
      </c>
      <c r="DU19" s="116">
        <v>0</v>
      </c>
      <c r="DV19" s="113">
        <v>0</v>
      </c>
      <c r="DW19" s="117">
        <v>713395</v>
      </c>
      <c r="DX19" s="117">
        <v>1890960</v>
      </c>
      <c r="DY19" s="117">
        <v>7021432</v>
      </c>
      <c r="DZ19" s="117">
        <v>6369621</v>
      </c>
      <c r="EA19" s="117">
        <v>3933697</v>
      </c>
      <c r="EB19" s="116">
        <v>19929105</v>
      </c>
      <c r="EC19" s="119">
        <v>19929105</v>
      </c>
      <c r="ED19" s="113">
        <v>0</v>
      </c>
      <c r="EE19" s="115">
        <v>41360</v>
      </c>
      <c r="EF19" s="116">
        <v>41360</v>
      </c>
      <c r="EG19" s="113">
        <v>0</v>
      </c>
      <c r="EH19" s="117">
        <v>229305</v>
      </c>
      <c r="EI19" s="117">
        <v>434441</v>
      </c>
      <c r="EJ19" s="117">
        <v>690577</v>
      </c>
      <c r="EK19" s="117">
        <v>565333</v>
      </c>
      <c r="EL19" s="117">
        <v>0</v>
      </c>
      <c r="EM19" s="115">
        <v>1919656</v>
      </c>
      <c r="EN19" s="119">
        <v>1961016</v>
      </c>
      <c r="EO19" s="113">
        <v>0</v>
      </c>
      <c r="EP19" s="117">
        <v>0</v>
      </c>
      <c r="EQ19" s="115">
        <v>0</v>
      </c>
      <c r="ER19" s="114">
        <v>0</v>
      </c>
      <c r="ES19" s="117">
        <v>0</v>
      </c>
      <c r="ET19" s="117">
        <v>0</v>
      </c>
      <c r="EU19" s="117">
        <v>0</v>
      </c>
      <c r="EV19" s="117">
        <v>0</v>
      </c>
      <c r="EW19" s="117">
        <v>0</v>
      </c>
      <c r="EX19" s="116">
        <v>0</v>
      </c>
      <c r="EY19" s="119">
        <v>0</v>
      </c>
      <c r="EZ19" s="113">
        <v>0</v>
      </c>
      <c r="FA19" s="117">
        <v>0</v>
      </c>
      <c r="FB19" s="115">
        <v>0</v>
      </c>
      <c r="FC19" s="387"/>
      <c r="FD19" s="117">
        <v>0</v>
      </c>
      <c r="FE19" s="117">
        <v>0</v>
      </c>
      <c r="FF19" s="117">
        <v>0</v>
      </c>
      <c r="FG19" s="117">
        <v>0</v>
      </c>
      <c r="FH19" s="117">
        <v>0</v>
      </c>
      <c r="FI19" s="116">
        <v>0</v>
      </c>
      <c r="FJ19" s="119">
        <v>0</v>
      </c>
      <c r="FK19" s="113">
        <v>889068</v>
      </c>
      <c r="FL19" s="117">
        <v>1270157</v>
      </c>
      <c r="FM19" s="116">
        <v>2159225</v>
      </c>
      <c r="FN19" s="113">
        <v>0</v>
      </c>
      <c r="FO19" s="117">
        <v>2127288</v>
      </c>
      <c r="FP19" s="117">
        <v>5064754</v>
      </c>
      <c r="FQ19" s="117">
        <v>3700851</v>
      </c>
      <c r="FR19" s="117">
        <v>3421413</v>
      </c>
      <c r="FS19" s="117">
        <v>2905926</v>
      </c>
      <c r="FT19" s="116">
        <v>17220232</v>
      </c>
      <c r="FU19" s="119">
        <v>19379457</v>
      </c>
      <c r="FV19" s="118">
        <v>317010</v>
      </c>
      <c r="FW19" s="117">
        <v>848903</v>
      </c>
      <c r="FX19" s="115">
        <v>1165913</v>
      </c>
      <c r="FY19" s="114">
        <v>0</v>
      </c>
      <c r="FZ19" s="117">
        <v>1705308</v>
      </c>
      <c r="GA19" s="117">
        <v>4888542</v>
      </c>
      <c r="GB19" s="117">
        <v>3382890</v>
      </c>
      <c r="GC19" s="117">
        <v>3255153</v>
      </c>
      <c r="GD19" s="117">
        <v>2590941</v>
      </c>
      <c r="GE19" s="116">
        <v>15822834</v>
      </c>
      <c r="GF19" s="351">
        <v>16988747</v>
      </c>
      <c r="GG19" s="118">
        <v>57258</v>
      </c>
      <c r="GH19" s="117">
        <v>52172</v>
      </c>
      <c r="GI19" s="115">
        <v>109430</v>
      </c>
      <c r="GJ19" s="114">
        <v>0</v>
      </c>
      <c r="GK19" s="117">
        <v>52420</v>
      </c>
      <c r="GL19" s="117">
        <v>144712</v>
      </c>
      <c r="GM19" s="117">
        <v>190911</v>
      </c>
      <c r="GN19" s="117">
        <v>74838</v>
      </c>
      <c r="GO19" s="117">
        <v>134985</v>
      </c>
      <c r="GP19" s="116">
        <v>597866</v>
      </c>
      <c r="GQ19" s="119">
        <v>707296</v>
      </c>
      <c r="GR19" s="113">
        <v>514800</v>
      </c>
      <c r="GS19" s="117">
        <v>369082</v>
      </c>
      <c r="GT19" s="116">
        <v>883882</v>
      </c>
      <c r="GU19" s="113">
        <v>0</v>
      </c>
      <c r="GV19" s="117">
        <v>369560</v>
      </c>
      <c r="GW19" s="117">
        <v>31500</v>
      </c>
      <c r="GX19" s="117">
        <v>127050</v>
      </c>
      <c r="GY19" s="117">
        <v>91422</v>
      </c>
      <c r="GZ19" s="117">
        <v>180000</v>
      </c>
      <c r="HA19" s="115">
        <v>799532</v>
      </c>
      <c r="HB19" s="119">
        <v>1683414</v>
      </c>
      <c r="HC19" s="113">
        <v>1447707</v>
      </c>
      <c r="HD19" s="117">
        <v>2007686</v>
      </c>
      <c r="HE19" s="115">
        <v>3455393</v>
      </c>
      <c r="HF19" s="114">
        <v>0</v>
      </c>
      <c r="HG19" s="117">
        <v>13775068</v>
      </c>
      <c r="HH19" s="117">
        <v>11963927</v>
      </c>
      <c r="HI19" s="117">
        <v>14632535</v>
      </c>
      <c r="HJ19" s="117">
        <v>14668032</v>
      </c>
      <c r="HK19" s="117">
        <v>10986692</v>
      </c>
      <c r="HL19" s="116">
        <v>66026254</v>
      </c>
      <c r="HM19" s="112">
        <v>69481647</v>
      </c>
      <c r="HN19" s="118">
        <v>445002</v>
      </c>
      <c r="HO19" s="117">
        <v>1010052</v>
      </c>
      <c r="HP19" s="116">
        <v>1455054</v>
      </c>
      <c r="HQ19" s="113">
        <v>0</v>
      </c>
      <c r="HR19" s="117">
        <v>7450317</v>
      </c>
      <c r="HS19" s="117">
        <v>7881942</v>
      </c>
      <c r="HT19" s="117">
        <v>5626558</v>
      </c>
      <c r="HU19" s="117">
        <v>3916734</v>
      </c>
      <c r="HV19" s="117">
        <v>2831328</v>
      </c>
      <c r="HW19" s="115">
        <v>27706879</v>
      </c>
      <c r="HX19" s="119">
        <v>29161933</v>
      </c>
      <c r="HY19" s="149">
        <v>32984</v>
      </c>
      <c r="HZ19" s="150">
        <v>221043</v>
      </c>
      <c r="IA19" s="151">
        <v>254027</v>
      </c>
      <c r="IB19" s="164">
        <v>0</v>
      </c>
      <c r="IC19" s="150">
        <v>11155841</v>
      </c>
      <c r="ID19" s="165">
        <v>14125348</v>
      </c>
      <c r="IE19" s="151">
        <v>14899136</v>
      </c>
      <c r="IF19" s="150">
        <v>8526350</v>
      </c>
      <c r="IG19" s="151">
        <v>6319887</v>
      </c>
      <c r="IH19" s="166">
        <v>55026562</v>
      </c>
      <c r="II19" s="157">
        <v>55280589</v>
      </c>
      <c r="IJ19" s="262">
        <v>0</v>
      </c>
      <c r="IK19" s="269">
        <v>0</v>
      </c>
      <c r="IL19" s="270">
        <v>0</v>
      </c>
      <c r="IM19" s="158"/>
      <c r="IN19" s="123">
        <v>0</v>
      </c>
      <c r="IO19" s="123">
        <v>136457</v>
      </c>
      <c r="IP19" s="123">
        <v>205695</v>
      </c>
      <c r="IQ19" s="123">
        <v>0</v>
      </c>
      <c r="IR19" s="123">
        <v>0</v>
      </c>
      <c r="IS19" s="159">
        <v>342152</v>
      </c>
      <c r="IT19" s="354">
        <v>342152</v>
      </c>
      <c r="IU19" s="160">
        <v>0</v>
      </c>
      <c r="IV19" s="123">
        <v>0</v>
      </c>
      <c r="IW19" s="124">
        <v>0</v>
      </c>
      <c r="IX19" s="162">
        <v>0</v>
      </c>
      <c r="IY19" s="123">
        <v>0</v>
      </c>
      <c r="IZ19" s="123">
        <v>0</v>
      </c>
      <c r="JA19" s="123">
        <v>0</v>
      </c>
      <c r="JB19" s="123">
        <v>0</v>
      </c>
      <c r="JC19" s="123">
        <v>0</v>
      </c>
      <c r="JD19" s="124">
        <v>0</v>
      </c>
      <c r="JE19" s="125">
        <v>0</v>
      </c>
      <c r="JF19" s="160">
        <v>0</v>
      </c>
      <c r="JG19" s="123">
        <v>0</v>
      </c>
      <c r="JH19" s="159">
        <v>0</v>
      </c>
      <c r="JI19" s="122">
        <v>0</v>
      </c>
      <c r="JJ19" s="123">
        <v>6214879</v>
      </c>
      <c r="JK19" s="123">
        <v>6934819</v>
      </c>
      <c r="JL19" s="123">
        <v>5184054</v>
      </c>
      <c r="JM19" s="123">
        <v>1959322</v>
      </c>
      <c r="JN19" s="123">
        <v>1395775</v>
      </c>
      <c r="JO19" s="124">
        <v>21688849</v>
      </c>
      <c r="JP19" s="354">
        <v>21688849</v>
      </c>
      <c r="JQ19" s="160">
        <v>0</v>
      </c>
      <c r="JR19" s="123">
        <v>0</v>
      </c>
      <c r="JS19" s="159">
        <v>0</v>
      </c>
      <c r="JT19" s="122">
        <v>0</v>
      </c>
      <c r="JU19" s="123">
        <v>178686</v>
      </c>
      <c r="JV19" s="123">
        <v>339184</v>
      </c>
      <c r="JW19" s="123">
        <v>1094317</v>
      </c>
      <c r="JX19" s="123">
        <v>494126</v>
      </c>
      <c r="JY19" s="123">
        <v>574668</v>
      </c>
      <c r="JZ19" s="124">
        <v>2680981</v>
      </c>
      <c r="KA19" s="354">
        <v>2680981</v>
      </c>
      <c r="KB19" s="265">
        <v>32984</v>
      </c>
      <c r="KC19" s="259">
        <v>221043</v>
      </c>
      <c r="KD19" s="124">
        <v>254027</v>
      </c>
      <c r="KE19" s="122">
        <v>0</v>
      </c>
      <c r="KF19" s="123">
        <v>1676802</v>
      </c>
      <c r="KG19" s="123">
        <v>2359745</v>
      </c>
      <c r="KH19" s="123">
        <v>343886</v>
      </c>
      <c r="KI19" s="123">
        <v>253204</v>
      </c>
      <c r="KJ19" s="123">
        <v>504191</v>
      </c>
      <c r="KK19" s="124">
        <v>5137828</v>
      </c>
      <c r="KL19" s="161">
        <v>5391855</v>
      </c>
      <c r="KM19" s="262">
        <v>0</v>
      </c>
      <c r="KN19" s="269">
        <v>0</v>
      </c>
      <c r="KO19" s="270">
        <v>0</v>
      </c>
      <c r="KP19" s="158"/>
      <c r="KQ19" s="123">
        <v>3085474</v>
      </c>
      <c r="KR19" s="123">
        <v>4355143</v>
      </c>
      <c r="KS19" s="123">
        <v>7284684</v>
      </c>
      <c r="KT19" s="123">
        <v>3721411</v>
      </c>
      <c r="KU19" s="123">
        <v>2915513</v>
      </c>
      <c r="KV19" s="124">
        <v>21362225</v>
      </c>
      <c r="KW19" s="354">
        <v>21362225</v>
      </c>
      <c r="KX19" s="160">
        <v>0</v>
      </c>
      <c r="KY19" s="123">
        <v>0</v>
      </c>
      <c r="KZ19" s="124">
        <v>0</v>
      </c>
      <c r="LA19" s="163"/>
      <c r="LB19" s="123">
        <v>0</v>
      </c>
      <c r="LC19" s="123">
        <v>0</v>
      </c>
      <c r="LD19" s="123">
        <v>786500</v>
      </c>
      <c r="LE19" s="123">
        <v>2098287</v>
      </c>
      <c r="LF19" s="123">
        <v>929740</v>
      </c>
      <c r="LG19" s="124">
        <v>3814527</v>
      </c>
      <c r="LH19" s="125">
        <v>3814527</v>
      </c>
      <c r="LI19" s="160">
        <v>0</v>
      </c>
      <c r="LJ19" s="123">
        <v>0</v>
      </c>
      <c r="LK19" s="124">
        <v>0</v>
      </c>
      <c r="LL19" s="163"/>
      <c r="LM19" s="123">
        <v>0</v>
      </c>
      <c r="LN19" s="123">
        <v>0</v>
      </c>
      <c r="LO19" s="123">
        <v>0</v>
      </c>
      <c r="LP19" s="123">
        <v>0</v>
      </c>
      <c r="LQ19" s="123">
        <v>0</v>
      </c>
      <c r="LR19" s="124">
        <v>0</v>
      </c>
      <c r="LS19" s="354">
        <v>0</v>
      </c>
      <c r="LT19" s="160">
        <v>0</v>
      </c>
      <c r="LU19" s="123">
        <v>0</v>
      </c>
      <c r="LV19" s="124">
        <v>0</v>
      </c>
      <c r="LW19" s="163"/>
      <c r="LX19" s="123">
        <v>0</v>
      </c>
      <c r="LY19" s="123">
        <v>0</v>
      </c>
      <c r="LZ19" s="123">
        <v>0</v>
      </c>
      <c r="MA19" s="123">
        <v>0</v>
      </c>
      <c r="MB19" s="123">
        <v>0</v>
      </c>
      <c r="MC19" s="124">
        <v>0</v>
      </c>
      <c r="MD19" s="125">
        <v>0</v>
      </c>
      <c r="ME19" s="160">
        <v>0</v>
      </c>
      <c r="MF19" s="123">
        <v>0</v>
      </c>
      <c r="MG19" s="124">
        <v>0</v>
      </c>
      <c r="MH19" s="163"/>
      <c r="MI19" s="123">
        <v>3365566</v>
      </c>
      <c r="MJ19" s="123">
        <v>8204205</v>
      </c>
      <c r="MK19" s="123">
        <v>29973785</v>
      </c>
      <c r="ML19" s="123">
        <v>47237520</v>
      </c>
      <c r="MM19" s="123">
        <v>40216016</v>
      </c>
      <c r="MN19" s="124">
        <v>128997092</v>
      </c>
      <c r="MO19" s="161">
        <v>128997092</v>
      </c>
      <c r="MP19" s="160">
        <v>0</v>
      </c>
      <c r="MQ19" s="123">
        <v>0</v>
      </c>
      <c r="MR19" s="124">
        <v>0</v>
      </c>
      <c r="MS19" s="163">
        <v>0</v>
      </c>
      <c r="MT19" s="123">
        <v>851584</v>
      </c>
      <c r="MU19" s="123">
        <v>233848</v>
      </c>
      <c r="MV19" s="123">
        <v>17974351</v>
      </c>
      <c r="MW19" s="123">
        <v>38749847</v>
      </c>
      <c r="MX19" s="123">
        <v>33613004</v>
      </c>
      <c r="MY19" s="124">
        <v>91422634</v>
      </c>
      <c r="MZ19" s="161">
        <v>91422634</v>
      </c>
      <c r="NA19" s="160">
        <v>0</v>
      </c>
      <c r="NB19" s="123">
        <v>0</v>
      </c>
      <c r="NC19" s="124">
        <v>0</v>
      </c>
      <c r="ND19" s="163"/>
      <c r="NE19" s="123">
        <v>2513982</v>
      </c>
      <c r="NF19" s="123">
        <v>7970357</v>
      </c>
      <c r="NG19" s="123">
        <v>11999434</v>
      </c>
      <c r="NH19" s="123">
        <v>8487673</v>
      </c>
      <c r="NI19" s="123">
        <v>6603012</v>
      </c>
      <c r="NJ19" s="124">
        <v>37574458</v>
      </c>
      <c r="NK19" s="354">
        <v>37574458</v>
      </c>
      <c r="NL19" s="160">
        <v>0</v>
      </c>
      <c r="NM19" s="123">
        <v>0</v>
      </c>
      <c r="NN19" s="124">
        <v>0</v>
      </c>
      <c r="NO19" s="163"/>
      <c r="NP19" s="123">
        <v>0</v>
      </c>
      <c r="NQ19" s="123">
        <v>0</v>
      </c>
      <c r="NR19" s="123">
        <v>0</v>
      </c>
      <c r="NS19" s="123">
        <v>0</v>
      </c>
      <c r="NT19" s="123">
        <v>0</v>
      </c>
      <c r="NU19" s="124">
        <v>0</v>
      </c>
      <c r="NV19" s="125">
        <v>0</v>
      </c>
      <c r="NW19" s="160">
        <v>0</v>
      </c>
      <c r="NX19" s="123">
        <v>0</v>
      </c>
      <c r="NY19" s="124">
        <v>0</v>
      </c>
      <c r="NZ19" s="163"/>
      <c r="OA19" s="123">
        <v>0</v>
      </c>
      <c r="OB19" s="123">
        <v>0</v>
      </c>
      <c r="OC19" s="123">
        <v>0</v>
      </c>
      <c r="OD19" s="123">
        <v>0</v>
      </c>
      <c r="OE19" s="123">
        <v>0</v>
      </c>
      <c r="OF19" s="124">
        <v>0</v>
      </c>
      <c r="OG19" s="125">
        <v>0</v>
      </c>
      <c r="OH19" s="160">
        <v>3743578</v>
      </c>
      <c r="OI19" s="123">
        <v>6982384</v>
      </c>
      <c r="OJ19" s="159">
        <v>10725962</v>
      </c>
      <c r="OK19" s="122">
        <v>0</v>
      </c>
      <c r="OL19" s="123">
        <v>61700442</v>
      </c>
      <c r="OM19" s="123">
        <v>82922190</v>
      </c>
      <c r="ON19" s="123">
        <v>107697152</v>
      </c>
      <c r="OO19" s="123">
        <v>111311556</v>
      </c>
      <c r="OP19" s="123">
        <v>97840406</v>
      </c>
      <c r="OQ19" s="124">
        <v>461471746</v>
      </c>
      <c r="OR19" s="161">
        <v>472197708</v>
      </c>
    </row>
    <row r="20" spans="1:408" ht="18.75" customHeight="1" x14ac:dyDescent="0.2">
      <c r="A20" s="63" t="s">
        <v>15</v>
      </c>
      <c r="B20" s="113">
        <v>1528049</v>
      </c>
      <c r="C20" s="117">
        <v>4002590</v>
      </c>
      <c r="D20" s="116">
        <v>5530639</v>
      </c>
      <c r="E20" s="112">
        <v>0</v>
      </c>
      <c r="F20" s="117">
        <v>31035951</v>
      </c>
      <c r="G20" s="117">
        <v>44439156</v>
      </c>
      <c r="H20" s="117">
        <v>36439564</v>
      </c>
      <c r="I20" s="117">
        <v>30806522</v>
      </c>
      <c r="J20" s="117">
        <v>26560678</v>
      </c>
      <c r="K20" s="112">
        <v>169281871</v>
      </c>
      <c r="L20" s="119">
        <v>174812510</v>
      </c>
      <c r="M20" s="113">
        <v>203426</v>
      </c>
      <c r="N20" s="117">
        <v>502249</v>
      </c>
      <c r="O20" s="116">
        <v>705675</v>
      </c>
      <c r="P20" s="113">
        <v>0</v>
      </c>
      <c r="Q20" s="117">
        <v>6876441</v>
      </c>
      <c r="R20" s="117">
        <v>11149186</v>
      </c>
      <c r="S20" s="117">
        <v>8255742</v>
      </c>
      <c r="T20" s="117">
        <v>8942760</v>
      </c>
      <c r="U20" s="117">
        <v>13487778</v>
      </c>
      <c r="V20" s="116">
        <v>48711907</v>
      </c>
      <c r="W20" s="119">
        <v>49417582</v>
      </c>
      <c r="X20" s="113">
        <v>0</v>
      </c>
      <c r="Y20" s="117">
        <v>0</v>
      </c>
      <c r="Z20" s="116">
        <v>0</v>
      </c>
      <c r="AA20" s="113">
        <v>0</v>
      </c>
      <c r="AB20" s="117">
        <v>3478061</v>
      </c>
      <c r="AC20" s="117">
        <v>5803583</v>
      </c>
      <c r="AD20" s="117">
        <v>4302694</v>
      </c>
      <c r="AE20" s="117">
        <v>4205691</v>
      </c>
      <c r="AF20" s="117">
        <v>7444741</v>
      </c>
      <c r="AG20" s="116">
        <v>25234770</v>
      </c>
      <c r="AH20" s="119">
        <v>25234770</v>
      </c>
      <c r="AI20" s="113">
        <v>0</v>
      </c>
      <c r="AJ20" s="117">
        <v>0</v>
      </c>
      <c r="AK20" s="116">
        <v>0</v>
      </c>
      <c r="AL20" s="113">
        <v>0</v>
      </c>
      <c r="AM20" s="117">
        <v>66358</v>
      </c>
      <c r="AN20" s="117">
        <v>422982</v>
      </c>
      <c r="AO20" s="117">
        <v>537019</v>
      </c>
      <c r="AP20" s="117">
        <v>1161504</v>
      </c>
      <c r="AQ20" s="117">
        <v>2514978</v>
      </c>
      <c r="AR20" s="116">
        <v>4702841</v>
      </c>
      <c r="AS20" s="119">
        <v>4702841</v>
      </c>
      <c r="AT20" s="113">
        <v>69058</v>
      </c>
      <c r="AU20" s="117">
        <v>314471</v>
      </c>
      <c r="AV20" s="116">
        <v>383529</v>
      </c>
      <c r="AW20" s="113">
        <v>0</v>
      </c>
      <c r="AX20" s="117">
        <v>1512178</v>
      </c>
      <c r="AY20" s="117">
        <v>3094462</v>
      </c>
      <c r="AZ20" s="117">
        <v>1736223</v>
      </c>
      <c r="BA20" s="117">
        <v>1997446</v>
      </c>
      <c r="BB20" s="117">
        <v>2295807</v>
      </c>
      <c r="BC20" s="116">
        <v>10636116</v>
      </c>
      <c r="BD20" s="119">
        <v>11019645</v>
      </c>
      <c r="BE20" s="113">
        <v>15358</v>
      </c>
      <c r="BF20" s="117">
        <v>24914</v>
      </c>
      <c r="BG20" s="115">
        <v>40272</v>
      </c>
      <c r="BH20" s="114">
        <v>0</v>
      </c>
      <c r="BI20" s="117">
        <v>159350</v>
      </c>
      <c r="BJ20" s="117">
        <v>493784</v>
      </c>
      <c r="BK20" s="117">
        <v>160666</v>
      </c>
      <c r="BL20" s="117">
        <v>123982</v>
      </c>
      <c r="BM20" s="117">
        <v>277295</v>
      </c>
      <c r="BN20" s="116">
        <v>1215077</v>
      </c>
      <c r="BO20" s="119">
        <v>1255349</v>
      </c>
      <c r="BP20" s="113">
        <v>119010</v>
      </c>
      <c r="BQ20" s="117">
        <v>162864</v>
      </c>
      <c r="BR20" s="116">
        <v>281874</v>
      </c>
      <c r="BS20" s="113">
        <v>0</v>
      </c>
      <c r="BT20" s="117">
        <v>1660494</v>
      </c>
      <c r="BU20" s="117">
        <v>1334375</v>
      </c>
      <c r="BV20" s="117">
        <v>1519140</v>
      </c>
      <c r="BW20" s="117">
        <v>1454137</v>
      </c>
      <c r="BX20" s="117">
        <v>954957</v>
      </c>
      <c r="BY20" s="116">
        <v>6923103</v>
      </c>
      <c r="BZ20" s="119">
        <v>7204977</v>
      </c>
      <c r="CA20" s="113">
        <v>0</v>
      </c>
      <c r="CB20" s="117">
        <v>252194</v>
      </c>
      <c r="CC20" s="116">
        <v>252194</v>
      </c>
      <c r="CD20" s="113">
        <v>0</v>
      </c>
      <c r="CE20" s="117">
        <v>6875492</v>
      </c>
      <c r="CF20" s="117">
        <v>11997038</v>
      </c>
      <c r="CG20" s="117">
        <v>6878951</v>
      </c>
      <c r="CH20" s="117">
        <v>3199768</v>
      </c>
      <c r="CI20" s="117">
        <v>1621875</v>
      </c>
      <c r="CJ20" s="116">
        <v>30573124</v>
      </c>
      <c r="CK20" s="119">
        <v>30825318</v>
      </c>
      <c r="CL20" s="113">
        <v>0</v>
      </c>
      <c r="CM20" s="117">
        <v>0</v>
      </c>
      <c r="CN20" s="116">
        <v>0</v>
      </c>
      <c r="CO20" s="114">
        <v>0</v>
      </c>
      <c r="CP20" s="117">
        <v>4955047</v>
      </c>
      <c r="CQ20" s="117">
        <v>9624012</v>
      </c>
      <c r="CR20" s="117">
        <v>5685176</v>
      </c>
      <c r="CS20" s="117">
        <v>2434744</v>
      </c>
      <c r="CT20" s="117">
        <v>1262818</v>
      </c>
      <c r="CU20" s="116">
        <v>23961797</v>
      </c>
      <c r="CV20" s="119">
        <v>23961797</v>
      </c>
      <c r="CW20" s="113">
        <v>0</v>
      </c>
      <c r="CX20" s="117">
        <v>252194</v>
      </c>
      <c r="CY20" s="116">
        <v>252194</v>
      </c>
      <c r="CZ20" s="113">
        <v>0</v>
      </c>
      <c r="DA20" s="117">
        <v>1920445</v>
      </c>
      <c r="DB20" s="117">
        <v>2373026</v>
      </c>
      <c r="DC20" s="117">
        <v>1193775</v>
      </c>
      <c r="DD20" s="117">
        <v>765024</v>
      </c>
      <c r="DE20" s="117">
        <v>359057</v>
      </c>
      <c r="DF20" s="116">
        <v>6611327</v>
      </c>
      <c r="DG20" s="119">
        <v>6863521</v>
      </c>
      <c r="DH20" s="113">
        <v>0</v>
      </c>
      <c r="DI20" s="117">
        <v>55772</v>
      </c>
      <c r="DJ20" s="115">
        <v>55772</v>
      </c>
      <c r="DK20" s="114">
        <v>0</v>
      </c>
      <c r="DL20" s="117">
        <v>725759</v>
      </c>
      <c r="DM20" s="117">
        <v>2714453</v>
      </c>
      <c r="DN20" s="117">
        <v>7326175</v>
      </c>
      <c r="DO20" s="117">
        <v>3788092</v>
      </c>
      <c r="DP20" s="117">
        <v>3534849</v>
      </c>
      <c r="DQ20" s="116">
        <v>18089328</v>
      </c>
      <c r="DR20" s="119">
        <v>18145100</v>
      </c>
      <c r="DS20" s="113">
        <v>0</v>
      </c>
      <c r="DT20" s="117">
        <v>55772</v>
      </c>
      <c r="DU20" s="116">
        <v>55772</v>
      </c>
      <c r="DV20" s="113">
        <v>0</v>
      </c>
      <c r="DW20" s="117">
        <v>725759</v>
      </c>
      <c r="DX20" s="117">
        <v>2186118</v>
      </c>
      <c r="DY20" s="117">
        <v>6887239</v>
      </c>
      <c r="DZ20" s="117">
        <v>3399057</v>
      </c>
      <c r="EA20" s="117">
        <v>3534849</v>
      </c>
      <c r="EB20" s="116">
        <v>16733022</v>
      </c>
      <c r="EC20" s="119">
        <v>16788794</v>
      </c>
      <c r="ED20" s="113">
        <v>0</v>
      </c>
      <c r="EE20" s="115">
        <v>0</v>
      </c>
      <c r="EF20" s="116">
        <v>0</v>
      </c>
      <c r="EG20" s="113">
        <v>0</v>
      </c>
      <c r="EH20" s="117">
        <v>0</v>
      </c>
      <c r="EI20" s="117">
        <v>528335</v>
      </c>
      <c r="EJ20" s="117">
        <v>438936</v>
      </c>
      <c r="EK20" s="117">
        <v>389035</v>
      </c>
      <c r="EL20" s="117">
        <v>0</v>
      </c>
      <c r="EM20" s="115">
        <v>1356306</v>
      </c>
      <c r="EN20" s="119">
        <v>1356306</v>
      </c>
      <c r="EO20" s="113">
        <v>0</v>
      </c>
      <c r="EP20" s="117">
        <v>0</v>
      </c>
      <c r="EQ20" s="115">
        <v>0</v>
      </c>
      <c r="ER20" s="114">
        <v>0</v>
      </c>
      <c r="ES20" s="117">
        <v>0</v>
      </c>
      <c r="ET20" s="117">
        <v>0</v>
      </c>
      <c r="EU20" s="117">
        <v>0</v>
      </c>
      <c r="EV20" s="117">
        <v>0</v>
      </c>
      <c r="EW20" s="117">
        <v>0</v>
      </c>
      <c r="EX20" s="116">
        <v>0</v>
      </c>
      <c r="EY20" s="119">
        <v>0</v>
      </c>
      <c r="EZ20" s="113">
        <v>0</v>
      </c>
      <c r="FA20" s="117">
        <v>0</v>
      </c>
      <c r="FB20" s="115">
        <v>0</v>
      </c>
      <c r="FC20" s="387"/>
      <c r="FD20" s="117">
        <v>0</v>
      </c>
      <c r="FE20" s="117">
        <v>0</v>
      </c>
      <c r="FF20" s="117">
        <v>0</v>
      </c>
      <c r="FG20" s="117">
        <v>0</v>
      </c>
      <c r="FH20" s="117">
        <v>0</v>
      </c>
      <c r="FI20" s="116">
        <v>0</v>
      </c>
      <c r="FJ20" s="119">
        <v>0</v>
      </c>
      <c r="FK20" s="113">
        <v>303694</v>
      </c>
      <c r="FL20" s="117">
        <v>881065</v>
      </c>
      <c r="FM20" s="116">
        <v>1184759</v>
      </c>
      <c r="FN20" s="113">
        <v>0</v>
      </c>
      <c r="FO20" s="117">
        <v>1644166</v>
      </c>
      <c r="FP20" s="117">
        <v>4920287</v>
      </c>
      <c r="FQ20" s="117">
        <v>2659450</v>
      </c>
      <c r="FR20" s="117">
        <v>2536711</v>
      </c>
      <c r="FS20" s="117">
        <v>1837993</v>
      </c>
      <c r="FT20" s="116">
        <v>13598607</v>
      </c>
      <c r="FU20" s="119">
        <v>14783366</v>
      </c>
      <c r="FV20" s="118">
        <v>303694</v>
      </c>
      <c r="FW20" s="117">
        <v>731215</v>
      </c>
      <c r="FX20" s="115">
        <v>1034909</v>
      </c>
      <c r="FY20" s="114">
        <v>0</v>
      </c>
      <c r="FZ20" s="117">
        <v>1128266</v>
      </c>
      <c r="GA20" s="117">
        <v>4292951</v>
      </c>
      <c r="GB20" s="117">
        <v>2525512</v>
      </c>
      <c r="GC20" s="117">
        <v>2313205</v>
      </c>
      <c r="GD20" s="117">
        <v>1690393</v>
      </c>
      <c r="GE20" s="116">
        <v>11950327</v>
      </c>
      <c r="GF20" s="351">
        <v>12985236</v>
      </c>
      <c r="GG20" s="118">
        <v>0</v>
      </c>
      <c r="GH20" s="117">
        <v>27720</v>
      </c>
      <c r="GI20" s="115">
        <v>27720</v>
      </c>
      <c r="GJ20" s="114">
        <v>0</v>
      </c>
      <c r="GK20" s="117">
        <v>186120</v>
      </c>
      <c r="GL20" s="117">
        <v>73656</v>
      </c>
      <c r="GM20" s="117">
        <v>133938</v>
      </c>
      <c r="GN20" s="117">
        <v>93006</v>
      </c>
      <c r="GO20" s="117">
        <v>118800</v>
      </c>
      <c r="GP20" s="116">
        <v>605520</v>
      </c>
      <c r="GQ20" s="119">
        <v>633240</v>
      </c>
      <c r="GR20" s="113">
        <v>0</v>
      </c>
      <c r="GS20" s="117">
        <v>122130</v>
      </c>
      <c r="GT20" s="116">
        <v>122130</v>
      </c>
      <c r="GU20" s="113">
        <v>0</v>
      </c>
      <c r="GV20" s="117">
        <v>329780</v>
      </c>
      <c r="GW20" s="117">
        <v>553680</v>
      </c>
      <c r="GX20" s="117">
        <v>0</v>
      </c>
      <c r="GY20" s="117">
        <v>130500</v>
      </c>
      <c r="GZ20" s="117">
        <v>28800</v>
      </c>
      <c r="HA20" s="115">
        <v>1042760</v>
      </c>
      <c r="HB20" s="119">
        <v>1164890</v>
      </c>
      <c r="HC20" s="113">
        <v>727208</v>
      </c>
      <c r="HD20" s="117">
        <v>1591289</v>
      </c>
      <c r="HE20" s="115">
        <v>2318497</v>
      </c>
      <c r="HF20" s="114">
        <v>0</v>
      </c>
      <c r="HG20" s="117">
        <v>9363841</v>
      </c>
      <c r="HH20" s="117">
        <v>6484263</v>
      </c>
      <c r="HI20" s="117">
        <v>7551504</v>
      </c>
      <c r="HJ20" s="117">
        <v>9938478</v>
      </c>
      <c r="HK20" s="117">
        <v>4486876</v>
      </c>
      <c r="HL20" s="116">
        <v>37824962</v>
      </c>
      <c r="HM20" s="112">
        <v>40143459</v>
      </c>
      <c r="HN20" s="118">
        <v>293721</v>
      </c>
      <c r="HO20" s="117">
        <v>720021</v>
      </c>
      <c r="HP20" s="116">
        <v>1013742</v>
      </c>
      <c r="HQ20" s="113">
        <v>0</v>
      </c>
      <c r="HR20" s="117">
        <v>5550252</v>
      </c>
      <c r="HS20" s="117">
        <v>7173929</v>
      </c>
      <c r="HT20" s="117">
        <v>3767742</v>
      </c>
      <c r="HU20" s="117">
        <v>2400713</v>
      </c>
      <c r="HV20" s="117">
        <v>1591307</v>
      </c>
      <c r="HW20" s="115">
        <v>20483943</v>
      </c>
      <c r="HX20" s="119">
        <v>21497685</v>
      </c>
      <c r="HY20" s="168">
        <v>229166</v>
      </c>
      <c r="HZ20" s="153">
        <v>1377594</v>
      </c>
      <c r="IA20" s="168">
        <v>1606760</v>
      </c>
      <c r="IB20" s="152">
        <v>0</v>
      </c>
      <c r="IC20" s="153">
        <v>19558314</v>
      </c>
      <c r="ID20" s="154">
        <v>23598736</v>
      </c>
      <c r="IE20" s="155">
        <v>23695575</v>
      </c>
      <c r="IF20" s="153">
        <v>18693060</v>
      </c>
      <c r="IG20" s="155">
        <v>8778274</v>
      </c>
      <c r="IH20" s="156">
        <v>94323959</v>
      </c>
      <c r="II20" s="168">
        <v>95930719</v>
      </c>
      <c r="IJ20" s="262">
        <v>0</v>
      </c>
      <c r="IK20" s="269">
        <v>0</v>
      </c>
      <c r="IL20" s="270">
        <v>0</v>
      </c>
      <c r="IM20" s="158"/>
      <c r="IN20" s="123">
        <v>520964</v>
      </c>
      <c r="IO20" s="123">
        <v>312576</v>
      </c>
      <c r="IP20" s="123">
        <v>732678</v>
      </c>
      <c r="IQ20" s="123">
        <v>637916</v>
      </c>
      <c r="IR20" s="123">
        <v>1063011</v>
      </c>
      <c r="IS20" s="159">
        <v>3267145</v>
      </c>
      <c r="IT20" s="354">
        <v>3267145</v>
      </c>
      <c r="IU20" s="160">
        <v>0</v>
      </c>
      <c r="IV20" s="123">
        <v>0</v>
      </c>
      <c r="IW20" s="124">
        <v>0</v>
      </c>
      <c r="IX20" s="162">
        <v>0</v>
      </c>
      <c r="IY20" s="123">
        <v>0</v>
      </c>
      <c r="IZ20" s="123">
        <v>0</v>
      </c>
      <c r="JA20" s="123">
        <v>0</v>
      </c>
      <c r="JB20" s="123">
        <v>0</v>
      </c>
      <c r="JC20" s="123">
        <v>0</v>
      </c>
      <c r="JD20" s="124">
        <v>0</v>
      </c>
      <c r="JE20" s="125">
        <v>0</v>
      </c>
      <c r="JF20" s="160">
        <v>0</v>
      </c>
      <c r="JG20" s="123">
        <v>0</v>
      </c>
      <c r="JH20" s="159">
        <v>0</v>
      </c>
      <c r="JI20" s="122">
        <v>0</v>
      </c>
      <c r="JJ20" s="123">
        <v>5948015</v>
      </c>
      <c r="JK20" s="123">
        <v>10614472</v>
      </c>
      <c r="JL20" s="123">
        <v>5113323</v>
      </c>
      <c r="JM20" s="123">
        <v>3849150</v>
      </c>
      <c r="JN20" s="123">
        <v>886159</v>
      </c>
      <c r="JO20" s="124">
        <v>26411119</v>
      </c>
      <c r="JP20" s="354">
        <v>26411119</v>
      </c>
      <c r="JQ20" s="160">
        <v>0</v>
      </c>
      <c r="JR20" s="123">
        <v>0</v>
      </c>
      <c r="JS20" s="159">
        <v>0</v>
      </c>
      <c r="JT20" s="122">
        <v>0</v>
      </c>
      <c r="JU20" s="123">
        <v>339428</v>
      </c>
      <c r="JV20" s="123">
        <v>524478</v>
      </c>
      <c r="JW20" s="123">
        <v>534591</v>
      </c>
      <c r="JX20" s="123">
        <v>642569</v>
      </c>
      <c r="JY20" s="123">
        <v>81422</v>
      </c>
      <c r="JZ20" s="124">
        <v>2122488</v>
      </c>
      <c r="KA20" s="354">
        <v>2122488</v>
      </c>
      <c r="KB20" s="265">
        <v>229166</v>
      </c>
      <c r="KC20" s="259">
        <v>1133811</v>
      </c>
      <c r="KD20" s="124">
        <v>1362977</v>
      </c>
      <c r="KE20" s="122">
        <v>0</v>
      </c>
      <c r="KF20" s="123">
        <v>2230691</v>
      </c>
      <c r="KG20" s="123">
        <v>4206750</v>
      </c>
      <c r="KH20" s="123">
        <v>3383101</v>
      </c>
      <c r="KI20" s="123">
        <v>3626419</v>
      </c>
      <c r="KJ20" s="123">
        <v>1244568</v>
      </c>
      <c r="KK20" s="124">
        <v>14691529</v>
      </c>
      <c r="KL20" s="161">
        <v>16054506</v>
      </c>
      <c r="KM20" s="262">
        <v>0</v>
      </c>
      <c r="KN20" s="269">
        <v>243783</v>
      </c>
      <c r="KO20" s="270">
        <v>243783</v>
      </c>
      <c r="KP20" s="158"/>
      <c r="KQ20" s="123">
        <v>10519216</v>
      </c>
      <c r="KR20" s="123">
        <v>7940460</v>
      </c>
      <c r="KS20" s="123">
        <v>10923257</v>
      </c>
      <c r="KT20" s="123">
        <v>6908544</v>
      </c>
      <c r="KU20" s="123">
        <v>3915589</v>
      </c>
      <c r="KV20" s="124">
        <v>40207066</v>
      </c>
      <c r="KW20" s="354">
        <v>40450849</v>
      </c>
      <c r="KX20" s="160">
        <v>0</v>
      </c>
      <c r="KY20" s="123">
        <v>0</v>
      </c>
      <c r="KZ20" s="124">
        <v>0</v>
      </c>
      <c r="LA20" s="163"/>
      <c r="LB20" s="123">
        <v>0</v>
      </c>
      <c r="LC20" s="123">
        <v>0</v>
      </c>
      <c r="LD20" s="123">
        <v>0</v>
      </c>
      <c r="LE20" s="123">
        <v>0</v>
      </c>
      <c r="LF20" s="123">
        <v>0</v>
      </c>
      <c r="LG20" s="124">
        <v>0</v>
      </c>
      <c r="LH20" s="125">
        <v>0</v>
      </c>
      <c r="LI20" s="160">
        <v>0</v>
      </c>
      <c r="LJ20" s="123">
        <v>0</v>
      </c>
      <c r="LK20" s="124">
        <v>0</v>
      </c>
      <c r="LL20" s="163"/>
      <c r="LM20" s="123">
        <v>0</v>
      </c>
      <c r="LN20" s="123">
        <v>0</v>
      </c>
      <c r="LO20" s="123">
        <v>3008625</v>
      </c>
      <c r="LP20" s="123">
        <v>3028462</v>
      </c>
      <c r="LQ20" s="123">
        <v>1587525</v>
      </c>
      <c r="LR20" s="124">
        <v>7624612</v>
      </c>
      <c r="LS20" s="354">
        <v>7624612</v>
      </c>
      <c r="LT20" s="160">
        <v>0</v>
      </c>
      <c r="LU20" s="123">
        <v>0</v>
      </c>
      <c r="LV20" s="124">
        <v>0</v>
      </c>
      <c r="LW20" s="163"/>
      <c r="LX20" s="123">
        <v>0</v>
      </c>
      <c r="LY20" s="123">
        <v>0</v>
      </c>
      <c r="LZ20" s="123">
        <v>0</v>
      </c>
      <c r="MA20" s="123">
        <v>0</v>
      </c>
      <c r="MB20" s="123">
        <v>0</v>
      </c>
      <c r="MC20" s="124">
        <v>0</v>
      </c>
      <c r="MD20" s="125">
        <v>0</v>
      </c>
      <c r="ME20" s="160">
        <v>0</v>
      </c>
      <c r="MF20" s="123">
        <v>0</v>
      </c>
      <c r="MG20" s="124">
        <v>0</v>
      </c>
      <c r="MH20" s="163"/>
      <c r="MI20" s="123">
        <v>6033499</v>
      </c>
      <c r="MJ20" s="123">
        <v>9333925</v>
      </c>
      <c r="MK20" s="123">
        <v>34486872</v>
      </c>
      <c r="ML20" s="123">
        <v>50681304</v>
      </c>
      <c r="MM20" s="123">
        <v>32460495</v>
      </c>
      <c r="MN20" s="124">
        <v>132996095</v>
      </c>
      <c r="MO20" s="161">
        <v>132996095</v>
      </c>
      <c r="MP20" s="160">
        <v>0</v>
      </c>
      <c r="MQ20" s="123">
        <v>0</v>
      </c>
      <c r="MR20" s="124">
        <v>0</v>
      </c>
      <c r="MS20" s="163">
        <v>0</v>
      </c>
      <c r="MT20" s="123">
        <v>0</v>
      </c>
      <c r="MU20" s="123">
        <v>425028</v>
      </c>
      <c r="MV20" s="123">
        <v>22458139</v>
      </c>
      <c r="MW20" s="123">
        <v>35464330</v>
      </c>
      <c r="MX20" s="123">
        <v>23742687</v>
      </c>
      <c r="MY20" s="124">
        <v>82090184</v>
      </c>
      <c r="MZ20" s="161">
        <v>82090184</v>
      </c>
      <c r="NA20" s="160">
        <v>0</v>
      </c>
      <c r="NB20" s="123">
        <v>0</v>
      </c>
      <c r="NC20" s="124">
        <v>0</v>
      </c>
      <c r="ND20" s="163"/>
      <c r="NE20" s="123">
        <v>6033499</v>
      </c>
      <c r="NF20" s="123">
        <v>8908897</v>
      </c>
      <c r="NG20" s="123">
        <v>12028733</v>
      </c>
      <c r="NH20" s="123">
        <v>15216974</v>
      </c>
      <c r="NI20" s="123">
        <v>8355720</v>
      </c>
      <c r="NJ20" s="124">
        <v>50543823</v>
      </c>
      <c r="NK20" s="354">
        <v>50543823</v>
      </c>
      <c r="NL20" s="160">
        <v>0</v>
      </c>
      <c r="NM20" s="123">
        <v>0</v>
      </c>
      <c r="NN20" s="124">
        <v>0</v>
      </c>
      <c r="NO20" s="163"/>
      <c r="NP20" s="123">
        <v>0</v>
      </c>
      <c r="NQ20" s="123">
        <v>0</v>
      </c>
      <c r="NR20" s="123">
        <v>0</v>
      </c>
      <c r="NS20" s="123">
        <v>0</v>
      </c>
      <c r="NT20" s="123">
        <v>362088</v>
      </c>
      <c r="NU20" s="124">
        <v>362088</v>
      </c>
      <c r="NV20" s="125">
        <v>362088</v>
      </c>
      <c r="NW20" s="160">
        <v>0</v>
      </c>
      <c r="NX20" s="123">
        <v>0</v>
      </c>
      <c r="NY20" s="124">
        <v>0</v>
      </c>
      <c r="NZ20" s="163"/>
      <c r="OA20" s="123">
        <v>0</v>
      </c>
      <c r="OB20" s="123">
        <v>0</v>
      </c>
      <c r="OC20" s="123">
        <v>0</v>
      </c>
      <c r="OD20" s="123">
        <v>0</v>
      </c>
      <c r="OE20" s="123">
        <v>0</v>
      </c>
      <c r="OF20" s="124">
        <v>0</v>
      </c>
      <c r="OG20" s="125">
        <v>0</v>
      </c>
      <c r="OH20" s="160">
        <v>1757215</v>
      </c>
      <c r="OI20" s="123">
        <v>5380184</v>
      </c>
      <c r="OJ20" s="159">
        <v>7137399</v>
      </c>
      <c r="OK20" s="122">
        <v>0</v>
      </c>
      <c r="OL20" s="123">
        <v>56627764</v>
      </c>
      <c r="OM20" s="123">
        <v>77371817</v>
      </c>
      <c r="ON20" s="123">
        <v>94622011</v>
      </c>
      <c r="OO20" s="123">
        <v>100180886</v>
      </c>
      <c r="OP20" s="123">
        <v>67799447</v>
      </c>
      <c r="OQ20" s="124">
        <v>396601925</v>
      </c>
      <c r="OR20" s="161">
        <v>403739324</v>
      </c>
    </row>
    <row r="21" spans="1:408" ht="18.75" customHeight="1" x14ac:dyDescent="0.2">
      <c r="A21" s="63" t="s">
        <v>16</v>
      </c>
      <c r="B21" s="113">
        <v>5982739</v>
      </c>
      <c r="C21" s="117">
        <v>11908435</v>
      </c>
      <c r="D21" s="116">
        <v>17891174</v>
      </c>
      <c r="E21" s="112">
        <v>0</v>
      </c>
      <c r="F21" s="117">
        <v>78963235</v>
      </c>
      <c r="G21" s="117">
        <v>125554239</v>
      </c>
      <c r="H21" s="117">
        <v>109228408</v>
      </c>
      <c r="I21" s="117">
        <v>93755244</v>
      </c>
      <c r="J21" s="117">
        <v>71287282</v>
      </c>
      <c r="K21" s="112">
        <v>478788408</v>
      </c>
      <c r="L21" s="119">
        <v>496679582</v>
      </c>
      <c r="M21" s="113">
        <v>1034806</v>
      </c>
      <c r="N21" s="117">
        <v>2210125</v>
      </c>
      <c r="O21" s="116">
        <v>3244931</v>
      </c>
      <c r="P21" s="113">
        <v>0</v>
      </c>
      <c r="Q21" s="117">
        <v>16450057</v>
      </c>
      <c r="R21" s="117">
        <v>28842887</v>
      </c>
      <c r="S21" s="117">
        <v>25173172</v>
      </c>
      <c r="T21" s="117">
        <v>27537286</v>
      </c>
      <c r="U21" s="117">
        <v>25817771</v>
      </c>
      <c r="V21" s="116">
        <v>123821173</v>
      </c>
      <c r="W21" s="119">
        <v>127066104</v>
      </c>
      <c r="X21" s="113">
        <v>0</v>
      </c>
      <c r="Y21" s="117">
        <v>0</v>
      </c>
      <c r="Z21" s="116">
        <v>0</v>
      </c>
      <c r="AA21" s="113">
        <v>0</v>
      </c>
      <c r="AB21" s="117">
        <v>7231903</v>
      </c>
      <c r="AC21" s="117">
        <v>12259919</v>
      </c>
      <c r="AD21" s="117">
        <v>12975797</v>
      </c>
      <c r="AE21" s="117">
        <v>13568499</v>
      </c>
      <c r="AF21" s="117">
        <v>12770816</v>
      </c>
      <c r="AG21" s="116">
        <v>58806934</v>
      </c>
      <c r="AH21" s="119">
        <v>58806934</v>
      </c>
      <c r="AI21" s="113">
        <v>0</v>
      </c>
      <c r="AJ21" s="117">
        <v>0</v>
      </c>
      <c r="AK21" s="116">
        <v>0</v>
      </c>
      <c r="AL21" s="113">
        <v>0</v>
      </c>
      <c r="AM21" s="117">
        <v>141474</v>
      </c>
      <c r="AN21" s="117">
        <v>507764</v>
      </c>
      <c r="AO21" s="117">
        <v>532318</v>
      </c>
      <c r="AP21" s="117">
        <v>1697724</v>
      </c>
      <c r="AQ21" s="117">
        <v>2812709</v>
      </c>
      <c r="AR21" s="116">
        <v>5691989</v>
      </c>
      <c r="AS21" s="119">
        <v>5691989</v>
      </c>
      <c r="AT21" s="113">
        <v>539482</v>
      </c>
      <c r="AU21" s="117">
        <v>1887331</v>
      </c>
      <c r="AV21" s="116">
        <v>2426813</v>
      </c>
      <c r="AW21" s="113">
        <v>0</v>
      </c>
      <c r="AX21" s="117">
        <v>5984233</v>
      </c>
      <c r="AY21" s="117">
        <v>11730857</v>
      </c>
      <c r="AZ21" s="117">
        <v>7813448</v>
      </c>
      <c r="BA21" s="117">
        <v>8364329</v>
      </c>
      <c r="BB21" s="117">
        <v>6932131</v>
      </c>
      <c r="BC21" s="116">
        <v>40824998</v>
      </c>
      <c r="BD21" s="119">
        <v>43251811</v>
      </c>
      <c r="BE21" s="113">
        <v>0</v>
      </c>
      <c r="BF21" s="117">
        <v>127066</v>
      </c>
      <c r="BG21" s="115">
        <v>127066</v>
      </c>
      <c r="BH21" s="114">
        <v>0</v>
      </c>
      <c r="BI21" s="117">
        <v>341464</v>
      </c>
      <c r="BJ21" s="117">
        <v>815666</v>
      </c>
      <c r="BK21" s="117">
        <v>715871</v>
      </c>
      <c r="BL21" s="117">
        <v>376126</v>
      </c>
      <c r="BM21" s="117">
        <v>328609</v>
      </c>
      <c r="BN21" s="116">
        <v>2577736</v>
      </c>
      <c r="BO21" s="119">
        <v>2704802</v>
      </c>
      <c r="BP21" s="113">
        <v>495324</v>
      </c>
      <c r="BQ21" s="117">
        <v>195728</v>
      </c>
      <c r="BR21" s="116">
        <v>691052</v>
      </c>
      <c r="BS21" s="113">
        <v>0</v>
      </c>
      <c r="BT21" s="117">
        <v>2750983</v>
      </c>
      <c r="BU21" s="117">
        <v>3528681</v>
      </c>
      <c r="BV21" s="117">
        <v>3135738</v>
      </c>
      <c r="BW21" s="117">
        <v>3530608</v>
      </c>
      <c r="BX21" s="117">
        <v>2973506</v>
      </c>
      <c r="BY21" s="116">
        <v>15919516</v>
      </c>
      <c r="BZ21" s="119">
        <v>16610568</v>
      </c>
      <c r="CA21" s="113">
        <v>1192247</v>
      </c>
      <c r="CB21" s="117">
        <v>3864028</v>
      </c>
      <c r="CC21" s="116">
        <v>5056275</v>
      </c>
      <c r="CD21" s="113">
        <v>0</v>
      </c>
      <c r="CE21" s="117">
        <v>28143092</v>
      </c>
      <c r="CF21" s="117">
        <v>48542115</v>
      </c>
      <c r="CG21" s="117">
        <v>38049136</v>
      </c>
      <c r="CH21" s="117">
        <v>22403752</v>
      </c>
      <c r="CI21" s="117">
        <v>14810479</v>
      </c>
      <c r="CJ21" s="116">
        <v>151948574</v>
      </c>
      <c r="CK21" s="119">
        <v>157004849</v>
      </c>
      <c r="CL21" s="113">
        <v>0</v>
      </c>
      <c r="CM21" s="117">
        <v>0</v>
      </c>
      <c r="CN21" s="116">
        <v>0</v>
      </c>
      <c r="CO21" s="114">
        <v>0</v>
      </c>
      <c r="CP21" s="117">
        <v>18167480</v>
      </c>
      <c r="CQ21" s="117">
        <v>29476702</v>
      </c>
      <c r="CR21" s="117">
        <v>28268452</v>
      </c>
      <c r="CS21" s="117">
        <v>15733448</v>
      </c>
      <c r="CT21" s="117">
        <v>11868831</v>
      </c>
      <c r="CU21" s="116">
        <v>103514913</v>
      </c>
      <c r="CV21" s="119">
        <v>103514913</v>
      </c>
      <c r="CW21" s="113">
        <v>1192247</v>
      </c>
      <c r="CX21" s="117">
        <v>3864028</v>
      </c>
      <c r="CY21" s="116">
        <v>5056275</v>
      </c>
      <c r="CZ21" s="113">
        <v>0</v>
      </c>
      <c r="DA21" s="117">
        <v>9975612</v>
      </c>
      <c r="DB21" s="117">
        <v>19065413</v>
      </c>
      <c r="DC21" s="117">
        <v>9780684</v>
      </c>
      <c r="DD21" s="117">
        <v>6670304</v>
      </c>
      <c r="DE21" s="117">
        <v>2941648</v>
      </c>
      <c r="DF21" s="116">
        <v>48433661</v>
      </c>
      <c r="DG21" s="119">
        <v>53489936</v>
      </c>
      <c r="DH21" s="113">
        <v>0</v>
      </c>
      <c r="DI21" s="117">
        <v>43925</v>
      </c>
      <c r="DJ21" s="115">
        <v>43925</v>
      </c>
      <c r="DK21" s="114">
        <v>0</v>
      </c>
      <c r="DL21" s="117">
        <v>2594341</v>
      </c>
      <c r="DM21" s="117">
        <v>4990630</v>
      </c>
      <c r="DN21" s="117">
        <v>11132618</v>
      </c>
      <c r="DO21" s="117">
        <v>5581007</v>
      </c>
      <c r="DP21" s="117">
        <v>3482087</v>
      </c>
      <c r="DQ21" s="116">
        <v>27780683</v>
      </c>
      <c r="DR21" s="119">
        <v>27824608</v>
      </c>
      <c r="DS21" s="113">
        <v>0</v>
      </c>
      <c r="DT21" s="117">
        <v>43925</v>
      </c>
      <c r="DU21" s="116">
        <v>43925</v>
      </c>
      <c r="DV21" s="113">
        <v>0</v>
      </c>
      <c r="DW21" s="117">
        <v>2383383</v>
      </c>
      <c r="DX21" s="117">
        <v>4627961</v>
      </c>
      <c r="DY21" s="117">
        <v>10052232</v>
      </c>
      <c r="DZ21" s="117">
        <v>4900638</v>
      </c>
      <c r="EA21" s="117">
        <v>3269686</v>
      </c>
      <c r="EB21" s="116">
        <v>25233900</v>
      </c>
      <c r="EC21" s="119">
        <v>25277825</v>
      </c>
      <c r="ED21" s="113">
        <v>0</v>
      </c>
      <c r="EE21" s="115">
        <v>0</v>
      </c>
      <c r="EF21" s="116">
        <v>0</v>
      </c>
      <c r="EG21" s="113">
        <v>0</v>
      </c>
      <c r="EH21" s="117">
        <v>210958</v>
      </c>
      <c r="EI21" s="117">
        <v>362669</v>
      </c>
      <c r="EJ21" s="117">
        <v>1080386</v>
      </c>
      <c r="EK21" s="117">
        <v>680369</v>
      </c>
      <c r="EL21" s="117">
        <v>212401</v>
      </c>
      <c r="EM21" s="115">
        <v>2546783</v>
      </c>
      <c r="EN21" s="119">
        <v>2546783</v>
      </c>
      <c r="EO21" s="113">
        <v>0</v>
      </c>
      <c r="EP21" s="117">
        <v>0</v>
      </c>
      <c r="EQ21" s="115">
        <v>0</v>
      </c>
      <c r="ER21" s="114">
        <v>0</v>
      </c>
      <c r="ES21" s="117">
        <v>0</v>
      </c>
      <c r="ET21" s="117">
        <v>0</v>
      </c>
      <c r="EU21" s="117">
        <v>0</v>
      </c>
      <c r="EV21" s="117">
        <v>0</v>
      </c>
      <c r="EW21" s="117">
        <v>0</v>
      </c>
      <c r="EX21" s="116">
        <v>0</v>
      </c>
      <c r="EY21" s="119">
        <v>0</v>
      </c>
      <c r="EZ21" s="113">
        <v>0</v>
      </c>
      <c r="FA21" s="117">
        <v>0</v>
      </c>
      <c r="FB21" s="115">
        <v>0</v>
      </c>
      <c r="FC21" s="387"/>
      <c r="FD21" s="117">
        <v>0</v>
      </c>
      <c r="FE21" s="117">
        <v>0</v>
      </c>
      <c r="FF21" s="117">
        <v>0</v>
      </c>
      <c r="FG21" s="117">
        <v>0</v>
      </c>
      <c r="FH21" s="117">
        <v>0</v>
      </c>
      <c r="FI21" s="116">
        <v>0</v>
      </c>
      <c r="FJ21" s="119">
        <v>0</v>
      </c>
      <c r="FK21" s="113">
        <v>1027094</v>
      </c>
      <c r="FL21" s="117">
        <v>2658741</v>
      </c>
      <c r="FM21" s="116">
        <v>3685835</v>
      </c>
      <c r="FN21" s="113">
        <v>0</v>
      </c>
      <c r="FO21" s="117">
        <v>4149285</v>
      </c>
      <c r="FP21" s="117">
        <v>11812173</v>
      </c>
      <c r="FQ21" s="117">
        <v>7881788</v>
      </c>
      <c r="FR21" s="117">
        <v>7279220</v>
      </c>
      <c r="FS21" s="117">
        <v>5342358</v>
      </c>
      <c r="FT21" s="116">
        <v>36464824</v>
      </c>
      <c r="FU21" s="119">
        <v>40150659</v>
      </c>
      <c r="FV21" s="118">
        <v>844288</v>
      </c>
      <c r="FW21" s="117">
        <v>1944307</v>
      </c>
      <c r="FX21" s="115">
        <v>2788595</v>
      </c>
      <c r="FY21" s="114">
        <v>0</v>
      </c>
      <c r="FZ21" s="117">
        <v>3043725</v>
      </c>
      <c r="GA21" s="117">
        <v>10856119</v>
      </c>
      <c r="GB21" s="117">
        <v>7536423</v>
      </c>
      <c r="GC21" s="117">
        <v>7183145</v>
      </c>
      <c r="GD21" s="117">
        <v>5164974</v>
      </c>
      <c r="GE21" s="116">
        <v>33784386</v>
      </c>
      <c r="GF21" s="351">
        <v>36572981</v>
      </c>
      <c r="GG21" s="118">
        <v>52524</v>
      </c>
      <c r="GH21" s="117">
        <v>127189</v>
      </c>
      <c r="GI21" s="115">
        <v>179713</v>
      </c>
      <c r="GJ21" s="114">
        <v>0</v>
      </c>
      <c r="GK21" s="117">
        <v>190810</v>
      </c>
      <c r="GL21" s="117">
        <v>397399</v>
      </c>
      <c r="GM21" s="117">
        <v>269253</v>
      </c>
      <c r="GN21" s="117">
        <v>47025</v>
      </c>
      <c r="GO21" s="117">
        <v>177384</v>
      </c>
      <c r="GP21" s="116">
        <v>1081871</v>
      </c>
      <c r="GQ21" s="119">
        <v>1261584</v>
      </c>
      <c r="GR21" s="113">
        <v>130282</v>
      </c>
      <c r="GS21" s="117">
        <v>587245</v>
      </c>
      <c r="GT21" s="116">
        <v>717527</v>
      </c>
      <c r="GU21" s="113">
        <v>0</v>
      </c>
      <c r="GV21" s="117">
        <v>914750</v>
      </c>
      <c r="GW21" s="117">
        <v>558655</v>
      </c>
      <c r="GX21" s="117">
        <v>76112</v>
      </c>
      <c r="GY21" s="117">
        <v>49050</v>
      </c>
      <c r="GZ21" s="117">
        <v>0</v>
      </c>
      <c r="HA21" s="115">
        <v>1598567</v>
      </c>
      <c r="HB21" s="119">
        <v>2316094</v>
      </c>
      <c r="HC21" s="113">
        <v>1739802</v>
      </c>
      <c r="HD21" s="117">
        <v>1312647</v>
      </c>
      <c r="HE21" s="115">
        <v>3052449</v>
      </c>
      <c r="HF21" s="114">
        <v>0</v>
      </c>
      <c r="HG21" s="117">
        <v>15369510</v>
      </c>
      <c r="HH21" s="117">
        <v>15176017</v>
      </c>
      <c r="HI21" s="117">
        <v>16316767</v>
      </c>
      <c r="HJ21" s="117">
        <v>24262746</v>
      </c>
      <c r="HK21" s="117">
        <v>17747450</v>
      </c>
      <c r="HL21" s="116">
        <v>88872490</v>
      </c>
      <c r="HM21" s="112">
        <v>91924939</v>
      </c>
      <c r="HN21" s="118">
        <v>988790</v>
      </c>
      <c r="HO21" s="117">
        <v>1818969</v>
      </c>
      <c r="HP21" s="116">
        <v>2807759</v>
      </c>
      <c r="HQ21" s="113">
        <v>0</v>
      </c>
      <c r="HR21" s="117">
        <v>12256950</v>
      </c>
      <c r="HS21" s="117">
        <v>16190417</v>
      </c>
      <c r="HT21" s="117">
        <v>10674927</v>
      </c>
      <c r="HU21" s="117">
        <v>6691233</v>
      </c>
      <c r="HV21" s="117">
        <v>4087137</v>
      </c>
      <c r="HW21" s="115">
        <v>49900664</v>
      </c>
      <c r="HX21" s="119">
        <v>52708423</v>
      </c>
      <c r="HY21" s="149">
        <v>45963</v>
      </c>
      <c r="HZ21" s="150">
        <v>85011</v>
      </c>
      <c r="IA21" s="151">
        <v>130974</v>
      </c>
      <c r="IB21" s="164">
        <v>0</v>
      </c>
      <c r="IC21" s="150">
        <v>15040144</v>
      </c>
      <c r="ID21" s="165">
        <v>33747920</v>
      </c>
      <c r="IE21" s="151">
        <v>34798222</v>
      </c>
      <c r="IF21" s="150">
        <v>23188692</v>
      </c>
      <c r="IG21" s="151">
        <v>21739929</v>
      </c>
      <c r="IH21" s="166">
        <v>128514907</v>
      </c>
      <c r="II21" s="157">
        <v>128645881</v>
      </c>
      <c r="IJ21" s="262">
        <v>0</v>
      </c>
      <c r="IK21" s="269">
        <v>0</v>
      </c>
      <c r="IL21" s="270">
        <v>0</v>
      </c>
      <c r="IM21" s="158"/>
      <c r="IN21" s="123">
        <v>730707</v>
      </c>
      <c r="IO21" s="123">
        <v>1517718</v>
      </c>
      <c r="IP21" s="123">
        <v>1711250</v>
      </c>
      <c r="IQ21" s="123">
        <v>2337024</v>
      </c>
      <c r="IR21" s="123">
        <v>2381996</v>
      </c>
      <c r="IS21" s="159">
        <v>8678695</v>
      </c>
      <c r="IT21" s="354">
        <v>8678695</v>
      </c>
      <c r="IU21" s="160">
        <v>0</v>
      </c>
      <c r="IV21" s="123">
        <v>0</v>
      </c>
      <c r="IW21" s="124">
        <v>0</v>
      </c>
      <c r="IX21" s="162">
        <v>0</v>
      </c>
      <c r="IY21" s="123">
        <v>18080</v>
      </c>
      <c r="IZ21" s="123">
        <v>47439</v>
      </c>
      <c r="JA21" s="123">
        <v>89637</v>
      </c>
      <c r="JB21" s="123">
        <v>36160</v>
      </c>
      <c r="JC21" s="123">
        <v>0</v>
      </c>
      <c r="JD21" s="124">
        <v>191316</v>
      </c>
      <c r="JE21" s="125">
        <v>191316</v>
      </c>
      <c r="JF21" s="160">
        <v>0</v>
      </c>
      <c r="JG21" s="123">
        <v>0</v>
      </c>
      <c r="JH21" s="159">
        <v>0</v>
      </c>
      <c r="JI21" s="122">
        <v>0</v>
      </c>
      <c r="JJ21" s="123">
        <v>8045675</v>
      </c>
      <c r="JK21" s="123">
        <v>11131891</v>
      </c>
      <c r="JL21" s="123">
        <v>9466352</v>
      </c>
      <c r="JM21" s="123">
        <v>5299735</v>
      </c>
      <c r="JN21" s="123">
        <v>3192667</v>
      </c>
      <c r="JO21" s="124">
        <v>37136320</v>
      </c>
      <c r="JP21" s="354">
        <v>37136320</v>
      </c>
      <c r="JQ21" s="160">
        <v>0</v>
      </c>
      <c r="JR21" s="123">
        <v>0</v>
      </c>
      <c r="JS21" s="159">
        <v>0</v>
      </c>
      <c r="JT21" s="122">
        <v>0</v>
      </c>
      <c r="JU21" s="123">
        <v>494420</v>
      </c>
      <c r="JV21" s="123">
        <v>1168959</v>
      </c>
      <c r="JW21" s="123">
        <v>1051266</v>
      </c>
      <c r="JX21" s="123">
        <v>613132</v>
      </c>
      <c r="JY21" s="123">
        <v>722556</v>
      </c>
      <c r="JZ21" s="124">
        <v>4050333</v>
      </c>
      <c r="KA21" s="354">
        <v>4050333</v>
      </c>
      <c r="KB21" s="265">
        <v>45963</v>
      </c>
      <c r="KC21" s="259">
        <v>85011</v>
      </c>
      <c r="KD21" s="124">
        <v>130974</v>
      </c>
      <c r="KE21" s="122">
        <v>0</v>
      </c>
      <c r="KF21" s="123">
        <v>1128026</v>
      </c>
      <c r="KG21" s="123">
        <v>3916906</v>
      </c>
      <c r="KH21" s="123">
        <v>3900332</v>
      </c>
      <c r="KI21" s="123">
        <v>3128810</v>
      </c>
      <c r="KJ21" s="123">
        <v>4017303</v>
      </c>
      <c r="KK21" s="124">
        <v>16091377</v>
      </c>
      <c r="KL21" s="161">
        <v>16222351</v>
      </c>
      <c r="KM21" s="262">
        <v>0</v>
      </c>
      <c r="KN21" s="269">
        <v>0</v>
      </c>
      <c r="KO21" s="270">
        <v>0</v>
      </c>
      <c r="KP21" s="158"/>
      <c r="KQ21" s="123">
        <v>4195535</v>
      </c>
      <c r="KR21" s="123">
        <v>14431932</v>
      </c>
      <c r="KS21" s="123">
        <v>15157989</v>
      </c>
      <c r="KT21" s="123">
        <v>9259750</v>
      </c>
      <c r="KU21" s="123">
        <v>7453817</v>
      </c>
      <c r="KV21" s="124">
        <v>50499023</v>
      </c>
      <c r="KW21" s="354">
        <v>50499023</v>
      </c>
      <c r="KX21" s="160">
        <v>0</v>
      </c>
      <c r="KY21" s="123">
        <v>0</v>
      </c>
      <c r="KZ21" s="124">
        <v>0</v>
      </c>
      <c r="LA21" s="163"/>
      <c r="LB21" s="123">
        <v>0</v>
      </c>
      <c r="LC21" s="123">
        <v>0</v>
      </c>
      <c r="LD21" s="123">
        <v>0</v>
      </c>
      <c r="LE21" s="123">
        <v>0</v>
      </c>
      <c r="LF21" s="123">
        <v>0</v>
      </c>
      <c r="LG21" s="124">
        <v>0</v>
      </c>
      <c r="LH21" s="125">
        <v>0</v>
      </c>
      <c r="LI21" s="160">
        <v>0</v>
      </c>
      <c r="LJ21" s="123">
        <v>0</v>
      </c>
      <c r="LK21" s="124">
        <v>0</v>
      </c>
      <c r="LL21" s="163"/>
      <c r="LM21" s="123">
        <v>230963</v>
      </c>
      <c r="LN21" s="123">
        <v>428652</v>
      </c>
      <c r="LO21" s="123">
        <v>2350882</v>
      </c>
      <c r="LP21" s="123">
        <v>2223718</v>
      </c>
      <c r="LQ21" s="123">
        <v>2653565</v>
      </c>
      <c r="LR21" s="124">
        <v>7887780</v>
      </c>
      <c r="LS21" s="354">
        <v>7887780</v>
      </c>
      <c r="LT21" s="160">
        <v>0</v>
      </c>
      <c r="LU21" s="123">
        <v>0</v>
      </c>
      <c r="LV21" s="124">
        <v>0</v>
      </c>
      <c r="LW21" s="163"/>
      <c r="LX21" s="123">
        <v>196738</v>
      </c>
      <c r="LY21" s="123">
        <v>1104423</v>
      </c>
      <c r="LZ21" s="123">
        <v>1070514</v>
      </c>
      <c r="MA21" s="123">
        <v>290363</v>
      </c>
      <c r="MB21" s="123">
        <v>1318025</v>
      </c>
      <c r="MC21" s="124">
        <v>3980063</v>
      </c>
      <c r="MD21" s="125">
        <v>3980063</v>
      </c>
      <c r="ME21" s="160">
        <v>0</v>
      </c>
      <c r="MF21" s="123">
        <v>0</v>
      </c>
      <c r="MG21" s="124">
        <v>0</v>
      </c>
      <c r="MH21" s="163"/>
      <c r="MI21" s="123">
        <v>20638729</v>
      </c>
      <c r="MJ21" s="123">
        <v>29581781</v>
      </c>
      <c r="MK21" s="123">
        <v>93945420</v>
      </c>
      <c r="ML21" s="123">
        <v>117560713</v>
      </c>
      <c r="MM21" s="123">
        <v>82652922</v>
      </c>
      <c r="MN21" s="124">
        <v>344379565</v>
      </c>
      <c r="MO21" s="161">
        <v>344379565</v>
      </c>
      <c r="MP21" s="160">
        <v>0</v>
      </c>
      <c r="MQ21" s="123">
        <v>0</v>
      </c>
      <c r="MR21" s="124">
        <v>0</v>
      </c>
      <c r="MS21" s="163">
        <v>0</v>
      </c>
      <c r="MT21" s="123">
        <v>1976039</v>
      </c>
      <c r="MU21" s="123">
        <v>6000434</v>
      </c>
      <c r="MV21" s="123">
        <v>50603776</v>
      </c>
      <c r="MW21" s="123">
        <v>75759912</v>
      </c>
      <c r="MX21" s="123">
        <v>57449058</v>
      </c>
      <c r="MY21" s="124">
        <v>191789219</v>
      </c>
      <c r="MZ21" s="161">
        <v>191789219</v>
      </c>
      <c r="NA21" s="160">
        <v>0</v>
      </c>
      <c r="NB21" s="123">
        <v>0</v>
      </c>
      <c r="NC21" s="124">
        <v>0</v>
      </c>
      <c r="ND21" s="163"/>
      <c r="NE21" s="123">
        <v>18662690</v>
      </c>
      <c r="NF21" s="123">
        <v>23581347</v>
      </c>
      <c r="NG21" s="123">
        <v>40698260</v>
      </c>
      <c r="NH21" s="123">
        <v>36795051</v>
      </c>
      <c r="NI21" s="123">
        <v>19795355</v>
      </c>
      <c r="NJ21" s="124">
        <v>139532703</v>
      </c>
      <c r="NK21" s="354">
        <v>139532703</v>
      </c>
      <c r="NL21" s="160">
        <v>0</v>
      </c>
      <c r="NM21" s="123">
        <v>0</v>
      </c>
      <c r="NN21" s="124">
        <v>0</v>
      </c>
      <c r="NO21" s="163"/>
      <c r="NP21" s="123">
        <v>0</v>
      </c>
      <c r="NQ21" s="123">
        <v>0</v>
      </c>
      <c r="NR21" s="123">
        <v>0</v>
      </c>
      <c r="NS21" s="123">
        <v>33048</v>
      </c>
      <c r="NT21" s="123">
        <v>1056252</v>
      </c>
      <c r="NU21" s="124">
        <v>1089300</v>
      </c>
      <c r="NV21" s="125">
        <v>1089300</v>
      </c>
      <c r="NW21" s="160">
        <v>0</v>
      </c>
      <c r="NX21" s="123">
        <v>0</v>
      </c>
      <c r="NY21" s="124">
        <v>0</v>
      </c>
      <c r="NZ21" s="163"/>
      <c r="OA21" s="123">
        <v>0</v>
      </c>
      <c r="OB21" s="123">
        <v>0</v>
      </c>
      <c r="OC21" s="123">
        <v>2643384</v>
      </c>
      <c r="OD21" s="123">
        <v>4972702</v>
      </c>
      <c r="OE21" s="123">
        <v>4352257</v>
      </c>
      <c r="OF21" s="124">
        <v>11968343</v>
      </c>
      <c r="OG21" s="125">
        <v>11968343</v>
      </c>
      <c r="OH21" s="160">
        <v>6028702</v>
      </c>
      <c r="OI21" s="123">
        <v>11993446</v>
      </c>
      <c r="OJ21" s="159">
        <v>18022148</v>
      </c>
      <c r="OK21" s="122">
        <v>0</v>
      </c>
      <c r="OL21" s="123">
        <v>114642108</v>
      </c>
      <c r="OM21" s="123">
        <v>188883940</v>
      </c>
      <c r="ON21" s="123">
        <v>237972050</v>
      </c>
      <c r="OO21" s="123">
        <v>234504649</v>
      </c>
      <c r="OP21" s="123">
        <v>175680133</v>
      </c>
      <c r="OQ21" s="124">
        <v>951682880</v>
      </c>
      <c r="OR21" s="161">
        <v>969705028</v>
      </c>
    </row>
    <row r="22" spans="1:408" ht="18.75" customHeight="1" x14ac:dyDescent="0.2">
      <c r="A22" s="63" t="s">
        <v>17</v>
      </c>
      <c r="B22" s="113">
        <v>6309215</v>
      </c>
      <c r="C22" s="117">
        <v>17034195</v>
      </c>
      <c r="D22" s="116">
        <v>23343410</v>
      </c>
      <c r="E22" s="112">
        <v>0</v>
      </c>
      <c r="F22" s="117">
        <v>81296891</v>
      </c>
      <c r="G22" s="117">
        <v>152534280</v>
      </c>
      <c r="H22" s="117">
        <v>131142758</v>
      </c>
      <c r="I22" s="117">
        <v>129799020</v>
      </c>
      <c r="J22" s="117">
        <v>97646520</v>
      </c>
      <c r="K22" s="112">
        <v>592419469</v>
      </c>
      <c r="L22" s="119">
        <v>615762879</v>
      </c>
      <c r="M22" s="113">
        <v>1407674</v>
      </c>
      <c r="N22" s="117">
        <v>3623657</v>
      </c>
      <c r="O22" s="116">
        <v>5031331</v>
      </c>
      <c r="P22" s="113">
        <v>0</v>
      </c>
      <c r="Q22" s="117">
        <v>17740111</v>
      </c>
      <c r="R22" s="117">
        <v>42092640</v>
      </c>
      <c r="S22" s="117">
        <v>37837862</v>
      </c>
      <c r="T22" s="117">
        <v>45923552</v>
      </c>
      <c r="U22" s="117">
        <v>52148656</v>
      </c>
      <c r="V22" s="116">
        <v>195742821</v>
      </c>
      <c r="W22" s="119">
        <v>200774152</v>
      </c>
      <c r="X22" s="113">
        <v>0</v>
      </c>
      <c r="Y22" s="117">
        <v>0</v>
      </c>
      <c r="Z22" s="116">
        <v>0</v>
      </c>
      <c r="AA22" s="113">
        <v>0</v>
      </c>
      <c r="AB22" s="117">
        <v>8072764</v>
      </c>
      <c r="AC22" s="117">
        <v>22145963</v>
      </c>
      <c r="AD22" s="117">
        <v>22606804</v>
      </c>
      <c r="AE22" s="117">
        <v>27641597</v>
      </c>
      <c r="AF22" s="117">
        <v>32893854</v>
      </c>
      <c r="AG22" s="116">
        <v>113360982</v>
      </c>
      <c r="AH22" s="119">
        <v>113360982</v>
      </c>
      <c r="AI22" s="113">
        <v>0</v>
      </c>
      <c r="AJ22" s="117">
        <v>73442</v>
      </c>
      <c r="AK22" s="116">
        <v>73442</v>
      </c>
      <c r="AL22" s="113">
        <v>0</v>
      </c>
      <c r="AM22" s="117">
        <v>0</v>
      </c>
      <c r="AN22" s="117">
        <v>922546</v>
      </c>
      <c r="AO22" s="117">
        <v>1356687</v>
      </c>
      <c r="AP22" s="117">
        <v>2968508</v>
      </c>
      <c r="AQ22" s="117">
        <v>5446134</v>
      </c>
      <c r="AR22" s="116">
        <v>10693875</v>
      </c>
      <c r="AS22" s="119">
        <v>10767317</v>
      </c>
      <c r="AT22" s="113">
        <v>885502</v>
      </c>
      <c r="AU22" s="117">
        <v>2701931</v>
      </c>
      <c r="AV22" s="116">
        <v>3587433</v>
      </c>
      <c r="AW22" s="113">
        <v>0</v>
      </c>
      <c r="AX22" s="117">
        <v>5891302</v>
      </c>
      <c r="AY22" s="117">
        <v>12208020</v>
      </c>
      <c r="AZ22" s="117">
        <v>8095398</v>
      </c>
      <c r="BA22" s="117">
        <v>9744207</v>
      </c>
      <c r="BB22" s="117">
        <v>9481184</v>
      </c>
      <c r="BC22" s="116">
        <v>45420111</v>
      </c>
      <c r="BD22" s="119">
        <v>49007544</v>
      </c>
      <c r="BE22" s="113">
        <v>67557</v>
      </c>
      <c r="BF22" s="117">
        <v>193005</v>
      </c>
      <c r="BG22" s="115">
        <v>260562</v>
      </c>
      <c r="BH22" s="114">
        <v>0</v>
      </c>
      <c r="BI22" s="117">
        <v>197882</v>
      </c>
      <c r="BJ22" s="117">
        <v>1246340</v>
      </c>
      <c r="BK22" s="117">
        <v>788064</v>
      </c>
      <c r="BL22" s="117">
        <v>358996</v>
      </c>
      <c r="BM22" s="117">
        <v>334032</v>
      </c>
      <c r="BN22" s="116">
        <v>2925314</v>
      </c>
      <c r="BO22" s="119">
        <v>3185876</v>
      </c>
      <c r="BP22" s="113">
        <v>454615</v>
      </c>
      <c r="BQ22" s="117">
        <v>655279</v>
      </c>
      <c r="BR22" s="116">
        <v>1109894</v>
      </c>
      <c r="BS22" s="113">
        <v>0</v>
      </c>
      <c r="BT22" s="117">
        <v>3578163</v>
      </c>
      <c r="BU22" s="117">
        <v>5569771</v>
      </c>
      <c r="BV22" s="117">
        <v>4990909</v>
      </c>
      <c r="BW22" s="117">
        <v>5210244</v>
      </c>
      <c r="BX22" s="117">
        <v>3993452</v>
      </c>
      <c r="BY22" s="116">
        <v>23342539</v>
      </c>
      <c r="BZ22" s="119">
        <v>24452433</v>
      </c>
      <c r="CA22" s="113">
        <v>534264</v>
      </c>
      <c r="CB22" s="117">
        <v>2974675</v>
      </c>
      <c r="CC22" s="116">
        <v>3508939</v>
      </c>
      <c r="CD22" s="113">
        <v>0</v>
      </c>
      <c r="CE22" s="117">
        <v>27494337</v>
      </c>
      <c r="CF22" s="117">
        <v>53192833</v>
      </c>
      <c r="CG22" s="117">
        <v>39831617</v>
      </c>
      <c r="CH22" s="117">
        <v>27937336</v>
      </c>
      <c r="CI22" s="117">
        <v>12365784</v>
      </c>
      <c r="CJ22" s="116">
        <v>160821907</v>
      </c>
      <c r="CK22" s="119">
        <v>164330846</v>
      </c>
      <c r="CL22" s="113">
        <v>0</v>
      </c>
      <c r="CM22" s="117">
        <v>9077</v>
      </c>
      <c r="CN22" s="116">
        <v>9077</v>
      </c>
      <c r="CO22" s="114">
        <v>0</v>
      </c>
      <c r="CP22" s="117">
        <v>23136795</v>
      </c>
      <c r="CQ22" s="117">
        <v>42229997</v>
      </c>
      <c r="CR22" s="117">
        <v>33048059</v>
      </c>
      <c r="CS22" s="117">
        <v>22921157</v>
      </c>
      <c r="CT22" s="117">
        <v>10361444</v>
      </c>
      <c r="CU22" s="116">
        <v>131697452</v>
      </c>
      <c r="CV22" s="119">
        <v>131706529</v>
      </c>
      <c r="CW22" s="113">
        <v>534264</v>
      </c>
      <c r="CX22" s="117">
        <v>2965598</v>
      </c>
      <c r="CY22" s="116">
        <v>3499862</v>
      </c>
      <c r="CZ22" s="113">
        <v>0</v>
      </c>
      <c r="DA22" s="117">
        <v>4357542</v>
      </c>
      <c r="DB22" s="117">
        <v>10962836</v>
      </c>
      <c r="DC22" s="117">
        <v>6783558</v>
      </c>
      <c r="DD22" s="117">
        <v>5016179</v>
      </c>
      <c r="DE22" s="117">
        <v>2004340</v>
      </c>
      <c r="DF22" s="116">
        <v>29124455</v>
      </c>
      <c r="DG22" s="119">
        <v>32624317</v>
      </c>
      <c r="DH22" s="113">
        <v>11224</v>
      </c>
      <c r="DI22" s="117">
        <v>88053</v>
      </c>
      <c r="DJ22" s="115">
        <v>99277</v>
      </c>
      <c r="DK22" s="114">
        <v>0</v>
      </c>
      <c r="DL22" s="117">
        <v>2799805</v>
      </c>
      <c r="DM22" s="117">
        <v>7058185</v>
      </c>
      <c r="DN22" s="117">
        <v>11552690</v>
      </c>
      <c r="DO22" s="117">
        <v>14047220</v>
      </c>
      <c r="DP22" s="117">
        <v>6527551</v>
      </c>
      <c r="DQ22" s="116">
        <v>41985451</v>
      </c>
      <c r="DR22" s="119">
        <v>42084728</v>
      </c>
      <c r="DS22" s="113">
        <v>11224</v>
      </c>
      <c r="DT22" s="117">
        <v>88053</v>
      </c>
      <c r="DU22" s="116">
        <v>99277</v>
      </c>
      <c r="DV22" s="113">
        <v>0</v>
      </c>
      <c r="DW22" s="117">
        <v>2590134</v>
      </c>
      <c r="DX22" s="117">
        <v>5988601</v>
      </c>
      <c r="DY22" s="117">
        <v>10523416</v>
      </c>
      <c r="DZ22" s="117">
        <v>13255718</v>
      </c>
      <c r="EA22" s="117">
        <v>5357388</v>
      </c>
      <c r="EB22" s="116">
        <v>37715257</v>
      </c>
      <c r="EC22" s="119">
        <v>37814534</v>
      </c>
      <c r="ED22" s="113">
        <v>0</v>
      </c>
      <c r="EE22" s="115">
        <v>0</v>
      </c>
      <c r="EF22" s="116">
        <v>0</v>
      </c>
      <c r="EG22" s="113">
        <v>0</v>
      </c>
      <c r="EH22" s="117">
        <v>209671</v>
      </c>
      <c r="EI22" s="117">
        <v>1069584</v>
      </c>
      <c r="EJ22" s="117">
        <v>1029274</v>
      </c>
      <c r="EK22" s="117">
        <v>791502</v>
      </c>
      <c r="EL22" s="117">
        <v>1170163</v>
      </c>
      <c r="EM22" s="115">
        <v>4270194</v>
      </c>
      <c r="EN22" s="119">
        <v>4270194</v>
      </c>
      <c r="EO22" s="113">
        <v>0</v>
      </c>
      <c r="EP22" s="117">
        <v>0</v>
      </c>
      <c r="EQ22" s="115">
        <v>0</v>
      </c>
      <c r="ER22" s="114">
        <v>0</v>
      </c>
      <c r="ES22" s="117">
        <v>0</v>
      </c>
      <c r="ET22" s="117">
        <v>0</v>
      </c>
      <c r="EU22" s="117">
        <v>0</v>
      </c>
      <c r="EV22" s="117">
        <v>0</v>
      </c>
      <c r="EW22" s="117">
        <v>0</v>
      </c>
      <c r="EX22" s="116">
        <v>0</v>
      </c>
      <c r="EY22" s="119">
        <v>0</v>
      </c>
      <c r="EZ22" s="113">
        <v>0</v>
      </c>
      <c r="FA22" s="117">
        <v>0</v>
      </c>
      <c r="FB22" s="115">
        <v>0</v>
      </c>
      <c r="FC22" s="387"/>
      <c r="FD22" s="117">
        <v>0</v>
      </c>
      <c r="FE22" s="117">
        <v>0</v>
      </c>
      <c r="FF22" s="117">
        <v>0</v>
      </c>
      <c r="FG22" s="117">
        <v>0</v>
      </c>
      <c r="FH22" s="117">
        <v>0</v>
      </c>
      <c r="FI22" s="116">
        <v>0</v>
      </c>
      <c r="FJ22" s="119">
        <v>0</v>
      </c>
      <c r="FK22" s="113">
        <v>1414555</v>
      </c>
      <c r="FL22" s="117">
        <v>4257908</v>
      </c>
      <c r="FM22" s="116">
        <v>5672463</v>
      </c>
      <c r="FN22" s="113">
        <v>0</v>
      </c>
      <c r="FO22" s="117">
        <v>3826034</v>
      </c>
      <c r="FP22" s="117">
        <v>15134425</v>
      </c>
      <c r="FQ22" s="117">
        <v>10595715</v>
      </c>
      <c r="FR22" s="117">
        <v>11169503</v>
      </c>
      <c r="FS22" s="117">
        <v>8618034</v>
      </c>
      <c r="FT22" s="116">
        <v>49343711</v>
      </c>
      <c r="FU22" s="119">
        <v>55016174</v>
      </c>
      <c r="FV22" s="118">
        <v>969826</v>
      </c>
      <c r="FW22" s="117">
        <v>3418960</v>
      </c>
      <c r="FX22" s="115">
        <v>4388786</v>
      </c>
      <c r="FY22" s="114">
        <v>0</v>
      </c>
      <c r="FZ22" s="117">
        <v>3091981</v>
      </c>
      <c r="GA22" s="117">
        <v>14053408</v>
      </c>
      <c r="GB22" s="117">
        <v>9314750</v>
      </c>
      <c r="GC22" s="117">
        <v>10379443</v>
      </c>
      <c r="GD22" s="117">
        <v>8123188</v>
      </c>
      <c r="GE22" s="116">
        <v>44962770</v>
      </c>
      <c r="GF22" s="351">
        <v>49351556</v>
      </c>
      <c r="GG22" s="118">
        <v>54738</v>
      </c>
      <c r="GH22" s="117">
        <v>222606</v>
      </c>
      <c r="GI22" s="115">
        <v>277344</v>
      </c>
      <c r="GJ22" s="114">
        <v>0</v>
      </c>
      <c r="GK22" s="117">
        <v>265419</v>
      </c>
      <c r="GL22" s="117">
        <v>411156</v>
      </c>
      <c r="GM22" s="117">
        <v>273024</v>
      </c>
      <c r="GN22" s="117">
        <v>120960</v>
      </c>
      <c r="GO22" s="117">
        <v>166101</v>
      </c>
      <c r="GP22" s="116">
        <v>1236660</v>
      </c>
      <c r="GQ22" s="119">
        <v>1514004</v>
      </c>
      <c r="GR22" s="113">
        <v>389991</v>
      </c>
      <c r="GS22" s="117">
        <v>616342</v>
      </c>
      <c r="GT22" s="116">
        <v>1006333</v>
      </c>
      <c r="GU22" s="113">
        <v>0</v>
      </c>
      <c r="GV22" s="117">
        <v>468634</v>
      </c>
      <c r="GW22" s="117">
        <v>669861</v>
      </c>
      <c r="GX22" s="117">
        <v>1007941</v>
      </c>
      <c r="GY22" s="117">
        <v>669100</v>
      </c>
      <c r="GZ22" s="117">
        <v>328745</v>
      </c>
      <c r="HA22" s="115">
        <v>3144281</v>
      </c>
      <c r="HB22" s="119">
        <v>4150614</v>
      </c>
      <c r="HC22" s="113">
        <v>1751938</v>
      </c>
      <c r="HD22" s="117">
        <v>3321298</v>
      </c>
      <c r="HE22" s="115">
        <v>5073236</v>
      </c>
      <c r="HF22" s="114">
        <v>0</v>
      </c>
      <c r="HG22" s="117">
        <v>16261997</v>
      </c>
      <c r="HH22" s="117">
        <v>15308562</v>
      </c>
      <c r="HI22" s="117">
        <v>17867100</v>
      </c>
      <c r="HJ22" s="117">
        <v>20608988</v>
      </c>
      <c r="HK22" s="117">
        <v>11715049</v>
      </c>
      <c r="HL22" s="116">
        <v>81761696</v>
      </c>
      <c r="HM22" s="112">
        <v>86834932</v>
      </c>
      <c r="HN22" s="118">
        <v>1189560</v>
      </c>
      <c r="HO22" s="117">
        <v>2768604</v>
      </c>
      <c r="HP22" s="116">
        <v>3958164</v>
      </c>
      <c r="HQ22" s="113">
        <v>0</v>
      </c>
      <c r="HR22" s="117">
        <v>13174607</v>
      </c>
      <c r="HS22" s="117">
        <v>19747635</v>
      </c>
      <c r="HT22" s="117">
        <v>13457774</v>
      </c>
      <c r="HU22" s="117">
        <v>10112421</v>
      </c>
      <c r="HV22" s="117">
        <v>6271446</v>
      </c>
      <c r="HW22" s="115">
        <v>62763883</v>
      </c>
      <c r="HX22" s="119">
        <v>66722047</v>
      </c>
      <c r="HY22" s="168">
        <v>46544</v>
      </c>
      <c r="HZ22" s="153">
        <v>140511</v>
      </c>
      <c r="IA22" s="168">
        <v>187055</v>
      </c>
      <c r="IB22" s="152">
        <v>0</v>
      </c>
      <c r="IC22" s="153">
        <v>29629869</v>
      </c>
      <c r="ID22" s="154">
        <v>45357523</v>
      </c>
      <c r="IE22" s="155">
        <v>49493210</v>
      </c>
      <c r="IF22" s="153">
        <v>40493144</v>
      </c>
      <c r="IG22" s="155">
        <v>33642789</v>
      </c>
      <c r="IH22" s="156">
        <v>198616535</v>
      </c>
      <c r="II22" s="168">
        <v>198803590</v>
      </c>
      <c r="IJ22" s="262">
        <v>0</v>
      </c>
      <c r="IK22" s="269">
        <v>0</v>
      </c>
      <c r="IL22" s="270">
        <v>0</v>
      </c>
      <c r="IM22" s="158"/>
      <c r="IN22" s="123">
        <v>92757</v>
      </c>
      <c r="IO22" s="123">
        <v>200137</v>
      </c>
      <c r="IP22" s="123">
        <v>179155</v>
      </c>
      <c r="IQ22" s="123">
        <v>1157144</v>
      </c>
      <c r="IR22" s="123">
        <v>0</v>
      </c>
      <c r="IS22" s="159">
        <v>1629193</v>
      </c>
      <c r="IT22" s="354">
        <v>1629193</v>
      </c>
      <c r="IU22" s="160">
        <v>0</v>
      </c>
      <c r="IV22" s="123">
        <v>0</v>
      </c>
      <c r="IW22" s="124">
        <v>0</v>
      </c>
      <c r="IX22" s="162">
        <v>0</v>
      </c>
      <c r="IY22" s="123">
        <v>0</v>
      </c>
      <c r="IZ22" s="123">
        <v>0</v>
      </c>
      <c r="JA22" s="123">
        <v>0</v>
      </c>
      <c r="JB22" s="123">
        <v>0</v>
      </c>
      <c r="JC22" s="123">
        <v>0</v>
      </c>
      <c r="JD22" s="124">
        <v>0</v>
      </c>
      <c r="JE22" s="125">
        <v>0</v>
      </c>
      <c r="JF22" s="160">
        <v>0</v>
      </c>
      <c r="JG22" s="123">
        <v>0</v>
      </c>
      <c r="JH22" s="159">
        <v>0</v>
      </c>
      <c r="JI22" s="122">
        <v>0</v>
      </c>
      <c r="JJ22" s="123">
        <v>12730683</v>
      </c>
      <c r="JK22" s="123">
        <v>17684334</v>
      </c>
      <c r="JL22" s="123">
        <v>13567134</v>
      </c>
      <c r="JM22" s="123">
        <v>11973681</v>
      </c>
      <c r="JN22" s="123">
        <v>8818281</v>
      </c>
      <c r="JO22" s="124">
        <v>64774113</v>
      </c>
      <c r="JP22" s="354">
        <v>64774113</v>
      </c>
      <c r="JQ22" s="160">
        <v>0</v>
      </c>
      <c r="JR22" s="123">
        <v>55135</v>
      </c>
      <c r="JS22" s="159">
        <v>55135</v>
      </c>
      <c r="JT22" s="122">
        <v>0</v>
      </c>
      <c r="JU22" s="123">
        <v>1857289</v>
      </c>
      <c r="JV22" s="123">
        <v>2589257</v>
      </c>
      <c r="JW22" s="123">
        <v>2427939</v>
      </c>
      <c r="JX22" s="123">
        <v>1512249</v>
      </c>
      <c r="JY22" s="123">
        <v>607784</v>
      </c>
      <c r="JZ22" s="124">
        <v>8994518</v>
      </c>
      <c r="KA22" s="354">
        <v>9049653</v>
      </c>
      <c r="KB22" s="265">
        <v>46544</v>
      </c>
      <c r="KC22" s="259">
        <v>85376</v>
      </c>
      <c r="KD22" s="124">
        <v>131920</v>
      </c>
      <c r="KE22" s="122">
        <v>0</v>
      </c>
      <c r="KF22" s="123">
        <v>1715902</v>
      </c>
      <c r="KG22" s="123">
        <v>5813598</v>
      </c>
      <c r="KH22" s="123">
        <v>7369078</v>
      </c>
      <c r="KI22" s="123">
        <v>7530907</v>
      </c>
      <c r="KJ22" s="123">
        <v>3485959</v>
      </c>
      <c r="KK22" s="124">
        <v>25915444</v>
      </c>
      <c r="KL22" s="161">
        <v>26047364</v>
      </c>
      <c r="KM22" s="262">
        <v>0</v>
      </c>
      <c r="KN22" s="269">
        <v>0</v>
      </c>
      <c r="KO22" s="270">
        <v>0</v>
      </c>
      <c r="KP22" s="158"/>
      <c r="KQ22" s="123">
        <v>12314852</v>
      </c>
      <c r="KR22" s="123">
        <v>18560582</v>
      </c>
      <c r="KS22" s="123">
        <v>15952390</v>
      </c>
      <c r="KT22" s="123">
        <v>10080615</v>
      </c>
      <c r="KU22" s="123">
        <v>5031843</v>
      </c>
      <c r="KV22" s="124">
        <v>61940282</v>
      </c>
      <c r="KW22" s="354">
        <v>61940282</v>
      </c>
      <c r="KX22" s="160">
        <v>0</v>
      </c>
      <c r="KY22" s="123">
        <v>0</v>
      </c>
      <c r="KZ22" s="124">
        <v>0</v>
      </c>
      <c r="LA22" s="163"/>
      <c r="LB22" s="123">
        <v>0</v>
      </c>
      <c r="LC22" s="123">
        <v>0</v>
      </c>
      <c r="LD22" s="123">
        <v>0</v>
      </c>
      <c r="LE22" s="123">
        <v>0</v>
      </c>
      <c r="LF22" s="123">
        <v>0</v>
      </c>
      <c r="LG22" s="124">
        <v>0</v>
      </c>
      <c r="LH22" s="125">
        <v>0</v>
      </c>
      <c r="LI22" s="160">
        <v>0</v>
      </c>
      <c r="LJ22" s="123">
        <v>0</v>
      </c>
      <c r="LK22" s="124">
        <v>0</v>
      </c>
      <c r="LL22" s="163"/>
      <c r="LM22" s="123">
        <v>213776</v>
      </c>
      <c r="LN22" s="123">
        <v>509615</v>
      </c>
      <c r="LO22" s="123">
        <v>9369378</v>
      </c>
      <c r="LP22" s="123">
        <v>7571559</v>
      </c>
      <c r="LQ22" s="123">
        <v>12813371</v>
      </c>
      <c r="LR22" s="124">
        <v>30477699</v>
      </c>
      <c r="LS22" s="354">
        <v>30477699</v>
      </c>
      <c r="LT22" s="160">
        <v>0</v>
      </c>
      <c r="LU22" s="123">
        <v>0</v>
      </c>
      <c r="LV22" s="124">
        <v>0</v>
      </c>
      <c r="LW22" s="163"/>
      <c r="LX22" s="123">
        <v>704610</v>
      </c>
      <c r="LY22" s="123">
        <v>0</v>
      </c>
      <c r="LZ22" s="123">
        <v>628136</v>
      </c>
      <c r="MA22" s="123">
        <v>666989</v>
      </c>
      <c r="MB22" s="123">
        <v>2885551</v>
      </c>
      <c r="MC22" s="124">
        <v>4885286</v>
      </c>
      <c r="MD22" s="125">
        <v>4885286</v>
      </c>
      <c r="ME22" s="160">
        <v>0</v>
      </c>
      <c r="MF22" s="123">
        <v>0</v>
      </c>
      <c r="MG22" s="124">
        <v>0</v>
      </c>
      <c r="MH22" s="163"/>
      <c r="MI22" s="123">
        <v>10792102</v>
      </c>
      <c r="MJ22" s="123">
        <v>31901347</v>
      </c>
      <c r="MK22" s="123">
        <v>88945034</v>
      </c>
      <c r="ML22" s="123">
        <v>112198113</v>
      </c>
      <c r="MM22" s="123">
        <v>85808016</v>
      </c>
      <c r="MN22" s="124">
        <v>329644612</v>
      </c>
      <c r="MO22" s="161">
        <v>329644612</v>
      </c>
      <c r="MP22" s="160">
        <v>0</v>
      </c>
      <c r="MQ22" s="123">
        <v>0</v>
      </c>
      <c r="MR22" s="124">
        <v>0</v>
      </c>
      <c r="MS22" s="163">
        <v>0</v>
      </c>
      <c r="MT22" s="123">
        <v>1368901</v>
      </c>
      <c r="MU22" s="123">
        <v>6115551</v>
      </c>
      <c r="MV22" s="123">
        <v>50606458</v>
      </c>
      <c r="MW22" s="123">
        <v>74950847</v>
      </c>
      <c r="MX22" s="123">
        <v>58810801</v>
      </c>
      <c r="MY22" s="124">
        <v>191852558</v>
      </c>
      <c r="MZ22" s="161">
        <v>191852558</v>
      </c>
      <c r="NA22" s="160">
        <v>0</v>
      </c>
      <c r="NB22" s="123">
        <v>0</v>
      </c>
      <c r="NC22" s="124">
        <v>0</v>
      </c>
      <c r="ND22" s="163"/>
      <c r="NE22" s="123">
        <v>9423201</v>
      </c>
      <c r="NF22" s="123">
        <v>25785796</v>
      </c>
      <c r="NG22" s="123">
        <v>38338576</v>
      </c>
      <c r="NH22" s="123">
        <v>35748636</v>
      </c>
      <c r="NI22" s="123">
        <v>21204301</v>
      </c>
      <c r="NJ22" s="124">
        <v>130500510</v>
      </c>
      <c r="NK22" s="354">
        <v>130500510</v>
      </c>
      <c r="NL22" s="160">
        <v>0</v>
      </c>
      <c r="NM22" s="123">
        <v>0</v>
      </c>
      <c r="NN22" s="124">
        <v>0</v>
      </c>
      <c r="NO22" s="163"/>
      <c r="NP22" s="123">
        <v>0</v>
      </c>
      <c r="NQ22" s="123">
        <v>0</v>
      </c>
      <c r="NR22" s="123">
        <v>0</v>
      </c>
      <c r="NS22" s="123">
        <v>0</v>
      </c>
      <c r="NT22" s="123">
        <v>1362378</v>
      </c>
      <c r="NU22" s="124">
        <v>1362378</v>
      </c>
      <c r="NV22" s="125">
        <v>1362378</v>
      </c>
      <c r="NW22" s="160">
        <v>0</v>
      </c>
      <c r="NX22" s="123">
        <v>0</v>
      </c>
      <c r="NY22" s="124">
        <v>0</v>
      </c>
      <c r="NZ22" s="163"/>
      <c r="OA22" s="123">
        <v>0</v>
      </c>
      <c r="OB22" s="123">
        <v>0</v>
      </c>
      <c r="OC22" s="123">
        <v>0</v>
      </c>
      <c r="OD22" s="123">
        <v>1498630</v>
      </c>
      <c r="OE22" s="123">
        <v>4430536</v>
      </c>
      <c r="OF22" s="124">
        <v>5929166</v>
      </c>
      <c r="OG22" s="125">
        <v>5929166</v>
      </c>
      <c r="OH22" s="160">
        <v>6355759</v>
      </c>
      <c r="OI22" s="123">
        <v>17174706</v>
      </c>
      <c r="OJ22" s="159">
        <v>23530465</v>
      </c>
      <c r="OK22" s="122">
        <v>0</v>
      </c>
      <c r="OL22" s="123">
        <v>121718862</v>
      </c>
      <c r="OM22" s="123">
        <v>229793150</v>
      </c>
      <c r="ON22" s="123">
        <v>269581002</v>
      </c>
      <c r="OO22" s="123">
        <v>282490277</v>
      </c>
      <c r="OP22" s="123">
        <v>217097325</v>
      </c>
      <c r="OQ22" s="124">
        <v>1120680616</v>
      </c>
      <c r="OR22" s="161">
        <v>1144211081</v>
      </c>
    </row>
    <row r="23" spans="1:408" ht="18.75" customHeight="1" x14ac:dyDescent="0.2">
      <c r="A23" s="63" t="s">
        <v>18</v>
      </c>
      <c r="B23" s="113">
        <v>7541512</v>
      </c>
      <c r="C23" s="117">
        <v>16228432</v>
      </c>
      <c r="D23" s="116">
        <v>23769944</v>
      </c>
      <c r="E23" s="112">
        <v>0</v>
      </c>
      <c r="F23" s="117">
        <v>134545005</v>
      </c>
      <c r="G23" s="117">
        <v>163835806</v>
      </c>
      <c r="H23" s="117">
        <v>147003600</v>
      </c>
      <c r="I23" s="117">
        <v>132973218</v>
      </c>
      <c r="J23" s="117">
        <v>94596807</v>
      </c>
      <c r="K23" s="112">
        <v>672954436</v>
      </c>
      <c r="L23" s="119">
        <v>696724380</v>
      </c>
      <c r="M23" s="113">
        <v>1882707</v>
      </c>
      <c r="N23" s="117">
        <v>4232992</v>
      </c>
      <c r="O23" s="116">
        <v>6115699</v>
      </c>
      <c r="P23" s="113">
        <v>0</v>
      </c>
      <c r="Q23" s="117">
        <v>37804571</v>
      </c>
      <c r="R23" s="117">
        <v>45278413</v>
      </c>
      <c r="S23" s="117">
        <v>43790517</v>
      </c>
      <c r="T23" s="117">
        <v>50439140</v>
      </c>
      <c r="U23" s="117">
        <v>45711332</v>
      </c>
      <c r="V23" s="116">
        <v>223023973</v>
      </c>
      <c r="W23" s="119">
        <v>229139672</v>
      </c>
      <c r="X23" s="113">
        <v>0</v>
      </c>
      <c r="Y23" s="117">
        <v>0</v>
      </c>
      <c r="Z23" s="116">
        <v>0</v>
      </c>
      <c r="AA23" s="113">
        <v>0</v>
      </c>
      <c r="AB23" s="117">
        <v>18246360</v>
      </c>
      <c r="AC23" s="117">
        <v>22851311</v>
      </c>
      <c r="AD23" s="117">
        <v>24996736</v>
      </c>
      <c r="AE23" s="117">
        <v>32547948</v>
      </c>
      <c r="AF23" s="117">
        <v>26394746</v>
      </c>
      <c r="AG23" s="116">
        <v>125037101</v>
      </c>
      <c r="AH23" s="119">
        <v>125037101</v>
      </c>
      <c r="AI23" s="113">
        <v>0</v>
      </c>
      <c r="AJ23" s="117">
        <v>34725</v>
      </c>
      <c r="AK23" s="116">
        <v>34725</v>
      </c>
      <c r="AL23" s="113">
        <v>0</v>
      </c>
      <c r="AM23" s="117">
        <v>151585</v>
      </c>
      <c r="AN23" s="117">
        <v>872313</v>
      </c>
      <c r="AO23" s="117">
        <v>968845</v>
      </c>
      <c r="AP23" s="117">
        <v>2533801</v>
      </c>
      <c r="AQ23" s="117">
        <v>6042001</v>
      </c>
      <c r="AR23" s="116">
        <v>10568545</v>
      </c>
      <c r="AS23" s="119">
        <v>10603270</v>
      </c>
      <c r="AT23" s="113">
        <v>1104312</v>
      </c>
      <c r="AU23" s="117">
        <v>3157282</v>
      </c>
      <c r="AV23" s="116">
        <v>4261594</v>
      </c>
      <c r="AW23" s="113">
        <v>0</v>
      </c>
      <c r="AX23" s="117">
        <v>12112262</v>
      </c>
      <c r="AY23" s="117">
        <v>13202408</v>
      </c>
      <c r="AZ23" s="117">
        <v>9669863</v>
      </c>
      <c r="BA23" s="117">
        <v>8629868</v>
      </c>
      <c r="BB23" s="117">
        <v>7751116</v>
      </c>
      <c r="BC23" s="116">
        <v>51365517</v>
      </c>
      <c r="BD23" s="119">
        <v>55627111</v>
      </c>
      <c r="BE23" s="113">
        <v>177617</v>
      </c>
      <c r="BF23" s="117">
        <v>263677</v>
      </c>
      <c r="BG23" s="115">
        <v>441294</v>
      </c>
      <c r="BH23" s="114">
        <v>0</v>
      </c>
      <c r="BI23" s="117">
        <v>1556323</v>
      </c>
      <c r="BJ23" s="117">
        <v>1692493</v>
      </c>
      <c r="BK23" s="117">
        <v>1530048</v>
      </c>
      <c r="BL23" s="117">
        <v>981931</v>
      </c>
      <c r="BM23" s="117">
        <v>545467</v>
      </c>
      <c r="BN23" s="116">
        <v>6306262</v>
      </c>
      <c r="BO23" s="119">
        <v>6747556</v>
      </c>
      <c r="BP23" s="113">
        <v>600778</v>
      </c>
      <c r="BQ23" s="117">
        <v>777308</v>
      </c>
      <c r="BR23" s="116">
        <v>1378086</v>
      </c>
      <c r="BS23" s="113">
        <v>0</v>
      </c>
      <c r="BT23" s="117">
        <v>5738041</v>
      </c>
      <c r="BU23" s="117">
        <v>6659888</v>
      </c>
      <c r="BV23" s="117">
        <v>6625025</v>
      </c>
      <c r="BW23" s="117">
        <v>5745592</v>
      </c>
      <c r="BX23" s="117">
        <v>4978002</v>
      </c>
      <c r="BY23" s="116">
        <v>29746548</v>
      </c>
      <c r="BZ23" s="119">
        <v>31124634</v>
      </c>
      <c r="CA23" s="113">
        <v>1202729</v>
      </c>
      <c r="CB23" s="117">
        <v>4324973</v>
      </c>
      <c r="CC23" s="116">
        <v>5527702</v>
      </c>
      <c r="CD23" s="113">
        <v>0</v>
      </c>
      <c r="CE23" s="117">
        <v>44157419</v>
      </c>
      <c r="CF23" s="117">
        <v>55244293</v>
      </c>
      <c r="CG23" s="117">
        <v>43096211</v>
      </c>
      <c r="CH23" s="117">
        <v>27647185</v>
      </c>
      <c r="CI23" s="117">
        <v>11055770</v>
      </c>
      <c r="CJ23" s="116">
        <v>181200878</v>
      </c>
      <c r="CK23" s="119">
        <v>186728580</v>
      </c>
      <c r="CL23" s="113">
        <v>0</v>
      </c>
      <c r="CM23" s="117">
        <v>0</v>
      </c>
      <c r="CN23" s="116">
        <v>0</v>
      </c>
      <c r="CO23" s="114">
        <v>0</v>
      </c>
      <c r="CP23" s="117">
        <v>35393635</v>
      </c>
      <c r="CQ23" s="117">
        <v>44747360</v>
      </c>
      <c r="CR23" s="117">
        <v>35299551</v>
      </c>
      <c r="CS23" s="117">
        <v>22163460</v>
      </c>
      <c r="CT23" s="117">
        <v>9551676</v>
      </c>
      <c r="CU23" s="116">
        <v>147155682</v>
      </c>
      <c r="CV23" s="119">
        <v>147155682</v>
      </c>
      <c r="CW23" s="113">
        <v>1202729</v>
      </c>
      <c r="CX23" s="117">
        <v>4324973</v>
      </c>
      <c r="CY23" s="116">
        <v>5527702</v>
      </c>
      <c r="CZ23" s="113">
        <v>0</v>
      </c>
      <c r="DA23" s="117">
        <v>8763784</v>
      </c>
      <c r="DB23" s="117">
        <v>10496933</v>
      </c>
      <c r="DC23" s="117">
        <v>7796660</v>
      </c>
      <c r="DD23" s="117">
        <v>5483725</v>
      </c>
      <c r="DE23" s="117">
        <v>1504094</v>
      </c>
      <c r="DF23" s="116">
        <v>34045196</v>
      </c>
      <c r="DG23" s="119">
        <v>39572898</v>
      </c>
      <c r="DH23" s="113">
        <v>74601</v>
      </c>
      <c r="DI23" s="117">
        <v>190418</v>
      </c>
      <c r="DJ23" s="115">
        <v>265019</v>
      </c>
      <c r="DK23" s="114">
        <v>0</v>
      </c>
      <c r="DL23" s="117">
        <v>2483718</v>
      </c>
      <c r="DM23" s="117">
        <v>9541347</v>
      </c>
      <c r="DN23" s="117">
        <v>14963310</v>
      </c>
      <c r="DO23" s="117">
        <v>15809498</v>
      </c>
      <c r="DP23" s="117">
        <v>8887349</v>
      </c>
      <c r="DQ23" s="116">
        <v>51685222</v>
      </c>
      <c r="DR23" s="119">
        <v>51950241</v>
      </c>
      <c r="DS23" s="113">
        <v>74601</v>
      </c>
      <c r="DT23" s="117">
        <v>190418</v>
      </c>
      <c r="DU23" s="116">
        <v>265019</v>
      </c>
      <c r="DV23" s="113">
        <v>0</v>
      </c>
      <c r="DW23" s="117">
        <v>2410640</v>
      </c>
      <c r="DX23" s="117">
        <v>9293934</v>
      </c>
      <c r="DY23" s="117">
        <v>14641534</v>
      </c>
      <c r="DZ23" s="117">
        <v>15514797</v>
      </c>
      <c r="EA23" s="117">
        <v>8711836</v>
      </c>
      <c r="EB23" s="116">
        <v>50572741</v>
      </c>
      <c r="EC23" s="119">
        <v>50837760</v>
      </c>
      <c r="ED23" s="113">
        <v>0</v>
      </c>
      <c r="EE23" s="115">
        <v>0</v>
      </c>
      <c r="EF23" s="116">
        <v>0</v>
      </c>
      <c r="EG23" s="113">
        <v>0</v>
      </c>
      <c r="EH23" s="117">
        <v>73078</v>
      </c>
      <c r="EI23" s="117">
        <v>247413</v>
      </c>
      <c r="EJ23" s="117">
        <v>321776</v>
      </c>
      <c r="EK23" s="117">
        <v>294701</v>
      </c>
      <c r="EL23" s="117">
        <v>175513</v>
      </c>
      <c r="EM23" s="115">
        <v>1112481</v>
      </c>
      <c r="EN23" s="119">
        <v>1112481</v>
      </c>
      <c r="EO23" s="113">
        <v>0</v>
      </c>
      <c r="EP23" s="117">
        <v>0</v>
      </c>
      <c r="EQ23" s="115">
        <v>0</v>
      </c>
      <c r="ER23" s="114">
        <v>0</v>
      </c>
      <c r="ES23" s="117">
        <v>0</v>
      </c>
      <c r="ET23" s="117">
        <v>0</v>
      </c>
      <c r="EU23" s="117">
        <v>0</v>
      </c>
      <c r="EV23" s="117">
        <v>0</v>
      </c>
      <c r="EW23" s="117">
        <v>0</v>
      </c>
      <c r="EX23" s="116">
        <v>0</v>
      </c>
      <c r="EY23" s="119">
        <v>0</v>
      </c>
      <c r="EZ23" s="113">
        <v>0</v>
      </c>
      <c r="FA23" s="117">
        <v>0</v>
      </c>
      <c r="FB23" s="115">
        <v>0</v>
      </c>
      <c r="FC23" s="387"/>
      <c r="FD23" s="117">
        <v>0</v>
      </c>
      <c r="FE23" s="117">
        <v>0</v>
      </c>
      <c r="FF23" s="117">
        <v>0</v>
      </c>
      <c r="FG23" s="117">
        <v>0</v>
      </c>
      <c r="FH23" s="117">
        <v>0</v>
      </c>
      <c r="FI23" s="116">
        <v>0</v>
      </c>
      <c r="FJ23" s="119">
        <v>0</v>
      </c>
      <c r="FK23" s="113">
        <v>1553015</v>
      </c>
      <c r="FL23" s="117">
        <v>2874034</v>
      </c>
      <c r="FM23" s="116">
        <v>4427049</v>
      </c>
      <c r="FN23" s="113">
        <v>0</v>
      </c>
      <c r="FO23" s="117">
        <v>6953661</v>
      </c>
      <c r="FP23" s="117">
        <v>13997786</v>
      </c>
      <c r="FQ23" s="117">
        <v>9992968</v>
      </c>
      <c r="FR23" s="117">
        <v>9623511</v>
      </c>
      <c r="FS23" s="117">
        <v>7073413</v>
      </c>
      <c r="FT23" s="116">
        <v>47641339</v>
      </c>
      <c r="FU23" s="119">
        <v>52068388</v>
      </c>
      <c r="FV23" s="118">
        <v>1036146</v>
      </c>
      <c r="FW23" s="117">
        <v>2565373</v>
      </c>
      <c r="FX23" s="115">
        <v>3601519</v>
      </c>
      <c r="FY23" s="114">
        <v>0</v>
      </c>
      <c r="FZ23" s="117">
        <v>5650300</v>
      </c>
      <c r="GA23" s="117">
        <v>13061025</v>
      </c>
      <c r="GB23" s="117">
        <v>9476168</v>
      </c>
      <c r="GC23" s="117">
        <v>9168445</v>
      </c>
      <c r="GD23" s="117">
        <v>6982500</v>
      </c>
      <c r="GE23" s="116">
        <v>44338438</v>
      </c>
      <c r="GF23" s="351">
        <v>47939957</v>
      </c>
      <c r="GG23" s="118">
        <v>41669</v>
      </c>
      <c r="GH23" s="117">
        <v>85261</v>
      </c>
      <c r="GI23" s="115">
        <v>126930</v>
      </c>
      <c r="GJ23" s="114">
        <v>0</v>
      </c>
      <c r="GK23" s="117">
        <v>279934</v>
      </c>
      <c r="GL23" s="117">
        <v>285617</v>
      </c>
      <c r="GM23" s="117">
        <v>176100</v>
      </c>
      <c r="GN23" s="117">
        <v>342236</v>
      </c>
      <c r="GO23" s="117">
        <v>90913</v>
      </c>
      <c r="GP23" s="116">
        <v>1174800</v>
      </c>
      <c r="GQ23" s="119">
        <v>1301730</v>
      </c>
      <c r="GR23" s="113">
        <v>475200</v>
      </c>
      <c r="GS23" s="117">
        <v>223400</v>
      </c>
      <c r="GT23" s="116">
        <v>698600</v>
      </c>
      <c r="GU23" s="113">
        <v>0</v>
      </c>
      <c r="GV23" s="117">
        <v>1023427</v>
      </c>
      <c r="GW23" s="117">
        <v>651144</v>
      </c>
      <c r="GX23" s="117">
        <v>340700</v>
      </c>
      <c r="GY23" s="117">
        <v>112830</v>
      </c>
      <c r="GZ23" s="117">
        <v>0</v>
      </c>
      <c r="HA23" s="115">
        <v>2128101</v>
      </c>
      <c r="HB23" s="119">
        <v>2826701</v>
      </c>
      <c r="HC23" s="113">
        <v>1433357</v>
      </c>
      <c r="HD23" s="117">
        <v>1678291</v>
      </c>
      <c r="HE23" s="115">
        <v>3111648</v>
      </c>
      <c r="HF23" s="114">
        <v>0</v>
      </c>
      <c r="HG23" s="117">
        <v>20069923</v>
      </c>
      <c r="HH23" s="117">
        <v>18524380</v>
      </c>
      <c r="HI23" s="117">
        <v>20802361</v>
      </c>
      <c r="HJ23" s="117">
        <v>19590182</v>
      </c>
      <c r="HK23" s="117">
        <v>16399321</v>
      </c>
      <c r="HL23" s="116">
        <v>95386167</v>
      </c>
      <c r="HM23" s="112">
        <v>98497815</v>
      </c>
      <c r="HN23" s="118">
        <v>1395103</v>
      </c>
      <c r="HO23" s="117">
        <v>2927724</v>
      </c>
      <c r="HP23" s="116">
        <v>4322827</v>
      </c>
      <c r="HQ23" s="113">
        <v>0</v>
      </c>
      <c r="HR23" s="117">
        <v>23075713</v>
      </c>
      <c r="HS23" s="117">
        <v>21249587</v>
      </c>
      <c r="HT23" s="117">
        <v>14358233</v>
      </c>
      <c r="HU23" s="117">
        <v>9863702</v>
      </c>
      <c r="HV23" s="117">
        <v>5469622</v>
      </c>
      <c r="HW23" s="115">
        <v>74016857</v>
      </c>
      <c r="HX23" s="119">
        <v>78339684</v>
      </c>
      <c r="HY23" s="149">
        <v>432691</v>
      </c>
      <c r="HZ23" s="150">
        <v>1162359</v>
      </c>
      <c r="IA23" s="151">
        <v>1595050</v>
      </c>
      <c r="IB23" s="164">
        <v>0</v>
      </c>
      <c r="IC23" s="150">
        <v>32992666</v>
      </c>
      <c r="ID23" s="165">
        <v>53379347</v>
      </c>
      <c r="IE23" s="151">
        <v>48859652</v>
      </c>
      <c r="IF23" s="150">
        <v>30401755</v>
      </c>
      <c r="IG23" s="151">
        <v>21293049</v>
      </c>
      <c r="IH23" s="166">
        <v>186926469</v>
      </c>
      <c r="II23" s="157">
        <v>188521519</v>
      </c>
      <c r="IJ23" s="262">
        <v>0</v>
      </c>
      <c r="IK23" s="269">
        <v>0</v>
      </c>
      <c r="IL23" s="270">
        <v>0</v>
      </c>
      <c r="IM23" s="158"/>
      <c r="IN23" s="123">
        <v>162263</v>
      </c>
      <c r="IO23" s="123">
        <v>115443</v>
      </c>
      <c r="IP23" s="123">
        <v>590972</v>
      </c>
      <c r="IQ23" s="123">
        <v>58569</v>
      </c>
      <c r="IR23" s="123">
        <v>769727</v>
      </c>
      <c r="IS23" s="159">
        <v>1696974</v>
      </c>
      <c r="IT23" s="354">
        <v>1696974</v>
      </c>
      <c r="IU23" s="160">
        <v>0</v>
      </c>
      <c r="IV23" s="123">
        <v>0</v>
      </c>
      <c r="IW23" s="124">
        <v>0</v>
      </c>
      <c r="IX23" s="162">
        <v>0</v>
      </c>
      <c r="IY23" s="123">
        <v>0</v>
      </c>
      <c r="IZ23" s="123">
        <v>0</v>
      </c>
      <c r="JA23" s="123">
        <v>0</v>
      </c>
      <c r="JB23" s="123">
        <v>0</v>
      </c>
      <c r="JC23" s="123">
        <v>0</v>
      </c>
      <c r="JD23" s="124">
        <v>0</v>
      </c>
      <c r="JE23" s="125">
        <v>0</v>
      </c>
      <c r="JF23" s="160">
        <v>0</v>
      </c>
      <c r="JG23" s="123">
        <v>0</v>
      </c>
      <c r="JH23" s="159">
        <v>0</v>
      </c>
      <c r="JI23" s="122">
        <v>0</v>
      </c>
      <c r="JJ23" s="123">
        <v>13260148</v>
      </c>
      <c r="JK23" s="123">
        <v>13893240</v>
      </c>
      <c r="JL23" s="123">
        <v>8995595</v>
      </c>
      <c r="JM23" s="123">
        <v>4604086</v>
      </c>
      <c r="JN23" s="123">
        <v>1487880</v>
      </c>
      <c r="JO23" s="124">
        <v>42240949</v>
      </c>
      <c r="JP23" s="354">
        <v>42240949</v>
      </c>
      <c r="JQ23" s="160">
        <v>0</v>
      </c>
      <c r="JR23" s="123">
        <v>0</v>
      </c>
      <c r="JS23" s="159">
        <v>0</v>
      </c>
      <c r="JT23" s="122">
        <v>0</v>
      </c>
      <c r="JU23" s="123">
        <v>793297</v>
      </c>
      <c r="JV23" s="123">
        <v>766980</v>
      </c>
      <c r="JW23" s="123">
        <v>1859750</v>
      </c>
      <c r="JX23" s="123">
        <v>1656105</v>
      </c>
      <c r="JY23" s="123">
        <v>2564174</v>
      </c>
      <c r="JZ23" s="124">
        <v>7640306</v>
      </c>
      <c r="KA23" s="354">
        <v>7640306</v>
      </c>
      <c r="KB23" s="265">
        <v>432691</v>
      </c>
      <c r="KC23" s="259">
        <v>697933</v>
      </c>
      <c r="KD23" s="124">
        <v>1130624</v>
      </c>
      <c r="KE23" s="122">
        <v>0</v>
      </c>
      <c r="KF23" s="123">
        <v>5887656</v>
      </c>
      <c r="KG23" s="123">
        <v>10604783</v>
      </c>
      <c r="KH23" s="123">
        <v>6876196</v>
      </c>
      <c r="KI23" s="123">
        <v>5459536</v>
      </c>
      <c r="KJ23" s="123">
        <v>1905538</v>
      </c>
      <c r="KK23" s="124">
        <v>30733709</v>
      </c>
      <c r="KL23" s="161">
        <v>31864333</v>
      </c>
      <c r="KM23" s="262">
        <v>0</v>
      </c>
      <c r="KN23" s="269">
        <v>464426</v>
      </c>
      <c r="KO23" s="270">
        <v>464426</v>
      </c>
      <c r="KP23" s="158"/>
      <c r="KQ23" s="123">
        <v>12181205</v>
      </c>
      <c r="KR23" s="123">
        <v>26116819</v>
      </c>
      <c r="KS23" s="123">
        <v>25135652</v>
      </c>
      <c r="KT23" s="123">
        <v>11468103</v>
      </c>
      <c r="KU23" s="123">
        <v>7309170</v>
      </c>
      <c r="KV23" s="124">
        <v>82210949</v>
      </c>
      <c r="KW23" s="354">
        <v>82675375</v>
      </c>
      <c r="KX23" s="160">
        <v>0</v>
      </c>
      <c r="KY23" s="123">
        <v>0</v>
      </c>
      <c r="KZ23" s="124">
        <v>0</v>
      </c>
      <c r="LA23" s="163"/>
      <c r="LB23" s="123">
        <v>0</v>
      </c>
      <c r="LC23" s="123">
        <v>0</v>
      </c>
      <c r="LD23" s="123">
        <v>0</v>
      </c>
      <c r="LE23" s="123">
        <v>0</v>
      </c>
      <c r="LF23" s="123">
        <v>0</v>
      </c>
      <c r="LG23" s="124">
        <v>0</v>
      </c>
      <c r="LH23" s="125">
        <v>0</v>
      </c>
      <c r="LI23" s="160">
        <v>0</v>
      </c>
      <c r="LJ23" s="123">
        <v>0</v>
      </c>
      <c r="LK23" s="124">
        <v>0</v>
      </c>
      <c r="LL23" s="163"/>
      <c r="LM23" s="123">
        <v>0</v>
      </c>
      <c r="LN23" s="123">
        <v>532040</v>
      </c>
      <c r="LO23" s="123">
        <v>1918190</v>
      </c>
      <c r="LP23" s="123">
        <v>4046530</v>
      </c>
      <c r="LQ23" s="123">
        <v>1673100</v>
      </c>
      <c r="LR23" s="124">
        <v>8169860</v>
      </c>
      <c r="LS23" s="354">
        <v>8169860</v>
      </c>
      <c r="LT23" s="160">
        <v>0</v>
      </c>
      <c r="LU23" s="123">
        <v>0</v>
      </c>
      <c r="LV23" s="124">
        <v>0</v>
      </c>
      <c r="LW23" s="163"/>
      <c r="LX23" s="123">
        <v>708097</v>
      </c>
      <c r="LY23" s="123">
        <v>1350042</v>
      </c>
      <c r="LZ23" s="123">
        <v>3483297</v>
      </c>
      <c r="MA23" s="123">
        <v>3108826</v>
      </c>
      <c r="MB23" s="123">
        <v>5583460</v>
      </c>
      <c r="MC23" s="124">
        <v>14233722</v>
      </c>
      <c r="MD23" s="125">
        <v>14233722</v>
      </c>
      <c r="ME23" s="160">
        <v>0</v>
      </c>
      <c r="MF23" s="123">
        <v>0</v>
      </c>
      <c r="MG23" s="124">
        <v>0</v>
      </c>
      <c r="MH23" s="163"/>
      <c r="MI23" s="123">
        <v>11808090</v>
      </c>
      <c r="MJ23" s="123">
        <v>22064978</v>
      </c>
      <c r="MK23" s="123">
        <v>80514827</v>
      </c>
      <c r="ML23" s="123">
        <v>153833744</v>
      </c>
      <c r="MM23" s="123">
        <v>117346872</v>
      </c>
      <c r="MN23" s="124">
        <v>385568511</v>
      </c>
      <c r="MO23" s="161">
        <v>385568511</v>
      </c>
      <c r="MP23" s="160">
        <v>0</v>
      </c>
      <c r="MQ23" s="123">
        <v>0</v>
      </c>
      <c r="MR23" s="124">
        <v>0</v>
      </c>
      <c r="MS23" s="163">
        <v>0</v>
      </c>
      <c r="MT23" s="123">
        <v>1216933</v>
      </c>
      <c r="MU23" s="123">
        <v>3265570</v>
      </c>
      <c r="MV23" s="123">
        <v>47688346</v>
      </c>
      <c r="MW23" s="123">
        <v>105845299</v>
      </c>
      <c r="MX23" s="123">
        <v>81045308</v>
      </c>
      <c r="MY23" s="124">
        <v>239061456</v>
      </c>
      <c r="MZ23" s="161">
        <v>239061456</v>
      </c>
      <c r="NA23" s="160">
        <v>0</v>
      </c>
      <c r="NB23" s="123">
        <v>0</v>
      </c>
      <c r="NC23" s="124">
        <v>0</v>
      </c>
      <c r="ND23" s="163"/>
      <c r="NE23" s="123">
        <v>10591157</v>
      </c>
      <c r="NF23" s="123">
        <v>18799408</v>
      </c>
      <c r="NG23" s="123">
        <v>32451347</v>
      </c>
      <c r="NH23" s="123">
        <v>43552608</v>
      </c>
      <c r="NI23" s="123">
        <v>26642948</v>
      </c>
      <c r="NJ23" s="124">
        <v>132037468</v>
      </c>
      <c r="NK23" s="354">
        <v>132037468</v>
      </c>
      <c r="NL23" s="160">
        <v>0</v>
      </c>
      <c r="NM23" s="123">
        <v>0</v>
      </c>
      <c r="NN23" s="124">
        <v>0</v>
      </c>
      <c r="NO23" s="163"/>
      <c r="NP23" s="123">
        <v>0</v>
      </c>
      <c r="NQ23" s="123">
        <v>0</v>
      </c>
      <c r="NR23" s="123">
        <v>0</v>
      </c>
      <c r="NS23" s="123">
        <v>0</v>
      </c>
      <c r="NT23" s="123">
        <v>1732624</v>
      </c>
      <c r="NU23" s="124">
        <v>1732624</v>
      </c>
      <c r="NV23" s="125">
        <v>1732624</v>
      </c>
      <c r="NW23" s="160">
        <v>0</v>
      </c>
      <c r="NX23" s="123">
        <v>0</v>
      </c>
      <c r="NY23" s="124">
        <v>0</v>
      </c>
      <c r="NZ23" s="163"/>
      <c r="OA23" s="123">
        <v>0</v>
      </c>
      <c r="OB23" s="123">
        <v>0</v>
      </c>
      <c r="OC23" s="123">
        <v>375134</v>
      </c>
      <c r="OD23" s="123">
        <v>4435837</v>
      </c>
      <c r="OE23" s="123">
        <v>7925992</v>
      </c>
      <c r="OF23" s="124">
        <v>12736963</v>
      </c>
      <c r="OG23" s="125">
        <v>12736963</v>
      </c>
      <c r="OH23" s="160">
        <v>7974203</v>
      </c>
      <c r="OI23" s="123">
        <v>17390791</v>
      </c>
      <c r="OJ23" s="159">
        <v>25364994</v>
      </c>
      <c r="OK23" s="122">
        <v>0</v>
      </c>
      <c r="OL23" s="123">
        <v>179345761</v>
      </c>
      <c r="OM23" s="123">
        <v>239280131</v>
      </c>
      <c r="ON23" s="123">
        <v>276378079</v>
      </c>
      <c r="OO23" s="123">
        <v>317208717</v>
      </c>
      <c r="OP23" s="123">
        <v>233236728</v>
      </c>
      <c r="OQ23" s="124">
        <v>1245449416</v>
      </c>
      <c r="OR23" s="161">
        <v>1270814410</v>
      </c>
    </row>
    <row r="24" spans="1:408" ht="18.75" customHeight="1" x14ac:dyDescent="0.2">
      <c r="A24" s="63" t="s">
        <v>19</v>
      </c>
      <c r="B24" s="113">
        <v>3932661</v>
      </c>
      <c r="C24" s="117">
        <v>9419774</v>
      </c>
      <c r="D24" s="116">
        <v>13352435</v>
      </c>
      <c r="E24" s="112">
        <v>0</v>
      </c>
      <c r="F24" s="117">
        <v>61343092</v>
      </c>
      <c r="G24" s="117">
        <v>67351036</v>
      </c>
      <c r="H24" s="117">
        <v>61158900</v>
      </c>
      <c r="I24" s="117">
        <v>48350586</v>
      </c>
      <c r="J24" s="117">
        <v>32916884</v>
      </c>
      <c r="K24" s="112">
        <v>271120498</v>
      </c>
      <c r="L24" s="119">
        <v>284472933</v>
      </c>
      <c r="M24" s="113">
        <v>1224483</v>
      </c>
      <c r="N24" s="117">
        <v>2390243</v>
      </c>
      <c r="O24" s="116">
        <v>3614726</v>
      </c>
      <c r="P24" s="113">
        <v>0</v>
      </c>
      <c r="Q24" s="117">
        <v>15461738</v>
      </c>
      <c r="R24" s="117">
        <v>15992681</v>
      </c>
      <c r="S24" s="117">
        <v>16835683</v>
      </c>
      <c r="T24" s="117">
        <v>18529341</v>
      </c>
      <c r="U24" s="117">
        <v>13591169</v>
      </c>
      <c r="V24" s="116">
        <v>80410612</v>
      </c>
      <c r="W24" s="119">
        <v>84025338</v>
      </c>
      <c r="X24" s="113">
        <v>0</v>
      </c>
      <c r="Y24" s="117">
        <v>0</v>
      </c>
      <c r="Z24" s="116">
        <v>0</v>
      </c>
      <c r="AA24" s="113">
        <v>0</v>
      </c>
      <c r="AB24" s="117">
        <v>6630914</v>
      </c>
      <c r="AC24" s="117">
        <v>7189911</v>
      </c>
      <c r="AD24" s="117">
        <v>9522627</v>
      </c>
      <c r="AE24" s="117">
        <v>10992026</v>
      </c>
      <c r="AF24" s="117">
        <v>6630689</v>
      </c>
      <c r="AG24" s="116">
        <v>40966167</v>
      </c>
      <c r="AH24" s="119">
        <v>40966167</v>
      </c>
      <c r="AI24" s="113">
        <v>0</v>
      </c>
      <c r="AJ24" s="117">
        <v>53571</v>
      </c>
      <c r="AK24" s="116">
        <v>53571</v>
      </c>
      <c r="AL24" s="113">
        <v>0</v>
      </c>
      <c r="AM24" s="117">
        <v>127827</v>
      </c>
      <c r="AN24" s="117">
        <v>194025</v>
      </c>
      <c r="AO24" s="117">
        <v>767994</v>
      </c>
      <c r="AP24" s="117">
        <v>1235455</v>
      </c>
      <c r="AQ24" s="117">
        <v>1992330</v>
      </c>
      <c r="AR24" s="116">
        <v>4317631</v>
      </c>
      <c r="AS24" s="119">
        <v>4371202</v>
      </c>
      <c r="AT24" s="113">
        <v>674016</v>
      </c>
      <c r="AU24" s="117">
        <v>1722102</v>
      </c>
      <c r="AV24" s="116">
        <v>2396118</v>
      </c>
      <c r="AW24" s="113">
        <v>0</v>
      </c>
      <c r="AX24" s="117">
        <v>5568741</v>
      </c>
      <c r="AY24" s="117">
        <v>5584803</v>
      </c>
      <c r="AZ24" s="117">
        <v>3790871</v>
      </c>
      <c r="BA24" s="117">
        <v>3864583</v>
      </c>
      <c r="BB24" s="117">
        <v>3287254</v>
      </c>
      <c r="BC24" s="116">
        <v>22096252</v>
      </c>
      <c r="BD24" s="119">
        <v>24492370</v>
      </c>
      <c r="BE24" s="113">
        <v>118131</v>
      </c>
      <c r="BF24" s="117">
        <v>271634</v>
      </c>
      <c r="BG24" s="115">
        <v>389765</v>
      </c>
      <c r="BH24" s="114">
        <v>0</v>
      </c>
      <c r="BI24" s="117">
        <v>675625</v>
      </c>
      <c r="BJ24" s="117">
        <v>524383</v>
      </c>
      <c r="BK24" s="117">
        <v>372044</v>
      </c>
      <c r="BL24" s="117">
        <v>285944</v>
      </c>
      <c r="BM24" s="117">
        <v>106021</v>
      </c>
      <c r="BN24" s="116">
        <v>1964017</v>
      </c>
      <c r="BO24" s="119">
        <v>2353782</v>
      </c>
      <c r="BP24" s="113">
        <v>432336</v>
      </c>
      <c r="BQ24" s="117">
        <v>342936</v>
      </c>
      <c r="BR24" s="116">
        <v>775272</v>
      </c>
      <c r="BS24" s="113">
        <v>0</v>
      </c>
      <c r="BT24" s="117">
        <v>2458631</v>
      </c>
      <c r="BU24" s="117">
        <v>2499559</v>
      </c>
      <c r="BV24" s="117">
        <v>2382147</v>
      </c>
      <c r="BW24" s="117">
        <v>2151333</v>
      </c>
      <c r="BX24" s="117">
        <v>1574875</v>
      </c>
      <c r="BY24" s="116">
        <v>11066545</v>
      </c>
      <c r="BZ24" s="119">
        <v>11841817</v>
      </c>
      <c r="CA24" s="113">
        <v>396215</v>
      </c>
      <c r="CB24" s="117">
        <v>1840439</v>
      </c>
      <c r="CC24" s="116">
        <v>2236654</v>
      </c>
      <c r="CD24" s="113">
        <v>0</v>
      </c>
      <c r="CE24" s="117">
        <v>18711186</v>
      </c>
      <c r="CF24" s="117">
        <v>25373062</v>
      </c>
      <c r="CG24" s="117">
        <v>17405520</v>
      </c>
      <c r="CH24" s="117">
        <v>8761988</v>
      </c>
      <c r="CI24" s="117">
        <v>5598285</v>
      </c>
      <c r="CJ24" s="116">
        <v>75850041</v>
      </c>
      <c r="CK24" s="119">
        <v>78086695</v>
      </c>
      <c r="CL24" s="113">
        <v>0</v>
      </c>
      <c r="CM24" s="117">
        <v>0</v>
      </c>
      <c r="CN24" s="116">
        <v>0</v>
      </c>
      <c r="CO24" s="114">
        <v>0</v>
      </c>
      <c r="CP24" s="117">
        <v>13999017</v>
      </c>
      <c r="CQ24" s="117">
        <v>19112801</v>
      </c>
      <c r="CR24" s="117">
        <v>12647867</v>
      </c>
      <c r="CS24" s="117">
        <v>5825036</v>
      </c>
      <c r="CT24" s="117">
        <v>4189335</v>
      </c>
      <c r="CU24" s="116">
        <v>55774056</v>
      </c>
      <c r="CV24" s="119">
        <v>55774056</v>
      </c>
      <c r="CW24" s="113">
        <v>396215</v>
      </c>
      <c r="CX24" s="117">
        <v>1840439</v>
      </c>
      <c r="CY24" s="116">
        <v>2236654</v>
      </c>
      <c r="CZ24" s="113">
        <v>0</v>
      </c>
      <c r="DA24" s="117">
        <v>4712169</v>
      </c>
      <c r="DB24" s="117">
        <v>6260261</v>
      </c>
      <c r="DC24" s="117">
        <v>4757653</v>
      </c>
      <c r="DD24" s="117">
        <v>2936952</v>
      </c>
      <c r="DE24" s="117">
        <v>1408950</v>
      </c>
      <c r="DF24" s="116">
        <v>20075985</v>
      </c>
      <c r="DG24" s="119">
        <v>22312639</v>
      </c>
      <c r="DH24" s="113">
        <v>0</v>
      </c>
      <c r="DI24" s="117">
        <v>90894</v>
      </c>
      <c r="DJ24" s="115">
        <v>90894</v>
      </c>
      <c r="DK24" s="114">
        <v>0</v>
      </c>
      <c r="DL24" s="117">
        <v>1403318</v>
      </c>
      <c r="DM24" s="117">
        <v>3471176</v>
      </c>
      <c r="DN24" s="117">
        <v>6566093</v>
      </c>
      <c r="DO24" s="117">
        <v>2856882</v>
      </c>
      <c r="DP24" s="117">
        <v>2472715</v>
      </c>
      <c r="DQ24" s="116">
        <v>16770184</v>
      </c>
      <c r="DR24" s="119">
        <v>16861078</v>
      </c>
      <c r="DS24" s="113">
        <v>0</v>
      </c>
      <c r="DT24" s="117">
        <v>50734</v>
      </c>
      <c r="DU24" s="116">
        <v>50734</v>
      </c>
      <c r="DV24" s="113">
        <v>0</v>
      </c>
      <c r="DW24" s="117">
        <v>1207765</v>
      </c>
      <c r="DX24" s="117">
        <v>2944717</v>
      </c>
      <c r="DY24" s="117">
        <v>5910955</v>
      </c>
      <c r="DZ24" s="117">
        <v>2084586</v>
      </c>
      <c r="EA24" s="117">
        <v>2042818</v>
      </c>
      <c r="EB24" s="116">
        <v>14190841</v>
      </c>
      <c r="EC24" s="119">
        <v>14241575</v>
      </c>
      <c r="ED24" s="113">
        <v>0</v>
      </c>
      <c r="EE24" s="115">
        <v>40160</v>
      </c>
      <c r="EF24" s="116">
        <v>40160</v>
      </c>
      <c r="EG24" s="113">
        <v>0</v>
      </c>
      <c r="EH24" s="117">
        <v>195553</v>
      </c>
      <c r="EI24" s="117">
        <v>526459</v>
      </c>
      <c r="EJ24" s="117">
        <v>655138</v>
      </c>
      <c r="EK24" s="117">
        <v>772296</v>
      </c>
      <c r="EL24" s="117">
        <v>429897</v>
      </c>
      <c r="EM24" s="115">
        <v>2579343</v>
      </c>
      <c r="EN24" s="119">
        <v>2619503</v>
      </c>
      <c r="EO24" s="113">
        <v>0</v>
      </c>
      <c r="EP24" s="117">
        <v>0</v>
      </c>
      <c r="EQ24" s="115">
        <v>0</v>
      </c>
      <c r="ER24" s="114">
        <v>0</v>
      </c>
      <c r="ES24" s="117">
        <v>0</v>
      </c>
      <c r="ET24" s="117">
        <v>0</v>
      </c>
      <c r="EU24" s="117">
        <v>0</v>
      </c>
      <c r="EV24" s="117">
        <v>0</v>
      </c>
      <c r="EW24" s="117">
        <v>0</v>
      </c>
      <c r="EX24" s="116">
        <v>0</v>
      </c>
      <c r="EY24" s="119">
        <v>0</v>
      </c>
      <c r="EZ24" s="113">
        <v>0</v>
      </c>
      <c r="FA24" s="117">
        <v>0</v>
      </c>
      <c r="FB24" s="115">
        <v>0</v>
      </c>
      <c r="FC24" s="387"/>
      <c r="FD24" s="117">
        <v>0</v>
      </c>
      <c r="FE24" s="117">
        <v>0</v>
      </c>
      <c r="FF24" s="117">
        <v>0</v>
      </c>
      <c r="FG24" s="117">
        <v>0</v>
      </c>
      <c r="FH24" s="117">
        <v>0</v>
      </c>
      <c r="FI24" s="116">
        <v>0</v>
      </c>
      <c r="FJ24" s="119">
        <v>0</v>
      </c>
      <c r="FK24" s="113">
        <v>806722</v>
      </c>
      <c r="FL24" s="117">
        <v>2171073</v>
      </c>
      <c r="FM24" s="116">
        <v>2977795</v>
      </c>
      <c r="FN24" s="113">
        <v>0</v>
      </c>
      <c r="FO24" s="117">
        <v>4251443</v>
      </c>
      <c r="FP24" s="117">
        <v>6139428</v>
      </c>
      <c r="FQ24" s="117">
        <v>4879267</v>
      </c>
      <c r="FR24" s="117">
        <v>3935301</v>
      </c>
      <c r="FS24" s="117">
        <v>3124221</v>
      </c>
      <c r="FT24" s="116">
        <v>22329660</v>
      </c>
      <c r="FU24" s="119">
        <v>25307455</v>
      </c>
      <c r="FV24" s="118">
        <v>471364</v>
      </c>
      <c r="FW24" s="117">
        <v>1401593</v>
      </c>
      <c r="FX24" s="115">
        <v>1872957</v>
      </c>
      <c r="FY24" s="114">
        <v>0</v>
      </c>
      <c r="FZ24" s="117">
        <v>3088603</v>
      </c>
      <c r="GA24" s="117">
        <v>5650343</v>
      </c>
      <c r="GB24" s="117">
        <v>4460051</v>
      </c>
      <c r="GC24" s="117">
        <v>3681645</v>
      </c>
      <c r="GD24" s="117">
        <v>3101253</v>
      </c>
      <c r="GE24" s="116">
        <v>19981895</v>
      </c>
      <c r="GF24" s="351">
        <v>21854852</v>
      </c>
      <c r="GG24" s="118">
        <v>84798</v>
      </c>
      <c r="GH24" s="117">
        <v>91332</v>
      </c>
      <c r="GI24" s="115">
        <v>176130</v>
      </c>
      <c r="GJ24" s="114">
        <v>0</v>
      </c>
      <c r="GK24" s="117">
        <v>97928</v>
      </c>
      <c r="GL24" s="117">
        <v>100404</v>
      </c>
      <c r="GM24" s="117">
        <v>113256</v>
      </c>
      <c r="GN24" s="117">
        <v>136536</v>
      </c>
      <c r="GO24" s="117">
        <v>22968</v>
      </c>
      <c r="GP24" s="116">
        <v>471092</v>
      </c>
      <c r="GQ24" s="119">
        <v>647222</v>
      </c>
      <c r="GR24" s="113">
        <v>250560</v>
      </c>
      <c r="GS24" s="117">
        <v>678148</v>
      </c>
      <c r="GT24" s="116">
        <v>928708</v>
      </c>
      <c r="GU24" s="113">
        <v>0</v>
      </c>
      <c r="GV24" s="117">
        <v>1064912</v>
      </c>
      <c r="GW24" s="117">
        <v>388681</v>
      </c>
      <c r="GX24" s="117">
        <v>305960</v>
      </c>
      <c r="GY24" s="117">
        <v>117120</v>
      </c>
      <c r="GZ24" s="117">
        <v>0</v>
      </c>
      <c r="HA24" s="115">
        <v>1876673</v>
      </c>
      <c r="HB24" s="119">
        <v>2805381</v>
      </c>
      <c r="HC24" s="113">
        <v>882595</v>
      </c>
      <c r="HD24" s="117">
        <v>1657023</v>
      </c>
      <c r="HE24" s="115">
        <v>2539618</v>
      </c>
      <c r="HF24" s="114">
        <v>0</v>
      </c>
      <c r="HG24" s="117">
        <v>11919888</v>
      </c>
      <c r="HH24" s="117">
        <v>7895398</v>
      </c>
      <c r="HI24" s="117">
        <v>9721620</v>
      </c>
      <c r="HJ24" s="117">
        <v>11183828</v>
      </c>
      <c r="HK24" s="117">
        <v>6084841</v>
      </c>
      <c r="HL24" s="116">
        <v>46805575</v>
      </c>
      <c r="HM24" s="112">
        <v>49345193</v>
      </c>
      <c r="HN24" s="118">
        <v>622646</v>
      </c>
      <c r="HO24" s="117">
        <v>1270102</v>
      </c>
      <c r="HP24" s="116">
        <v>1892748</v>
      </c>
      <c r="HQ24" s="113">
        <v>0</v>
      </c>
      <c r="HR24" s="117">
        <v>9595519</v>
      </c>
      <c r="HS24" s="117">
        <v>8479291</v>
      </c>
      <c r="HT24" s="117">
        <v>5750717</v>
      </c>
      <c r="HU24" s="117">
        <v>3083246</v>
      </c>
      <c r="HV24" s="117">
        <v>2045653</v>
      </c>
      <c r="HW24" s="115">
        <v>28954426</v>
      </c>
      <c r="HX24" s="119">
        <v>30847174</v>
      </c>
      <c r="HY24" s="168">
        <v>0</v>
      </c>
      <c r="HZ24" s="153">
        <v>701704</v>
      </c>
      <c r="IA24" s="168">
        <v>701704</v>
      </c>
      <c r="IB24" s="152">
        <v>0</v>
      </c>
      <c r="IC24" s="153">
        <v>14093446</v>
      </c>
      <c r="ID24" s="154">
        <v>22551405</v>
      </c>
      <c r="IE24" s="155">
        <v>23315089</v>
      </c>
      <c r="IF24" s="153">
        <v>13104084</v>
      </c>
      <c r="IG24" s="155">
        <v>14409690</v>
      </c>
      <c r="IH24" s="156">
        <v>87473714</v>
      </c>
      <c r="II24" s="168">
        <v>88175418</v>
      </c>
      <c r="IJ24" s="262">
        <v>0</v>
      </c>
      <c r="IK24" s="269">
        <v>0</v>
      </c>
      <c r="IL24" s="270">
        <v>0</v>
      </c>
      <c r="IM24" s="158"/>
      <c r="IN24" s="123">
        <v>643610</v>
      </c>
      <c r="IO24" s="123">
        <v>1013994</v>
      </c>
      <c r="IP24" s="123">
        <v>491954</v>
      </c>
      <c r="IQ24" s="123">
        <v>1180267</v>
      </c>
      <c r="IR24" s="123">
        <v>575217</v>
      </c>
      <c r="IS24" s="159">
        <v>3905042</v>
      </c>
      <c r="IT24" s="354">
        <v>3905042</v>
      </c>
      <c r="IU24" s="160">
        <v>0</v>
      </c>
      <c r="IV24" s="123">
        <v>0</v>
      </c>
      <c r="IW24" s="124">
        <v>0</v>
      </c>
      <c r="IX24" s="162">
        <v>0</v>
      </c>
      <c r="IY24" s="123">
        <v>33654</v>
      </c>
      <c r="IZ24" s="123">
        <v>33654</v>
      </c>
      <c r="JA24" s="123">
        <v>97808</v>
      </c>
      <c r="JB24" s="123">
        <v>8725</v>
      </c>
      <c r="JC24" s="123">
        <v>0</v>
      </c>
      <c r="JD24" s="124">
        <v>173841</v>
      </c>
      <c r="JE24" s="125">
        <v>173841</v>
      </c>
      <c r="JF24" s="160">
        <v>0</v>
      </c>
      <c r="JG24" s="123">
        <v>0</v>
      </c>
      <c r="JH24" s="159">
        <v>0</v>
      </c>
      <c r="JI24" s="122">
        <v>0</v>
      </c>
      <c r="JJ24" s="123">
        <v>6193821</v>
      </c>
      <c r="JK24" s="123">
        <v>7354136</v>
      </c>
      <c r="JL24" s="123">
        <v>5343026</v>
      </c>
      <c r="JM24" s="123">
        <v>2209697</v>
      </c>
      <c r="JN24" s="123">
        <v>1242783</v>
      </c>
      <c r="JO24" s="124">
        <v>22343463</v>
      </c>
      <c r="JP24" s="354">
        <v>22343463</v>
      </c>
      <c r="JQ24" s="160">
        <v>0</v>
      </c>
      <c r="JR24" s="123">
        <v>0</v>
      </c>
      <c r="JS24" s="159">
        <v>0</v>
      </c>
      <c r="JT24" s="122">
        <v>0</v>
      </c>
      <c r="JU24" s="123">
        <v>890225</v>
      </c>
      <c r="JV24" s="123">
        <v>2614486</v>
      </c>
      <c r="JW24" s="123">
        <v>2599807</v>
      </c>
      <c r="JX24" s="123">
        <v>0</v>
      </c>
      <c r="JY24" s="123">
        <v>637908</v>
      </c>
      <c r="JZ24" s="124">
        <v>6742426</v>
      </c>
      <c r="KA24" s="354">
        <v>6742426</v>
      </c>
      <c r="KB24" s="265">
        <v>0</v>
      </c>
      <c r="KC24" s="259">
        <v>453977</v>
      </c>
      <c r="KD24" s="124">
        <v>453977</v>
      </c>
      <c r="KE24" s="122">
        <v>0</v>
      </c>
      <c r="KF24" s="123">
        <v>2987761</v>
      </c>
      <c r="KG24" s="123">
        <v>5509097</v>
      </c>
      <c r="KH24" s="123">
        <v>6743461</v>
      </c>
      <c r="KI24" s="123">
        <v>4176845</v>
      </c>
      <c r="KJ24" s="123">
        <v>5207513</v>
      </c>
      <c r="KK24" s="124">
        <v>24624677</v>
      </c>
      <c r="KL24" s="161">
        <v>25078654</v>
      </c>
      <c r="KM24" s="262">
        <v>0</v>
      </c>
      <c r="KN24" s="269">
        <v>247727</v>
      </c>
      <c r="KO24" s="270">
        <v>247727</v>
      </c>
      <c r="KP24" s="158"/>
      <c r="KQ24" s="123">
        <v>2752934</v>
      </c>
      <c r="KR24" s="123">
        <v>5548621</v>
      </c>
      <c r="KS24" s="123">
        <v>7397772</v>
      </c>
      <c r="KT24" s="123">
        <v>4575834</v>
      </c>
      <c r="KU24" s="123">
        <v>3825492</v>
      </c>
      <c r="KV24" s="124">
        <v>24100653</v>
      </c>
      <c r="KW24" s="354">
        <v>24348380</v>
      </c>
      <c r="KX24" s="160">
        <v>0</v>
      </c>
      <c r="KY24" s="123">
        <v>0</v>
      </c>
      <c r="KZ24" s="124">
        <v>0</v>
      </c>
      <c r="LA24" s="163"/>
      <c r="LB24" s="123">
        <v>0</v>
      </c>
      <c r="LC24" s="123">
        <v>0</v>
      </c>
      <c r="LD24" s="123">
        <v>0</v>
      </c>
      <c r="LE24" s="123">
        <v>0</v>
      </c>
      <c r="LF24" s="123">
        <v>0</v>
      </c>
      <c r="LG24" s="124">
        <v>0</v>
      </c>
      <c r="LH24" s="125">
        <v>0</v>
      </c>
      <c r="LI24" s="160">
        <v>0</v>
      </c>
      <c r="LJ24" s="123">
        <v>0</v>
      </c>
      <c r="LK24" s="124">
        <v>0</v>
      </c>
      <c r="LL24" s="163"/>
      <c r="LM24" s="123">
        <v>0</v>
      </c>
      <c r="LN24" s="123">
        <v>0</v>
      </c>
      <c r="LO24" s="123">
        <v>0</v>
      </c>
      <c r="LP24" s="123">
        <v>0</v>
      </c>
      <c r="LQ24" s="123">
        <v>0</v>
      </c>
      <c r="LR24" s="124">
        <v>0</v>
      </c>
      <c r="LS24" s="354">
        <v>0</v>
      </c>
      <c r="LT24" s="160">
        <v>0</v>
      </c>
      <c r="LU24" s="123">
        <v>0</v>
      </c>
      <c r="LV24" s="124">
        <v>0</v>
      </c>
      <c r="LW24" s="163"/>
      <c r="LX24" s="123">
        <v>591441</v>
      </c>
      <c r="LY24" s="123">
        <v>477417</v>
      </c>
      <c r="LZ24" s="123">
        <v>641261</v>
      </c>
      <c r="MA24" s="123">
        <v>952716</v>
      </c>
      <c r="MB24" s="123">
        <v>2920777</v>
      </c>
      <c r="MC24" s="124">
        <v>5583612</v>
      </c>
      <c r="MD24" s="125">
        <v>5583612</v>
      </c>
      <c r="ME24" s="160">
        <v>0</v>
      </c>
      <c r="MF24" s="123">
        <v>0</v>
      </c>
      <c r="MG24" s="124">
        <v>0</v>
      </c>
      <c r="MH24" s="163"/>
      <c r="MI24" s="123">
        <v>3927291</v>
      </c>
      <c r="MJ24" s="123">
        <v>14676069</v>
      </c>
      <c r="MK24" s="123">
        <v>49048530</v>
      </c>
      <c r="ML24" s="123">
        <v>58533165</v>
      </c>
      <c r="MM24" s="123">
        <v>39932282</v>
      </c>
      <c r="MN24" s="124">
        <v>166117337</v>
      </c>
      <c r="MO24" s="161">
        <v>166117337</v>
      </c>
      <c r="MP24" s="160">
        <v>0</v>
      </c>
      <c r="MQ24" s="123">
        <v>0</v>
      </c>
      <c r="MR24" s="124">
        <v>0</v>
      </c>
      <c r="MS24" s="163">
        <v>0</v>
      </c>
      <c r="MT24" s="123">
        <v>4796</v>
      </c>
      <c r="MU24" s="123">
        <v>1441795</v>
      </c>
      <c r="MV24" s="123">
        <v>28404219</v>
      </c>
      <c r="MW24" s="123">
        <v>38151965</v>
      </c>
      <c r="MX24" s="123">
        <v>27649756</v>
      </c>
      <c r="MY24" s="124">
        <v>95652531</v>
      </c>
      <c r="MZ24" s="161">
        <v>95652531</v>
      </c>
      <c r="NA24" s="160">
        <v>0</v>
      </c>
      <c r="NB24" s="123">
        <v>0</v>
      </c>
      <c r="NC24" s="124">
        <v>0</v>
      </c>
      <c r="ND24" s="163"/>
      <c r="NE24" s="123">
        <v>3922495</v>
      </c>
      <c r="NF24" s="123">
        <v>13234274</v>
      </c>
      <c r="NG24" s="123">
        <v>20644311</v>
      </c>
      <c r="NH24" s="123">
        <v>18751918</v>
      </c>
      <c r="NI24" s="123">
        <v>9630298</v>
      </c>
      <c r="NJ24" s="124">
        <v>66183296</v>
      </c>
      <c r="NK24" s="354">
        <v>66183296</v>
      </c>
      <c r="NL24" s="160">
        <v>0</v>
      </c>
      <c r="NM24" s="123">
        <v>0</v>
      </c>
      <c r="NN24" s="124">
        <v>0</v>
      </c>
      <c r="NO24" s="163"/>
      <c r="NP24" s="123">
        <v>0</v>
      </c>
      <c r="NQ24" s="123">
        <v>0</v>
      </c>
      <c r="NR24" s="123">
        <v>0</v>
      </c>
      <c r="NS24" s="123">
        <v>0</v>
      </c>
      <c r="NT24" s="123">
        <v>0</v>
      </c>
      <c r="NU24" s="124">
        <v>0</v>
      </c>
      <c r="NV24" s="125">
        <v>0</v>
      </c>
      <c r="NW24" s="160">
        <v>0</v>
      </c>
      <c r="NX24" s="123">
        <v>0</v>
      </c>
      <c r="NY24" s="124">
        <v>0</v>
      </c>
      <c r="NZ24" s="163"/>
      <c r="OA24" s="123">
        <v>0</v>
      </c>
      <c r="OB24" s="123">
        <v>0</v>
      </c>
      <c r="OC24" s="123">
        <v>0</v>
      </c>
      <c r="OD24" s="123">
        <v>1629282</v>
      </c>
      <c r="OE24" s="123">
        <v>2652228</v>
      </c>
      <c r="OF24" s="124">
        <v>4281510</v>
      </c>
      <c r="OG24" s="125">
        <v>4281510</v>
      </c>
      <c r="OH24" s="160">
        <v>3932661</v>
      </c>
      <c r="OI24" s="123">
        <v>10121478</v>
      </c>
      <c r="OJ24" s="159">
        <v>14054139</v>
      </c>
      <c r="OK24" s="122">
        <v>0</v>
      </c>
      <c r="OL24" s="123">
        <v>79363829</v>
      </c>
      <c r="OM24" s="123">
        <v>104578510</v>
      </c>
      <c r="ON24" s="123">
        <v>133522519</v>
      </c>
      <c r="OO24" s="123">
        <v>119987835</v>
      </c>
      <c r="OP24" s="123">
        <v>87258856</v>
      </c>
      <c r="OQ24" s="124">
        <v>524711549</v>
      </c>
      <c r="OR24" s="161">
        <v>538765688</v>
      </c>
    </row>
    <row r="25" spans="1:408" ht="18.75" customHeight="1" x14ac:dyDescent="0.2">
      <c r="A25" s="63" t="s">
        <v>20</v>
      </c>
      <c r="B25" s="113">
        <v>4409057</v>
      </c>
      <c r="C25" s="117">
        <v>13641453</v>
      </c>
      <c r="D25" s="116">
        <v>18050510</v>
      </c>
      <c r="E25" s="113">
        <v>0</v>
      </c>
      <c r="F25" s="117">
        <v>84290926</v>
      </c>
      <c r="G25" s="117">
        <v>73238863</v>
      </c>
      <c r="H25" s="117">
        <v>66288411</v>
      </c>
      <c r="I25" s="117">
        <v>63008820</v>
      </c>
      <c r="J25" s="117">
        <v>40717429</v>
      </c>
      <c r="K25" s="201">
        <v>327544449</v>
      </c>
      <c r="L25" s="119">
        <v>345594959</v>
      </c>
      <c r="M25" s="113">
        <v>1300651</v>
      </c>
      <c r="N25" s="117">
        <v>4100746</v>
      </c>
      <c r="O25" s="116">
        <v>5401397</v>
      </c>
      <c r="P25" s="113">
        <v>0</v>
      </c>
      <c r="Q25" s="117">
        <v>25291696</v>
      </c>
      <c r="R25" s="117">
        <v>22689253</v>
      </c>
      <c r="S25" s="117">
        <v>18241204</v>
      </c>
      <c r="T25" s="117">
        <v>19999120</v>
      </c>
      <c r="U25" s="117">
        <v>18296240</v>
      </c>
      <c r="V25" s="116">
        <v>104517513</v>
      </c>
      <c r="W25" s="119">
        <v>109918910</v>
      </c>
      <c r="X25" s="113">
        <v>0</v>
      </c>
      <c r="Y25" s="117">
        <v>0</v>
      </c>
      <c r="Z25" s="116">
        <v>0</v>
      </c>
      <c r="AA25" s="113">
        <v>0</v>
      </c>
      <c r="AB25" s="117">
        <v>9918453</v>
      </c>
      <c r="AC25" s="117">
        <v>11023226</v>
      </c>
      <c r="AD25" s="117">
        <v>9359991</v>
      </c>
      <c r="AE25" s="117">
        <v>9768898</v>
      </c>
      <c r="AF25" s="117">
        <v>10105832</v>
      </c>
      <c r="AG25" s="116">
        <v>50176400</v>
      </c>
      <c r="AH25" s="119">
        <v>50176400</v>
      </c>
      <c r="AI25" s="113">
        <v>0</v>
      </c>
      <c r="AJ25" s="117">
        <v>26038</v>
      </c>
      <c r="AK25" s="116">
        <v>26038</v>
      </c>
      <c r="AL25" s="113">
        <v>0</v>
      </c>
      <c r="AM25" s="117">
        <v>88330</v>
      </c>
      <c r="AN25" s="117">
        <v>423764</v>
      </c>
      <c r="AO25" s="117">
        <v>584348</v>
      </c>
      <c r="AP25" s="117">
        <v>1449235</v>
      </c>
      <c r="AQ25" s="117">
        <v>2690493</v>
      </c>
      <c r="AR25" s="116">
        <v>5236170</v>
      </c>
      <c r="AS25" s="119">
        <v>5262208</v>
      </c>
      <c r="AT25" s="113">
        <v>683591</v>
      </c>
      <c r="AU25" s="117">
        <v>2475300</v>
      </c>
      <c r="AV25" s="116">
        <v>3158891</v>
      </c>
      <c r="AW25" s="113">
        <v>0</v>
      </c>
      <c r="AX25" s="117">
        <v>10243867</v>
      </c>
      <c r="AY25" s="117">
        <v>6098091</v>
      </c>
      <c r="AZ25" s="117">
        <v>4291801</v>
      </c>
      <c r="BA25" s="117">
        <v>4131586</v>
      </c>
      <c r="BB25" s="117">
        <v>3121780</v>
      </c>
      <c r="BC25" s="116">
        <v>27887125</v>
      </c>
      <c r="BD25" s="119">
        <v>31046016</v>
      </c>
      <c r="BE25" s="113">
        <v>370327</v>
      </c>
      <c r="BF25" s="117">
        <v>963655</v>
      </c>
      <c r="BG25" s="115">
        <v>1333982</v>
      </c>
      <c r="BH25" s="114">
        <v>0</v>
      </c>
      <c r="BI25" s="117">
        <v>1683395</v>
      </c>
      <c r="BJ25" s="117">
        <v>1739817</v>
      </c>
      <c r="BK25" s="117">
        <v>1083890</v>
      </c>
      <c r="BL25" s="117">
        <v>1236359</v>
      </c>
      <c r="BM25" s="117">
        <v>523487</v>
      </c>
      <c r="BN25" s="116">
        <v>6266948</v>
      </c>
      <c r="BO25" s="119">
        <v>7600930</v>
      </c>
      <c r="BP25" s="113">
        <v>246733</v>
      </c>
      <c r="BQ25" s="117">
        <v>635753</v>
      </c>
      <c r="BR25" s="116">
        <v>882486</v>
      </c>
      <c r="BS25" s="113">
        <v>0</v>
      </c>
      <c r="BT25" s="117">
        <v>3357651</v>
      </c>
      <c r="BU25" s="117">
        <v>3404355</v>
      </c>
      <c r="BV25" s="117">
        <v>2921174</v>
      </c>
      <c r="BW25" s="117">
        <v>3413042</v>
      </c>
      <c r="BX25" s="117">
        <v>1854648</v>
      </c>
      <c r="BY25" s="116">
        <v>14950870</v>
      </c>
      <c r="BZ25" s="119">
        <v>15833356</v>
      </c>
      <c r="CA25" s="113">
        <v>440412</v>
      </c>
      <c r="CB25" s="117">
        <v>2308363</v>
      </c>
      <c r="CC25" s="116">
        <v>2748775</v>
      </c>
      <c r="CD25" s="113">
        <v>0</v>
      </c>
      <c r="CE25" s="117">
        <v>26126656</v>
      </c>
      <c r="CF25" s="117">
        <v>19178939</v>
      </c>
      <c r="CG25" s="117">
        <v>17581216</v>
      </c>
      <c r="CH25" s="117">
        <v>10377526</v>
      </c>
      <c r="CI25" s="117">
        <v>4499827</v>
      </c>
      <c r="CJ25" s="116">
        <v>77764164</v>
      </c>
      <c r="CK25" s="119">
        <v>80512939</v>
      </c>
      <c r="CL25" s="113">
        <v>0</v>
      </c>
      <c r="CM25" s="117">
        <v>0</v>
      </c>
      <c r="CN25" s="116">
        <v>0</v>
      </c>
      <c r="CO25" s="114">
        <v>0</v>
      </c>
      <c r="CP25" s="117">
        <v>17285694</v>
      </c>
      <c r="CQ25" s="117">
        <v>12076113</v>
      </c>
      <c r="CR25" s="117">
        <v>12958565</v>
      </c>
      <c r="CS25" s="117">
        <v>6542388</v>
      </c>
      <c r="CT25" s="117">
        <v>3537282</v>
      </c>
      <c r="CU25" s="116">
        <v>52400042</v>
      </c>
      <c r="CV25" s="119">
        <v>52400042</v>
      </c>
      <c r="CW25" s="113">
        <v>440412</v>
      </c>
      <c r="CX25" s="117">
        <v>2308363</v>
      </c>
      <c r="CY25" s="116">
        <v>2748775</v>
      </c>
      <c r="CZ25" s="113">
        <v>0</v>
      </c>
      <c r="DA25" s="117">
        <v>8840962</v>
      </c>
      <c r="DB25" s="117">
        <v>7102826</v>
      </c>
      <c r="DC25" s="117">
        <v>4622651</v>
      </c>
      <c r="DD25" s="117">
        <v>3835138</v>
      </c>
      <c r="DE25" s="117">
        <v>962545</v>
      </c>
      <c r="DF25" s="116">
        <v>25364122</v>
      </c>
      <c r="DG25" s="119">
        <v>28112897</v>
      </c>
      <c r="DH25" s="113">
        <v>10364</v>
      </c>
      <c r="DI25" s="117">
        <v>215607</v>
      </c>
      <c r="DJ25" s="115">
        <v>225971</v>
      </c>
      <c r="DK25" s="114">
        <v>0</v>
      </c>
      <c r="DL25" s="117">
        <v>2664698</v>
      </c>
      <c r="DM25" s="117">
        <v>4685238</v>
      </c>
      <c r="DN25" s="117">
        <v>9849717</v>
      </c>
      <c r="DO25" s="117">
        <v>6418041</v>
      </c>
      <c r="DP25" s="117">
        <v>5407741</v>
      </c>
      <c r="DQ25" s="116">
        <v>29025435</v>
      </c>
      <c r="DR25" s="119">
        <v>29251406</v>
      </c>
      <c r="DS25" s="113">
        <v>10364</v>
      </c>
      <c r="DT25" s="117">
        <v>120482</v>
      </c>
      <c r="DU25" s="116">
        <v>130846</v>
      </c>
      <c r="DV25" s="113">
        <v>0</v>
      </c>
      <c r="DW25" s="117">
        <v>2561501</v>
      </c>
      <c r="DX25" s="117">
        <v>4258893</v>
      </c>
      <c r="DY25" s="117">
        <v>9072256</v>
      </c>
      <c r="DZ25" s="117">
        <v>5551275</v>
      </c>
      <c r="EA25" s="117">
        <v>5028417</v>
      </c>
      <c r="EB25" s="116">
        <v>26472342</v>
      </c>
      <c r="EC25" s="119">
        <v>26603188</v>
      </c>
      <c r="ED25" s="113">
        <v>0</v>
      </c>
      <c r="EE25" s="115">
        <v>95125</v>
      </c>
      <c r="EF25" s="116">
        <v>95125</v>
      </c>
      <c r="EG25" s="113">
        <v>0</v>
      </c>
      <c r="EH25" s="117">
        <v>103197</v>
      </c>
      <c r="EI25" s="117">
        <v>426345</v>
      </c>
      <c r="EJ25" s="117">
        <v>777461</v>
      </c>
      <c r="EK25" s="117">
        <v>866766</v>
      </c>
      <c r="EL25" s="117">
        <v>379324</v>
      </c>
      <c r="EM25" s="115">
        <v>2553093</v>
      </c>
      <c r="EN25" s="119">
        <v>2648218</v>
      </c>
      <c r="EO25" s="113">
        <v>0</v>
      </c>
      <c r="EP25" s="117">
        <v>0</v>
      </c>
      <c r="EQ25" s="115">
        <v>0</v>
      </c>
      <c r="ER25" s="114">
        <v>0</v>
      </c>
      <c r="ES25" s="117">
        <v>0</v>
      </c>
      <c r="ET25" s="117">
        <v>0</v>
      </c>
      <c r="EU25" s="117">
        <v>0</v>
      </c>
      <c r="EV25" s="117">
        <v>0</v>
      </c>
      <c r="EW25" s="117">
        <v>0</v>
      </c>
      <c r="EX25" s="116">
        <v>0</v>
      </c>
      <c r="EY25" s="119">
        <v>0</v>
      </c>
      <c r="EZ25" s="113">
        <v>0</v>
      </c>
      <c r="FA25" s="117">
        <v>0</v>
      </c>
      <c r="FB25" s="115">
        <v>0</v>
      </c>
      <c r="FC25" s="387"/>
      <c r="FD25" s="117">
        <v>0</v>
      </c>
      <c r="FE25" s="117">
        <v>0</v>
      </c>
      <c r="FF25" s="117">
        <v>0</v>
      </c>
      <c r="FG25" s="117">
        <v>0</v>
      </c>
      <c r="FH25" s="117">
        <v>0</v>
      </c>
      <c r="FI25" s="116">
        <v>0</v>
      </c>
      <c r="FJ25" s="119">
        <v>0</v>
      </c>
      <c r="FK25" s="113">
        <v>1251401</v>
      </c>
      <c r="FL25" s="117">
        <v>2077497</v>
      </c>
      <c r="FM25" s="116">
        <v>3328898</v>
      </c>
      <c r="FN25" s="113">
        <v>0</v>
      </c>
      <c r="FO25" s="117">
        <v>5504768</v>
      </c>
      <c r="FP25" s="117">
        <v>6242181</v>
      </c>
      <c r="FQ25" s="117">
        <v>4993551</v>
      </c>
      <c r="FR25" s="117">
        <v>4676283</v>
      </c>
      <c r="FS25" s="117">
        <v>2786057</v>
      </c>
      <c r="FT25" s="116">
        <v>24202840</v>
      </c>
      <c r="FU25" s="119">
        <v>27531738</v>
      </c>
      <c r="FV25" s="118">
        <v>749723</v>
      </c>
      <c r="FW25" s="117">
        <v>1873737</v>
      </c>
      <c r="FX25" s="115">
        <v>2623460</v>
      </c>
      <c r="FY25" s="114">
        <v>0</v>
      </c>
      <c r="FZ25" s="117">
        <v>4619036</v>
      </c>
      <c r="GA25" s="117">
        <v>5533922</v>
      </c>
      <c r="GB25" s="117">
        <v>4797261</v>
      </c>
      <c r="GC25" s="117">
        <v>4157833</v>
      </c>
      <c r="GD25" s="117">
        <v>2768237</v>
      </c>
      <c r="GE25" s="116">
        <v>21876289</v>
      </c>
      <c r="GF25" s="351">
        <v>24499749</v>
      </c>
      <c r="GG25" s="118">
        <v>138078</v>
      </c>
      <c r="GH25" s="117">
        <v>24300</v>
      </c>
      <c r="GI25" s="115">
        <v>162378</v>
      </c>
      <c r="GJ25" s="114">
        <v>0</v>
      </c>
      <c r="GK25" s="117">
        <v>239572</v>
      </c>
      <c r="GL25" s="117">
        <v>144279</v>
      </c>
      <c r="GM25" s="117">
        <v>97290</v>
      </c>
      <c r="GN25" s="117">
        <v>36630</v>
      </c>
      <c r="GO25" s="117">
        <v>17820</v>
      </c>
      <c r="GP25" s="116">
        <v>535591</v>
      </c>
      <c r="GQ25" s="119">
        <v>697969</v>
      </c>
      <c r="GR25" s="113">
        <v>363600</v>
      </c>
      <c r="GS25" s="117">
        <v>179460</v>
      </c>
      <c r="GT25" s="116">
        <v>543060</v>
      </c>
      <c r="GU25" s="113">
        <v>0</v>
      </c>
      <c r="GV25" s="117">
        <v>646160</v>
      </c>
      <c r="GW25" s="117">
        <v>563980</v>
      </c>
      <c r="GX25" s="117">
        <v>99000</v>
      </c>
      <c r="GY25" s="117">
        <v>481820</v>
      </c>
      <c r="GZ25" s="117">
        <v>0</v>
      </c>
      <c r="HA25" s="115">
        <v>1790960</v>
      </c>
      <c r="HB25" s="119">
        <v>2334020</v>
      </c>
      <c r="HC25" s="113">
        <v>522974</v>
      </c>
      <c r="HD25" s="117">
        <v>2916124</v>
      </c>
      <c r="HE25" s="115">
        <v>3439098</v>
      </c>
      <c r="HF25" s="114">
        <v>0</v>
      </c>
      <c r="HG25" s="117">
        <v>11382230</v>
      </c>
      <c r="HH25" s="117">
        <v>12724062</v>
      </c>
      <c r="HI25" s="117">
        <v>9384929</v>
      </c>
      <c r="HJ25" s="117">
        <v>17313777</v>
      </c>
      <c r="HK25" s="117">
        <v>7461126</v>
      </c>
      <c r="HL25" s="116">
        <v>58266124</v>
      </c>
      <c r="HM25" s="112">
        <v>61705222</v>
      </c>
      <c r="HN25" s="118">
        <v>883255</v>
      </c>
      <c r="HO25" s="117">
        <v>2023116</v>
      </c>
      <c r="HP25" s="116">
        <v>2906371</v>
      </c>
      <c r="HQ25" s="113">
        <v>0</v>
      </c>
      <c r="HR25" s="117">
        <v>13320878</v>
      </c>
      <c r="HS25" s="117">
        <v>7719190</v>
      </c>
      <c r="HT25" s="117">
        <v>6237794</v>
      </c>
      <c r="HU25" s="117">
        <v>4224073</v>
      </c>
      <c r="HV25" s="117">
        <v>2266438</v>
      </c>
      <c r="HW25" s="115">
        <v>33768373</v>
      </c>
      <c r="HX25" s="119">
        <v>36674744</v>
      </c>
      <c r="HY25" s="149">
        <v>0</v>
      </c>
      <c r="HZ25" s="150">
        <v>85376</v>
      </c>
      <c r="IA25" s="151">
        <v>85376</v>
      </c>
      <c r="IB25" s="164">
        <v>0</v>
      </c>
      <c r="IC25" s="150">
        <v>15284426</v>
      </c>
      <c r="ID25" s="165">
        <v>12439410</v>
      </c>
      <c r="IE25" s="151">
        <v>16322747</v>
      </c>
      <c r="IF25" s="150">
        <v>13099425</v>
      </c>
      <c r="IG25" s="151">
        <v>3339495</v>
      </c>
      <c r="IH25" s="166">
        <v>60485503</v>
      </c>
      <c r="II25" s="157">
        <v>60570879</v>
      </c>
      <c r="IJ25" s="262">
        <v>0</v>
      </c>
      <c r="IK25" s="269">
        <v>0</v>
      </c>
      <c r="IL25" s="270">
        <v>0</v>
      </c>
      <c r="IM25" s="158"/>
      <c r="IN25" s="123">
        <v>86634</v>
      </c>
      <c r="IO25" s="123">
        <v>0</v>
      </c>
      <c r="IP25" s="123">
        <v>0</v>
      </c>
      <c r="IQ25" s="123">
        <v>0</v>
      </c>
      <c r="IR25" s="123">
        <v>0</v>
      </c>
      <c r="IS25" s="159">
        <v>86634</v>
      </c>
      <c r="IT25" s="354">
        <v>86634</v>
      </c>
      <c r="IU25" s="160">
        <v>0</v>
      </c>
      <c r="IV25" s="123">
        <v>0</v>
      </c>
      <c r="IW25" s="124">
        <v>0</v>
      </c>
      <c r="IX25" s="162">
        <v>0</v>
      </c>
      <c r="IY25" s="123">
        <v>0</v>
      </c>
      <c r="IZ25" s="123">
        <v>0</v>
      </c>
      <c r="JA25" s="123">
        <v>0</v>
      </c>
      <c r="JB25" s="123">
        <v>0</v>
      </c>
      <c r="JC25" s="123">
        <v>0</v>
      </c>
      <c r="JD25" s="124">
        <v>0</v>
      </c>
      <c r="JE25" s="125">
        <v>0</v>
      </c>
      <c r="JF25" s="160">
        <v>0</v>
      </c>
      <c r="JG25" s="123">
        <v>0</v>
      </c>
      <c r="JH25" s="159">
        <v>0</v>
      </c>
      <c r="JI25" s="122">
        <v>0</v>
      </c>
      <c r="JJ25" s="123">
        <v>7111273</v>
      </c>
      <c r="JK25" s="123">
        <v>4874366</v>
      </c>
      <c r="JL25" s="123">
        <v>4174857</v>
      </c>
      <c r="JM25" s="123">
        <v>3386282</v>
      </c>
      <c r="JN25" s="123">
        <v>903433</v>
      </c>
      <c r="JO25" s="124">
        <v>20450211</v>
      </c>
      <c r="JP25" s="354">
        <v>20450211</v>
      </c>
      <c r="JQ25" s="160">
        <v>0</v>
      </c>
      <c r="JR25" s="123">
        <v>0</v>
      </c>
      <c r="JS25" s="159">
        <v>0</v>
      </c>
      <c r="JT25" s="122">
        <v>0</v>
      </c>
      <c r="JU25" s="123">
        <v>119521</v>
      </c>
      <c r="JV25" s="123">
        <v>459895</v>
      </c>
      <c r="JW25" s="123">
        <v>511554</v>
      </c>
      <c r="JX25" s="123">
        <v>208610</v>
      </c>
      <c r="JY25" s="123">
        <v>502032</v>
      </c>
      <c r="JZ25" s="124">
        <v>1801612</v>
      </c>
      <c r="KA25" s="354">
        <v>1801612</v>
      </c>
      <c r="KB25" s="265">
        <v>0</v>
      </c>
      <c r="KC25" s="259">
        <v>85376</v>
      </c>
      <c r="KD25" s="124">
        <v>85376</v>
      </c>
      <c r="KE25" s="122">
        <v>0</v>
      </c>
      <c r="KF25" s="123">
        <v>720716</v>
      </c>
      <c r="KG25" s="123">
        <v>1194627</v>
      </c>
      <c r="KH25" s="123">
        <v>1276393</v>
      </c>
      <c r="KI25" s="123">
        <v>1376559</v>
      </c>
      <c r="KJ25" s="123">
        <v>0</v>
      </c>
      <c r="KK25" s="124">
        <v>4568295</v>
      </c>
      <c r="KL25" s="161">
        <v>4653671</v>
      </c>
      <c r="KM25" s="262">
        <v>0</v>
      </c>
      <c r="KN25" s="269">
        <v>0</v>
      </c>
      <c r="KO25" s="270">
        <v>0</v>
      </c>
      <c r="KP25" s="158"/>
      <c r="KQ25" s="123">
        <v>7246282</v>
      </c>
      <c r="KR25" s="123">
        <v>5910522</v>
      </c>
      <c r="KS25" s="123">
        <v>10359943</v>
      </c>
      <c r="KT25" s="123">
        <v>8127974</v>
      </c>
      <c r="KU25" s="123">
        <v>1934030</v>
      </c>
      <c r="KV25" s="124">
        <v>33578751</v>
      </c>
      <c r="KW25" s="354">
        <v>33578751</v>
      </c>
      <c r="KX25" s="160">
        <v>0</v>
      </c>
      <c r="KY25" s="123">
        <v>0</v>
      </c>
      <c r="KZ25" s="124">
        <v>0</v>
      </c>
      <c r="LA25" s="163"/>
      <c r="LB25" s="123">
        <v>0</v>
      </c>
      <c r="LC25" s="123">
        <v>0</v>
      </c>
      <c r="LD25" s="123">
        <v>0</v>
      </c>
      <c r="LE25" s="123">
        <v>0</v>
      </c>
      <c r="LF25" s="123">
        <v>0</v>
      </c>
      <c r="LG25" s="124">
        <v>0</v>
      </c>
      <c r="LH25" s="125">
        <v>0</v>
      </c>
      <c r="LI25" s="160">
        <v>0</v>
      </c>
      <c r="LJ25" s="123">
        <v>0</v>
      </c>
      <c r="LK25" s="124">
        <v>0</v>
      </c>
      <c r="LL25" s="163"/>
      <c r="LM25" s="123">
        <v>0</v>
      </c>
      <c r="LN25" s="123">
        <v>0</v>
      </c>
      <c r="LO25" s="123">
        <v>0</v>
      </c>
      <c r="LP25" s="123">
        <v>0</v>
      </c>
      <c r="LQ25" s="123">
        <v>0</v>
      </c>
      <c r="LR25" s="124">
        <v>0</v>
      </c>
      <c r="LS25" s="354">
        <v>0</v>
      </c>
      <c r="LT25" s="160">
        <v>0</v>
      </c>
      <c r="LU25" s="123">
        <v>0</v>
      </c>
      <c r="LV25" s="124">
        <v>0</v>
      </c>
      <c r="LW25" s="163"/>
      <c r="LX25" s="123">
        <v>0</v>
      </c>
      <c r="LY25" s="123">
        <v>0</v>
      </c>
      <c r="LZ25" s="123">
        <v>0</v>
      </c>
      <c r="MA25" s="123">
        <v>0</v>
      </c>
      <c r="MB25" s="123">
        <v>0</v>
      </c>
      <c r="MC25" s="124">
        <v>0</v>
      </c>
      <c r="MD25" s="125">
        <v>0</v>
      </c>
      <c r="ME25" s="160">
        <v>0</v>
      </c>
      <c r="MF25" s="123">
        <v>0</v>
      </c>
      <c r="MG25" s="124">
        <v>0</v>
      </c>
      <c r="MH25" s="163"/>
      <c r="MI25" s="123">
        <v>5827238</v>
      </c>
      <c r="MJ25" s="123">
        <v>16258370</v>
      </c>
      <c r="MK25" s="123">
        <v>52444813</v>
      </c>
      <c r="ML25" s="123">
        <v>68466563</v>
      </c>
      <c r="MM25" s="123">
        <v>43374014</v>
      </c>
      <c r="MN25" s="124">
        <v>186370998</v>
      </c>
      <c r="MO25" s="161">
        <v>186370998</v>
      </c>
      <c r="MP25" s="160">
        <v>0</v>
      </c>
      <c r="MQ25" s="123">
        <v>0</v>
      </c>
      <c r="MR25" s="124">
        <v>0</v>
      </c>
      <c r="MS25" s="163">
        <v>0</v>
      </c>
      <c r="MT25" s="123">
        <v>867241</v>
      </c>
      <c r="MU25" s="123">
        <v>6188909</v>
      </c>
      <c r="MV25" s="123">
        <v>39258527</v>
      </c>
      <c r="MW25" s="123">
        <v>54708036</v>
      </c>
      <c r="MX25" s="123">
        <v>32675761</v>
      </c>
      <c r="MY25" s="124">
        <v>133698474</v>
      </c>
      <c r="MZ25" s="161">
        <v>133698474</v>
      </c>
      <c r="NA25" s="160">
        <v>0</v>
      </c>
      <c r="NB25" s="123">
        <v>0</v>
      </c>
      <c r="NC25" s="124">
        <v>0</v>
      </c>
      <c r="ND25" s="163"/>
      <c r="NE25" s="123">
        <v>4959997</v>
      </c>
      <c r="NF25" s="123">
        <v>10069461</v>
      </c>
      <c r="NG25" s="123">
        <v>12806597</v>
      </c>
      <c r="NH25" s="123">
        <v>13758527</v>
      </c>
      <c r="NI25" s="123">
        <v>7555889</v>
      </c>
      <c r="NJ25" s="124">
        <v>49150471</v>
      </c>
      <c r="NK25" s="354">
        <v>49150471</v>
      </c>
      <c r="NL25" s="160">
        <v>0</v>
      </c>
      <c r="NM25" s="123">
        <v>0</v>
      </c>
      <c r="NN25" s="124">
        <v>0</v>
      </c>
      <c r="NO25" s="163"/>
      <c r="NP25" s="123">
        <v>0</v>
      </c>
      <c r="NQ25" s="123">
        <v>0</v>
      </c>
      <c r="NR25" s="123">
        <v>0</v>
      </c>
      <c r="NS25" s="123">
        <v>0</v>
      </c>
      <c r="NT25" s="123">
        <v>911464</v>
      </c>
      <c r="NU25" s="124">
        <v>911464</v>
      </c>
      <c r="NV25" s="125">
        <v>911464</v>
      </c>
      <c r="NW25" s="160">
        <v>0</v>
      </c>
      <c r="NX25" s="123">
        <v>0</v>
      </c>
      <c r="NY25" s="124">
        <v>0</v>
      </c>
      <c r="NZ25" s="163"/>
      <c r="OA25" s="123">
        <v>0</v>
      </c>
      <c r="OB25" s="123">
        <v>0</v>
      </c>
      <c r="OC25" s="123">
        <v>379689</v>
      </c>
      <c r="OD25" s="123">
        <v>0</v>
      </c>
      <c r="OE25" s="123">
        <v>2230900</v>
      </c>
      <c r="OF25" s="124">
        <v>2610589</v>
      </c>
      <c r="OG25" s="125">
        <v>2610589</v>
      </c>
      <c r="OH25" s="160">
        <v>4409057</v>
      </c>
      <c r="OI25" s="123">
        <v>13726829</v>
      </c>
      <c r="OJ25" s="159">
        <v>18135886</v>
      </c>
      <c r="OK25" s="122">
        <v>0</v>
      </c>
      <c r="OL25" s="123">
        <v>105402590</v>
      </c>
      <c r="OM25" s="123">
        <v>101936643</v>
      </c>
      <c r="ON25" s="123">
        <v>135055971</v>
      </c>
      <c r="OO25" s="123">
        <v>144574808</v>
      </c>
      <c r="OP25" s="123">
        <v>87430938</v>
      </c>
      <c r="OQ25" s="124">
        <v>574400950</v>
      </c>
      <c r="OR25" s="161">
        <v>592536836</v>
      </c>
    </row>
    <row r="26" spans="1:408" ht="18.75" customHeight="1" x14ac:dyDescent="0.2">
      <c r="A26" s="63" t="s">
        <v>21</v>
      </c>
      <c r="B26" s="113">
        <v>6352333</v>
      </c>
      <c r="C26" s="117">
        <v>12930845</v>
      </c>
      <c r="D26" s="116">
        <v>19283178</v>
      </c>
      <c r="E26" s="112">
        <v>0</v>
      </c>
      <c r="F26" s="117">
        <v>64345158</v>
      </c>
      <c r="G26" s="117">
        <v>103133535</v>
      </c>
      <c r="H26" s="117">
        <v>81461749</v>
      </c>
      <c r="I26" s="117">
        <v>73472044</v>
      </c>
      <c r="J26" s="117">
        <v>52765496</v>
      </c>
      <c r="K26" s="201">
        <v>375177982</v>
      </c>
      <c r="L26" s="119">
        <v>394461160</v>
      </c>
      <c r="M26" s="113">
        <v>2150255</v>
      </c>
      <c r="N26" s="117">
        <v>4324961</v>
      </c>
      <c r="O26" s="116">
        <v>6475216</v>
      </c>
      <c r="P26" s="113">
        <v>0</v>
      </c>
      <c r="Q26" s="117">
        <v>21193994</v>
      </c>
      <c r="R26" s="117">
        <v>35741457</v>
      </c>
      <c r="S26" s="117">
        <v>28379944</v>
      </c>
      <c r="T26" s="117">
        <v>30527716</v>
      </c>
      <c r="U26" s="117">
        <v>25741909</v>
      </c>
      <c r="V26" s="116">
        <v>141585020</v>
      </c>
      <c r="W26" s="119">
        <v>148060236</v>
      </c>
      <c r="X26" s="113">
        <v>0</v>
      </c>
      <c r="Y26" s="117">
        <v>0</v>
      </c>
      <c r="Z26" s="116">
        <v>0</v>
      </c>
      <c r="AA26" s="113">
        <v>0</v>
      </c>
      <c r="AB26" s="117">
        <v>9842244</v>
      </c>
      <c r="AC26" s="117">
        <v>18311176</v>
      </c>
      <c r="AD26" s="117">
        <v>17009937</v>
      </c>
      <c r="AE26" s="117">
        <v>18966165</v>
      </c>
      <c r="AF26" s="117">
        <v>16232203</v>
      </c>
      <c r="AG26" s="116">
        <v>80361725</v>
      </c>
      <c r="AH26" s="119">
        <v>80361725</v>
      </c>
      <c r="AI26" s="113">
        <v>0</v>
      </c>
      <c r="AJ26" s="117">
        <v>0</v>
      </c>
      <c r="AK26" s="116">
        <v>0</v>
      </c>
      <c r="AL26" s="113">
        <v>0</v>
      </c>
      <c r="AM26" s="117">
        <v>53936</v>
      </c>
      <c r="AN26" s="117">
        <v>313941</v>
      </c>
      <c r="AO26" s="117">
        <v>964001</v>
      </c>
      <c r="AP26" s="117">
        <v>1902422</v>
      </c>
      <c r="AQ26" s="117">
        <v>3166762</v>
      </c>
      <c r="AR26" s="116">
        <v>6401062</v>
      </c>
      <c r="AS26" s="119">
        <v>6401062</v>
      </c>
      <c r="AT26" s="113">
        <v>1272697</v>
      </c>
      <c r="AU26" s="117">
        <v>2862185</v>
      </c>
      <c r="AV26" s="116">
        <v>4134882</v>
      </c>
      <c r="AW26" s="113">
        <v>0</v>
      </c>
      <c r="AX26" s="117">
        <v>7366127</v>
      </c>
      <c r="AY26" s="117">
        <v>11695822</v>
      </c>
      <c r="AZ26" s="117">
        <v>6388530</v>
      </c>
      <c r="BA26" s="117">
        <v>5739409</v>
      </c>
      <c r="BB26" s="117">
        <v>3467062</v>
      </c>
      <c r="BC26" s="116">
        <v>34656950</v>
      </c>
      <c r="BD26" s="119">
        <v>38791832</v>
      </c>
      <c r="BE26" s="113">
        <v>385863</v>
      </c>
      <c r="BF26" s="117">
        <v>854128</v>
      </c>
      <c r="BG26" s="115">
        <v>1239991</v>
      </c>
      <c r="BH26" s="114">
        <v>0</v>
      </c>
      <c r="BI26" s="117">
        <v>802463</v>
      </c>
      <c r="BJ26" s="117">
        <v>1228887</v>
      </c>
      <c r="BK26" s="117">
        <v>594628</v>
      </c>
      <c r="BL26" s="117">
        <v>724375</v>
      </c>
      <c r="BM26" s="117">
        <v>231515</v>
      </c>
      <c r="BN26" s="116">
        <v>3581868</v>
      </c>
      <c r="BO26" s="119">
        <v>4821859</v>
      </c>
      <c r="BP26" s="113">
        <v>491695</v>
      </c>
      <c r="BQ26" s="117">
        <v>608648</v>
      </c>
      <c r="BR26" s="116">
        <v>1100343</v>
      </c>
      <c r="BS26" s="113">
        <v>0</v>
      </c>
      <c r="BT26" s="117">
        <v>3129224</v>
      </c>
      <c r="BU26" s="117">
        <v>4191631</v>
      </c>
      <c r="BV26" s="117">
        <v>3422848</v>
      </c>
      <c r="BW26" s="117">
        <v>3195345</v>
      </c>
      <c r="BX26" s="117">
        <v>2644367</v>
      </c>
      <c r="BY26" s="116">
        <v>16583415</v>
      </c>
      <c r="BZ26" s="119">
        <v>17683758</v>
      </c>
      <c r="CA26" s="113">
        <v>628447</v>
      </c>
      <c r="CB26" s="117">
        <v>2064689</v>
      </c>
      <c r="CC26" s="116">
        <v>2693136</v>
      </c>
      <c r="CD26" s="113">
        <v>0</v>
      </c>
      <c r="CE26" s="117">
        <v>18018285</v>
      </c>
      <c r="CF26" s="117">
        <v>28820247</v>
      </c>
      <c r="CG26" s="117">
        <v>19547366</v>
      </c>
      <c r="CH26" s="117">
        <v>12190653</v>
      </c>
      <c r="CI26" s="117">
        <v>5437785</v>
      </c>
      <c r="CJ26" s="116">
        <v>84014336</v>
      </c>
      <c r="CK26" s="119">
        <v>86707472</v>
      </c>
      <c r="CL26" s="113">
        <v>0</v>
      </c>
      <c r="CM26" s="117">
        <v>0</v>
      </c>
      <c r="CN26" s="116">
        <v>0</v>
      </c>
      <c r="CO26" s="114">
        <v>0</v>
      </c>
      <c r="CP26" s="117">
        <v>15553822</v>
      </c>
      <c r="CQ26" s="117">
        <v>24957399</v>
      </c>
      <c r="CR26" s="117">
        <v>16396365</v>
      </c>
      <c r="CS26" s="117">
        <v>11215178</v>
      </c>
      <c r="CT26" s="117">
        <v>4071958</v>
      </c>
      <c r="CU26" s="116">
        <v>72194722</v>
      </c>
      <c r="CV26" s="119">
        <v>72194722</v>
      </c>
      <c r="CW26" s="113">
        <v>628447</v>
      </c>
      <c r="CX26" s="117">
        <v>2064689</v>
      </c>
      <c r="CY26" s="116">
        <v>2693136</v>
      </c>
      <c r="CZ26" s="113">
        <v>0</v>
      </c>
      <c r="DA26" s="117">
        <v>2464463</v>
      </c>
      <c r="DB26" s="117">
        <v>3862848</v>
      </c>
      <c r="DC26" s="117">
        <v>3151001</v>
      </c>
      <c r="DD26" s="117">
        <v>975475</v>
      </c>
      <c r="DE26" s="117">
        <v>1365827</v>
      </c>
      <c r="DF26" s="116">
        <v>11819614</v>
      </c>
      <c r="DG26" s="119">
        <v>14512750</v>
      </c>
      <c r="DH26" s="113">
        <v>40989</v>
      </c>
      <c r="DI26" s="117">
        <v>72798</v>
      </c>
      <c r="DJ26" s="115">
        <v>113787</v>
      </c>
      <c r="DK26" s="114">
        <v>0</v>
      </c>
      <c r="DL26" s="117">
        <v>1425562</v>
      </c>
      <c r="DM26" s="117">
        <v>4459868</v>
      </c>
      <c r="DN26" s="117">
        <v>10392799</v>
      </c>
      <c r="DO26" s="117">
        <v>10473299</v>
      </c>
      <c r="DP26" s="117">
        <v>4655001</v>
      </c>
      <c r="DQ26" s="116">
        <v>31406529</v>
      </c>
      <c r="DR26" s="119">
        <v>31520316</v>
      </c>
      <c r="DS26" s="113">
        <v>40989</v>
      </c>
      <c r="DT26" s="117">
        <v>72798</v>
      </c>
      <c r="DU26" s="116">
        <v>113787</v>
      </c>
      <c r="DV26" s="113">
        <v>0</v>
      </c>
      <c r="DW26" s="117">
        <v>1367545</v>
      </c>
      <c r="DX26" s="117">
        <v>4351204</v>
      </c>
      <c r="DY26" s="117">
        <v>10154375</v>
      </c>
      <c r="DZ26" s="117">
        <v>10441765</v>
      </c>
      <c r="EA26" s="117">
        <v>4159888</v>
      </c>
      <c r="EB26" s="116">
        <v>30474777</v>
      </c>
      <c r="EC26" s="119">
        <v>30588564</v>
      </c>
      <c r="ED26" s="113">
        <v>0</v>
      </c>
      <c r="EE26" s="115">
        <v>0</v>
      </c>
      <c r="EF26" s="116">
        <v>0</v>
      </c>
      <c r="EG26" s="113">
        <v>0</v>
      </c>
      <c r="EH26" s="117">
        <v>58017</v>
      </c>
      <c r="EI26" s="117">
        <v>108664</v>
      </c>
      <c r="EJ26" s="117">
        <v>238424</v>
      </c>
      <c r="EK26" s="117">
        <v>31534</v>
      </c>
      <c r="EL26" s="117">
        <v>495113</v>
      </c>
      <c r="EM26" s="115">
        <v>931752</v>
      </c>
      <c r="EN26" s="119">
        <v>931752</v>
      </c>
      <c r="EO26" s="113">
        <v>0</v>
      </c>
      <c r="EP26" s="117">
        <v>0</v>
      </c>
      <c r="EQ26" s="115">
        <v>0</v>
      </c>
      <c r="ER26" s="114">
        <v>0</v>
      </c>
      <c r="ES26" s="117">
        <v>0</v>
      </c>
      <c r="ET26" s="117">
        <v>0</v>
      </c>
      <c r="EU26" s="117">
        <v>0</v>
      </c>
      <c r="EV26" s="117">
        <v>0</v>
      </c>
      <c r="EW26" s="117">
        <v>0</v>
      </c>
      <c r="EX26" s="116">
        <v>0</v>
      </c>
      <c r="EY26" s="119">
        <v>0</v>
      </c>
      <c r="EZ26" s="113">
        <v>0</v>
      </c>
      <c r="FA26" s="117">
        <v>0</v>
      </c>
      <c r="FB26" s="115">
        <v>0</v>
      </c>
      <c r="FC26" s="387"/>
      <c r="FD26" s="117">
        <v>0</v>
      </c>
      <c r="FE26" s="117">
        <v>0</v>
      </c>
      <c r="FF26" s="117">
        <v>0</v>
      </c>
      <c r="FG26" s="117">
        <v>0</v>
      </c>
      <c r="FH26" s="117">
        <v>0</v>
      </c>
      <c r="FI26" s="116">
        <v>0</v>
      </c>
      <c r="FJ26" s="119">
        <v>0</v>
      </c>
      <c r="FK26" s="113">
        <v>995399</v>
      </c>
      <c r="FL26" s="117">
        <v>2638675</v>
      </c>
      <c r="FM26" s="116">
        <v>3634074</v>
      </c>
      <c r="FN26" s="113">
        <v>0</v>
      </c>
      <c r="FO26" s="117">
        <v>3256235</v>
      </c>
      <c r="FP26" s="117">
        <v>8954910</v>
      </c>
      <c r="FQ26" s="117">
        <v>5669027</v>
      </c>
      <c r="FR26" s="117">
        <v>5358346</v>
      </c>
      <c r="FS26" s="117">
        <v>3256345</v>
      </c>
      <c r="FT26" s="116">
        <v>26494863</v>
      </c>
      <c r="FU26" s="119">
        <v>30128937</v>
      </c>
      <c r="FV26" s="118">
        <v>785312</v>
      </c>
      <c r="FW26" s="117">
        <v>2367325</v>
      </c>
      <c r="FX26" s="115">
        <v>3152637</v>
      </c>
      <c r="FY26" s="114">
        <v>0</v>
      </c>
      <c r="FZ26" s="117">
        <v>2794963</v>
      </c>
      <c r="GA26" s="117">
        <v>8526335</v>
      </c>
      <c r="GB26" s="117">
        <v>5555297</v>
      </c>
      <c r="GC26" s="117">
        <v>5196600</v>
      </c>
      <c r="GD26" s="117">
        <v>3256345</v>
      </c>
      <c r="GE26" s="116">
        <v>25329540</v>
      </c>
      <c r="GF26" s="351">
        <v>28482177</v>
      </c>
      <c r="GG26" s="118">
        <v>153387</v>
      </c>
      <c r="GH26" s="117">
        <v>71550</v>
      </c>
      <c r="GI26" s="115">
        <v>224937</v>
      </c>
      <c r="GJ26" s="114">
        <v>0</v>
      </c>
      <c r="GK26" s="117">
        <v>143991</v>
      </c>
      <c r="GL26" s="117">
        <v>202630</v>
      </c>
      <c r="GM26" s="117">
        <v>84330</v>
      </c>
      <c r="GN26" s="117">
        <v>20047</v>
      </c>
      <c r="GO26" s="117">
        <v>0</v>
      </c>
      <c r="GP26" s="116">
        <v>450998</v>
      </c>
      <c r="GQ26" s="119">
        <v>675935</v>
      </c>
      <c r="GR26" s="113">
        <v>56700</v>
      </c>
      <c r="GS26" s="117">
        <v>199800</v>
      </c>
      <c r="GT26" s="116">
        <v>256500</v>
      </c>
      <c r="GU26" s="113">
        <v>0</v>
      </c>
      <c r="GV26" s="117">
        <v>317281</v>
      </c>
      <c r="GW26" s="117">
        <v>225945</v>
      </c>
      <c r="GX26" s="117">
        <v>29400</v>
      </c>
      <c r="GY26" s="117">
        <v>141699</v>
      </c>
      <c r="GZ26" s="117">
        <v>0</v>
      </c>
      <c r="HA26" s="115">
        <v>714325</v>
      </c>
      <c r="HB26" s="119">
        <v>970825</v>
      </c>
      <c r="HC26" s="113">
        <v>1313683</v>
      </c>
      <c r="HD26" s="117">
        <v>1863315</v>
      </c>
      <c r="HE26" s="115">
        <v>3176998</v>
      </c>
      <c r="HF26" s="114">
        <v>0</v>
      </c>
      <c r="HG26" s="117">
        <v>9761803</v>
      </c>
      <c r="HH26" s="117">
        <v>12107083</v>
      </c>
      <c r="HI26" s="117">
        <v>9586243</v>
      </c>
      <c r="HJ26" s="117">
        <v>9428363</v>
      </c>
      <c r="HK26" s="117">
        <v>10915863</v>
      </c>
      <c r="HL26" s="116">
        <v>51799355</v>
      </c>
      <c r="HM26" s="112">
        <v>54976353</v>
      </c>
      <c r="HN26" s="118">
        <v>1223560</v>
      </c>
      <c r="HO26" s="117">
        <v>1966407</v>
      </c>
      <c r="HP26" s="116">
        <v>3189967</v>
      </c>
      <c r="HQ26" s="113">
        <v>0</v>
      </c>
      <c r="HR26" s="117">
        <v>10689279</v>
      </c>
      <c r="HS26" s="117">
        <v>13049970</v>
      </c>
      <c r="HT26" s="117">
        <v>7886370</v>
      </c>
      <c r="HU26" s="117">
        <v>5493667</v>
      </c>
      <c r="HV26" s="117">
        <v>2758593</v>
      </c>
      <c r="HW26" s="115">
        <v>39877879</v>
      </c>
      <c r="HX26" s="119">
        <v>43067846</v>
      </c>
      <c r="HY26" s="168">
        <v>46943</v>
      </c>
      <c r="HZ26" s="153">
        <v>84068</v>
      </c>
      <c r="IA26" s="168">
        <v>131011</v>
      </c>
      <c r="IB26" s="152">
        <v>0</v>
      </c>
      <c r="IC26" s="153">
        <v>14506598</v>
      </c>
      <c r="ID26" s="154">
        <v>22010558</v>
      </c>
      <c r="IE26" s="155">
        <v>20403995</v>
      </c>
      <c r="IF26" s="153">
        <v>10321852</v>
      </c>
      <c r="IG26" s="155">
        <v>7719512</v>
      </c>
      <c r="IH26" s="156">
        <v>74962515</v>
      </c>
      <c r="II26" s="168">
        <v>75093526</v>
      </c>
      <c r="IJ26" s="262">
        <v>0</v>
      </c>
      <c r="IK26" s="269">
        <v>0</v>
      </c>
      <c r="IL26" s="270">
        <v>0</v>
      </c>
      <c r="IM26" s="158"/>
      <c r="IN26" s="123">
        <v>84781</v>
      </c>
      <c r="IO26" s="123">
        <v>635567</v>
      </c>
      <c r="IP26" s="123">
        <v>167733</v>
      </c>
      <c r="IQ26" s="123">
        <v>254982</v>
      </c>
      <c r="IR26" s="123">
        <v>176112</v>
      </c>
      <c r="IS26" s="159">
        <v>1319175</v>
      </c>
      <c r="IT26" s="354">
        <v>1319175</v>
      </c>
      <c r="IU26" s="160">
        <v>0</v>
      </c>
      <c r="IV26" s="123">
        <v>0</v>
      </c>
      <c r="IW26" s="124">
        <v>0</v>
      </c>
      <c r="IX26" s="162">
        <v>0</v>
      </c>
      <c r="IY26" s="123">
        <v>0</v>
      </c>
      <c r="IZ26" s="123">
        <v>0</v>
      </c>
      <c r="JA26" s="123">
        <v>0</v>
      </c>
      <c r="JB26" s="123">
        <v>0</v>
      </c>
      <c r="JC26" s="123">
        <v>0</v>
      </c>
      <c r="JD26" s="124">
        <v>0</v>
      </c>
      <c r="JE26" s="125">
        <v>0</v>
      </c>
      <c r="JF26" s="160">
        <v>0</v>
      </c>
      <c r="JG26" s="123">
        <v>0</v>
      </c>
      <c r="JH26" s="159">
        <v>0</v>
      </c>
      <c r="JI26" s="122">
        <v>0</v>
      </c>
      <c r="JJ26" s="123">
        <v>8023226</v>
      </c>
      <c r="JK26" s="123">
        <v>11272939</v>
      </c>
      <c r="JL26" s="123">
        <v>7455328</v>
      </c>
      <c r="JM26" s="123">
        <v>2908564</v>
      </c>
      <c r="JN26" s="123">
        <v>1951993</v>
      </c>
      <c r="JO26" s="124">
        <v>31612050</v>
      </c>
      <c r="JP26" s="354">
        <v>31612050</v>
      </c>
      <c r="JQ26" s="160">
        <v>0</v>
      </c>
      <c r="JR26" s="123">
        <v>0</v>
      </c>
      <c r="JS26" s="159">
        <v>0</v>
      </c>
      <c r="JT26" s="122">
        <v>0</v>
      </c>
      <c r="JU26" s="123">
        <v>0</v>
      </c>
      <c r="JV26" s="123">
        <v>0</v>
      </c>
      <c r="JW26" s="123">
        <v>0</v>
      </c>
      <c r="JX26" s="123">
        <v>0</v>
      </c>
      <c r="JY26" s="123">
        <v>0</v>
      </c>
      <c r="JZ26" s="124">
        <v>0</v>
      </c>
      <c r="KA26" s="354">
        <v>0</v>
      </c>
      <c r="KB26" s="265">
        <v>46943</v>
      </c>
      <c r="KC26" s="259">
        <v>84068</v>
      </c>
      <c r="KD26" s="124">
        <v>131011</v>
      </c>
      <c r="KE26" s="122">
        <v>0</v>
      </c>
      <c r="KF26" s="123">
        <v>1113656</v>
      </c>
      <c r="KG26" s="123">
        <v>1671577</v>
      </c>
      <c r="KH26" s="123">
        <v>4174984</v>
      </c>
      <c r="KI26" s="123">
        <v>3116805</v>
      </c>
      <c r="KJ26" s="123">
        <v>1193299</v>
      </c>
      <c r="KK26" s="124">
        <v>11270321</v>
      </c>
      <c r="KL26" s="161">
        <v>11401332</v>
      </c>
      <c r="KM26" s="262">
        <v>0</v>
      </c>
      <c r="KN26" s="269">
        <v>0</v>
      </c>
      <c r="KO26" s="270">
        <v>0</v>
      </c>
      <c r="KP26" s="158"/>
      <c r="KQ26" s="123">
        <v>5009591</v>
      </c>
      <c r="KR26" s="123">
        <v>7659693</v>
      </c>
      <c r="KS26" s="123">
        <v>7769092</v>
      </c>
      <c r="KT26" s="123">
        <v>3737016</v>
      </c>
      <c r="KU26" s="123">
        <v>2661306</v>
      </c>
      <c r="KV26" s="124">
        <v>26836698</v>
      </c>
      <c r="KW26" s="354">
        <v>26836698</v>
      </c>
      <c r="KX26" s="160">
        <v>0</v>
      </c>
      <c r="KY26" s="123">
        <v>0</v>
      </c>
      <c r="KZ26" s="124">
        <v>0</v>
      </c>
      <c r="LA26" s="163"/>
      <c r="LB26" s="123">
        <v>0</v>
      </c>
      <c r="LC26" s="123">
        <v>0</v>
      </c>
      <c r="LD26" s="123">
        <v>0</v>
      </c>
      <c r="LE26" s="123">
        <v>0</v>
      </c>
      <c r="LF26" s="123">
        <v>0</v>
      </c>
      <c r="LG26" s="124">
        <v>0</v>
      </c>
      <c r="LH26" s="125">
        <v>0</v>
      </c>
      <c r="LI26" s="160">
        <v>0</v>
      </c>
      <c r="LJ26" s="123">
        <v>0</v>
      </c>
      <c r="LK26" s="124">
        <v>0</v>
      </c>
      <c r="LL26" s="163"/>
      <c r="LM26" s="123">
        <v>0</v>
      </c>
      <c r="LN26" s="123">
        <v>0</v>
      </c>
      <c r="LO26" s="123">
        <v>0</v>
      </c>
      <c r="LP26" s="123">
        <v>0</v>
      </c>
      <c r="LQ26" s="123">
        <v>0</v>
      </c>
      <c r="LR26" s="124">
        <v>0</v>
      </c>
      <c r="LS26" s="354">
        <v>0</v>
      </c>
      <c r="LT26" s="160">
        <v>0</v>
      </c>
      <c r="LU26" s="123">
        <v>0</v>
      </c>
      <c r="LV26" s="124">
        <v>0</v>
      </c>
      <c r="LW26" s="163"/>
      <c r="LX26" s="123">
        <v>275344</v>
      </c>
      <c r="LY26" s="123">
        <v>770782</v>
      </c>
      <c r="LZ26" s="123">
        <v>836858</v>
      </c>
      <c r="MA26" s="123">
        <v>304485</v>
      </c>
      <c r="MB26" s="123">
        <v>1736802</v>
      </c>
      <c r="MC26" s="124">
        <v>3924271</v>
      </c>
      <c r="MD26" s="125">
        <v>3924271</v>
      </c>
      <c r="ME26" s="160">
        <v>0</v>
      </c>
      <c r="MF26" s="123">
        <v>0</v>
      </c>
      <c r="MG26" s="124">
        <v>0</v>
      </c>
      <c r="MH26" s="163"/>
      <c r="MI26" s="123">
        <v>6053448</v>
      </c>
      <c r="MJ26" s="123">
        <v>11901718</v>
      </c>
      <c r="MK26" s="123">
        <v>57157652</v>
      </c>
      <c r="ML26" s="123">
        <v>69892654</v>
      </c>
      <c r="MM26" s="123">
        <v>55649632</v>
      </c>
      <c r="MN26" s="124">
        <v>200655104</v>
      </c>
      <c r="MO26" s="161">
        <v>200655104</v>
      </c>
      <c r="MP26" s="160">
        <v>0</v>
      </c>
      <c r="MQ26" s="123">
        <v>0</v>
      </c>
      <c r="MR26" s="124">
        <v>0</v>
      </c>
      <c r="MS26" s="163">
        <v>0</v>
      </c>
      <c r="MT26" s="123">
        <v>692459</v>
      </c>
      <c r="MU26" s="123">
        <v>3046999</v>
      </c>
      <c r="MV26" s="123">
        <v>44365455</v>
      </c>
      <c r="MW26" s="123">
        <v>52150398</v>
      </c>
      <c r="MX26" s="123">
        <v>43123043</v>
      </c>
      <c r="MY26" s="124">
        <v>143378354</v>
      </c>
      <c r="MZ26" s="161">
        <v>143378354</v>
      </c>
      <c r="NA26" s="160">
        <v>0</v>
      </c>
      <c r="NB26" s="123">
        <v>0</v>
      </c>
      <c r="NC26" s="124">
        <v>0</v>
      </c>
      <c r="ND26" s="163"/>
      <c r="NE26" s="123">
        <v>5360989</v>
      </c>
      <c r="NF26" s="123">
        <v>8854719</v>
      </c>
      <c r="NG26" s="123">
        <v>12051626</v>
      </c>
      <c r="NH26" s="123">
        <v>14990589</v>
      </c>
      <c r="NI26" s="123">
        <v>7793876</v>
      </c>
      <c r="NJ26" s="124">
        <v>49051799</v>
      </c>
      <c r="NK26" s="354">
        <v>49051799</v>
      </c>
      <c r="NL26" s="160">
        <v>0</v>
      </c>
      <c r="NM26" s="123">
        <v>0</v>
      </c>
      <c r="NN26" s="124">
        <v>0</v>
      </c>
      <c r="NO26" s="163"/>
      <c r="NP26" s="123">
        <v>0</v>
      </c>
      <c r="NQ26" s="123">
        <v>0</v>
      </c>
      <c r="NR26" s="123">
        <v>362074</v>
      </c>
      <c r="NS26" s="123">
        <v>0</v>
      </c>
      <c r="NT26" s="123">
        <v>1345529</v>
      </c>
      <c r="NU26" s="124">
        <v>1707603</v>
      </c>
      <c r="NV26" s="125">
        <v>1707603</v>
      </c>
      <c r="NW26" s="160">
        <v>0</v>
      </c>
      <c r="NX26" s="123">
        <v>0</v>
      </c>
      <c r="NY26" s="124">
        <v>0</v>
      </c>
      <c r="NZ26" s="163"/>
      <c r="OA26" s="123">
        <v>0</v>
      </c>
      <c r="OB26" s="123">
        <v>0</v>
      </c>
      <c r="OC26" s="123">
        <v>378497</v>
      </c>
      <c r="OD26" s="123">
        <v>2751667</v>
      </c>
      <c r="OE26" s="123">
        <v>3387184</v>
      </c>
      <c r="OF26" s="124">
        <v>6517348</v>
      </c>
      <c r="OG26" s="125">
        <v>6517348</v>
      </c>
      <c r="OH26" s="160">
        <v>6399276</v>
      </c>
      <c r="OI26" s="123">
        <v>13014913</v>
      </c>
      <c r="OJ26" s="159">
        <v>19414189</v>
      </c>
      <c r="OK26" s="122">
        <v>0</v>
      </c>
      <c r="OL26" s="123">
        <v>84905204</v>
      </c>
      <c r="OM26" s="123">
        <v>137045811</v>
      </c>
      <c r="ON26" s="123">
        <v>159023396</v>
      </c>
      <c r="OO26" s="123">
        <v>153686550</v>
      </c>
      <c r="OP26" s="123">
        <v>116134640</v>
      </c>
      <c r="OQ26" s="124">
        <v>650795601</v>
      </c>
      <c r="OR26" s="161">
        <v>670209790</v>
      </c>
    </row>
    <row r="27" spans="1:408" ht="18.75" customHeight="1" x14ac:dyDescent="0.2">
      <c r="A27" s="63" t="s">
        <v>22</v>
      </c>
      <c r="B27" s="113">
        <v>1531108</v>
      </c>
      <c r="C27" s="117">
        <v>3220989</v>
      </c>
      <c r="D27" s="116">
        <v>4752097</v>
      </c>
      <c r="E27" s="112">
        <v>0</v>
      </c>
      <c r="F27" s="117">
        <v>26355855</v>
      </c>
      <c r="G27" s="117">
        <v>31432257</v>
      </c>
      <c r="H27" s="117">
        <v>21162768</v>
      </c>
      <c r="I27" s="117">
        <v>20824731</v>
      </c>
      <c r="J27" s="117">
        <v>16917508</v>
      </c>
      <c r="K27" s="201">
        <v>116693119</v>
      </c>
      <c r="L27" s="119">
        <v>121445216</v>
      </c>
      <c r="M27" s="113">
        <v>101240</v>
      </c>
      <c r="N27" s="117">
        <v>525159</v>
      </c>
      <c r="O27" s="116">
        <v>626399</v>
      </c>
      <c r="P27" s="113">
        <v>0</v>
      </c>
      <c r="Q27" s="117">
        <v>5034600</v>
      </c>
      <c r="R27" s="117">
        <v>7294003</v>
      </c>
      <c r="S27" s="117">
        <v>3921635</v>
      </c>
      <c r="T27" s="117">
        <v>6875763</v>
      </c>
      <c r="U27" s="117">
        <v>8048399</v>
      </c>
      <c r="V27" s="116">
        <v>31174400</v>
      </c>
      <c r="W27" s="119">
        <v>31800799</v>
      </c>
      <c r="X27" s="113">
        <v>0</v>
      </c>
      <c r="Y27" s="117">
        <v>0</v>
      </c>
      <c r="Z27" s="116">
        <v>0</v>
      </c>
      <c r="AA27" s="113">
        <v>0</v>
      </c>
      <c r="AB27" s="117">
        <v>2379045</v>
      </c>
      <c r="AC27" s="117">
        <v>3311366</v>
      </c>
      <c r="AD27" s="117">
        <v>1788574</v>
      </c>
      <c r="AE27" s="117">
        <v>4101458</v>
      </c>
      <c r="AF27" s="117">
        <v>4136866</v>
      </c>
      <c r="AG27" s="116">
        <v>15717309</v>
      </c>
      <c r="AH27" s="119">
        <v>15717309</v>
      </c>
      <c r="AI27" s="113">
        <v>0</v>
      </c>
      <c r="AJ27" s="117">
        <v>0</v>
      </c>
      <c r="AK27" s="116">
        <v>0</v>
      </c>
      <c r="AL27" s="113">
        <v>0</v>
      </c>
      <c r="AM27" s="117">
        <v>0</v>
      </c>
      <c r="AN27" s="117">
        <v>60840</v>
      </c>
      <c r="AO27" s="117">
        <v>321776</v>
      </c>
      <c r="AP27" s="117">
        <v>325785</v>
      </c>
      <c r="AQ27" s="117">
        <v>1331856</v>
      </c>
      <c r="AR27" s="116">
        <v>2040257</v>
      </c>
      <c r="AS27" s="119">
        <v>2040257</v>
      </c>
      <c r="AT27" s="113">
        <v>48653</v>
      </c>
      <c r="AU27" s="117">
        <v>328398</v>
      </c>
      <c r="AV27" s="116">
        <v>377051</v>
      </c>
      <c r="AW27" s="113">
        <v>0</v>
      </c>
      <c r="AX27" s="117">
        <v>1540648</v>
      </c>
      <c r="AY27" s="117">
        <v>2607396</v>
      </c>
      <c r="AZ27" s="117">
        <v>883017</v>
      </c>
      <c r="BA27" s="117">
        <v>1606744</v>
      </c>
      <c r="BB27" s="117">
        <v>2019347</v>
      </c>
      <c r="BC27" s="116">
        <v>8657152</v>
      </c>
      <c r="BD27" s="119">
        <v>9034203</v>
      </c>
      <c r="BE27" s="113">
        <v>30987</v>
      </c>
      <c r="BF27" s="117">
        <v>56340</v>
      </c>
      <c r="BG27" s="115">
        <v>87327</v>
      </c>
      <c r="BH27" s="114">
        <v>0</v>
      </c>
      <c r="BI27" s="117">
        <v>275338</v>
      </c>
      <c r="BJ27" s="117">
        <v>394751</v>
      </c>
      <c r="BK27" s="117">
        <v>319292</v>
      </c>
      <c r="BL27" s="117">
        <v>114434</v>
      </c>
      <c r="BM27" s="117">
        <v>207140</v>
      </c>
      <c r="BN27" s="116">
        <v>1310955</v>
      </c>
      <c r="BO27" s="119">
        <v>1398282</v>
      </c>
      <c r="BP27" s="113">
        <v>21600</v>
      </c>
      <c r="BQ27" s="117">
        <v>140421</v>
      </c>
      <c r="BR27" s="116">
        <v>162021</v>
      </c>
      <c r="BS27" s="113">
        <v>0</v>
      </c>
      <c r="BT27" s="117">
        <v>839569</v>
      </c>
      <c r="BU27" s="117">
        <v>919650</v>
      </c>
      <c r="BV27" s="117">
        <v>608976</v>
      </c>
      <c r="BW27" s="117">
        <v>727342</v>
      </c>
      <c r="BX27" s="117">
        <v>353190</v>
      </c>
      <c r="BY27" s="116">
        <v>3448727</v>
      </c>
      <c r="BZ27" s="119">
        <v>3610748</v>
      </c>
      <c r="CA27" s="113">
        <v>21857</v>
      </c>
      <c r="CB27" s="117">
        <v>344712</v>
      </c>
      <c r="CC27" s="116">
        <v>366569</v>
      </c>
      <c r="CD27" s="113">
        <v>0</v>
      </c>
      <c r="CE27" s="117">
        <v>8422608</v>
      </c>
      <c r="CF27" s="117">
        <v>9837355</v>
      </c>
      <c r="CG27" s="117">
        <v>4576549</v>
      </c>
      <c r="CH27" s="117">
        <v>4475391</v>
      </c>
      <c r="CI27" s="117">
        <v>1964177</v>
      </c>
      <c r="CJ27" s="116">
        <v>29276080</v>
      </c>
      <c r="CK27" s="119">
        <v>29642649</v>
      </c>
      <c r="CL27" s="113">
        <v>0</v>
      </c>
      <c r="CM27" s="117">
        <v>0</v>
      </c>
      <c r="CN27" s="116">
        <v>0</v>
      </c>
      <c r="CO27" s="114">
        <v>0</v>
      </c>
      <c r="CP27" s="117">
        <v>7352729</v>
      </c>
      <c r="CQ27" s="117">
        <v>8320577</v>
      </c>
      <c r="CR27" s="117">
        <v>3053563</v>
      </c>
      <c r="CS27" s="117">
        <v>3307930</v>
      </c>
      <c r="CT27" s="117">
        <v>1527722</v>
      </c>
      <c r="CU27" s="116">
        <v>23562521</v>
      </c>
      <c r="CV27" s="119">
        <v>23562521</v>
      </c>
      <c r="CW27" s="113">
        <v>21857</v>
      </c>
      <c r="CX27" s="117">
        <v>344712</v>
      </c>
      <c r="CY27" s="116">
        <v>366569</v>
      </c>
      <c r="CZ27" s="113">
        <v>0</v>
      </c>
      <c r="DA27" s="117">
        <v>1069879</v>
      </c>
      <c r="DB27" s="117">
        <v>1516778</v>
      </c>
      <c r="DC27" s="117">
        <v>1522986</v>
      </c>
      <c r="DD27" s="117">
        <v>1167461</v>
      </c>
      <c r="DE27" s="117">
        <v>436455</v>
      </c>
      <c r="DF27" s="116">
        <v>5713559</v>
      </c>
      <c r="DG27" s="119">
        <v>6080128</v>
      </c>
      <c r="DH27" s="113">
        <v>0</v>
      </c>
      <c r="DI27" s="117">
        <v>35842</v>
      </c>
      <c r="DJ27" s="115">
        <v>35842</v>
      </c>
      <c r="DK27" s="114">
        <v>0</v>
      </c>
      <c r="DL27" s="117">
        <v>509304</v>
      </c>
      <c r="DM27" s="117">
        <v>1555889</v>
      </c>
      <c r="DN27" s="117">
        <v>4542290</v>
      </c>
      <c r="DO27" s="117">
        <v>1507905</v>
      </c>
      <c r="DP27" s="117">
        <v>1911436</v>
      </c>
      <c r="DQ27" s="116">
        <v>10026824</v>
      </c>
      <c r="DR27" s="119">
        <v>10062666</v>
      </c>
      <c r="DS27" s="113">
        <v>0</v>
      </c>
      <c r="DT27" s="117">
        <v>35842</v>
      </c>
      <c r="DU27" s="116">
        <v>35842</v>
      </c>
      <c r="DV27" s="113">
        <v>0</v>
      </c>
      <c r="DW27" s="117">
        <v>509304</v>
      </c>
      <c r="DX27" s="117">
        <v>1522643</v>
      </c>
      <c r="DY27" s="117">
        <v>3626441</v>
      </c>
      <c r="DZ27" s="117">
        <v>1391715</v>
      </c>
      <c r="EA27" s="117">
        <v>1667265</v>
      </c>
      <c r="EB27" s="116">
        <v>8717368</v>
      </c>
      <c r="EC27" s="119">
        <v>8753210</v>
      </c>
      <c r="ED27" s="113">
        <v>0</v>
      </c>
      <c r="EE27" s="115">
        <v>0</v>
      </c>
      <c r="EF27" s="116">
        <v>0</v>
      </c>
      <c r="EG27" s="113">
        <v>0</v>
      </c>
      <c r="EH27" s="117">
        <v>0</v>
      </c>
      <c r="EI27" s="117">
        <v>33246</v>
      </c>
      <c r="EJ27" s="117">
        <v>915849</v>
      </c>
      <c r="EK27" s="117">
        <v>116190</v>
      </c>
      <c r="EL27" s="117">
        <v>244171</v>
      </c>
      <c r="EM27" s="115">
        <v>1309456</v>
      </c>
      <c r="EN27" s="119">
        <v>1309456</v>
      </c>
      <c r="EO27" s="113">
        <v>0</v>
      </c>
      <c r="EP27" s="117">
        <v>0</v>
      </c>
      <c r="EQ27" s="115">
        <v>0</v>
      </c>
      <c r="ER27" s="114">
        <v>0</v>
      </c>
      <c r="ES27" s="117">
        <v>0</v>
      </c>
      <c r="ET27" s="117">
        <v>0</v>
      </c>
      <c r="EU27" s="117">
        <v>0</v>
      </c>
      <c r="EV27" s="117">
        <v>0</v>
      </c>
      <c r="EW27" s="117">
        <v>0</v>
      </c>
      <c r="EX27" s="116">
        <v>0</v>
      </c>
      <c r="EY27" s="119">
        <v>0</v>
      </c>
      <c r="EZ27" s="113">
        <v>0</v>
      </c>
      <c r="FA27" s="117">
        <v>0</v>
      </c>
      <c r="FB27" s="115">
        <v>0</v>
      </c>
      <c r="FC27" s="387"/>
      <c r="FD27" s="117">
        <v>0</v>
      </c>
      <c r="FE27" s="117">
        <v>0</v>
      </c>
      <c r="FF27" s="117">
        <v>0</v>
      </c>
      <c r="FG27" s="117">
        <v>0</v>
      </c>
      <c r="FH27" s="117">
        <v>0</v>
      </c>
      <c r="FI27" s="116">
        <v>0</v>
      </c>
      <c r="FJ27" s="119">
        <v>0</v>
      </c>
      <c r="FK27" s="113">
        <v>821686</v>
      </c>
      <c r="FL27" s="117">
        <v>1101776</v>
      </c>
      <c r="FM27" s="116">
        <v>1923462</v>
      </c>
      <c r="FN27" s="113">
        <v>0</v>
      </c>
      <c r="FO27" s="117">
        <v>1344554</v>
      </c>
      <c r="FP27" s="117">
        <v>3222974</v>
      </c>
      <c r="FQ27" s="117">
        <v>1987488</v>
      </c>
      <c r="FR27" s="117">
        <v>1891070</v>
      </c>
      <c r="FS27" s="117">
        <v>1515267</v>
      </c>
      <c r="FT27" s="116">
        <v>9961353</v>
      </c>
      <c r="FU27" s="119">
        <v>11884815</v>
      </c>
      <c r="FV27" s="118">
        <v>244562</v>
      </c>
      <c r="FW27" s="117">
        <v>741686</v>
      </c>
      <c r="FX27" s="115">
        <v>986248</v>
      </c>
      <c r="FY27" s="114">
        <v>0</v>
      </c>
      <c r="FZ27" s="117">
        <v>1330298</v>
      </c>
      <c r="GA27" s="117">
        <v>2695524</v>
      </c>
      <c r="GB27" s="117">
        <v>1757988</v>
      </c>
      <c r="GC27" s="117">
        <v>1700670</v>
      </c>
      <c r="GD27" s="117">
        <v>1515267</v>
      </c>
      <c r="GE27" s="116">
        <v>8999747</v>
      </c>
      <c r="GF27" s="351">
        <v>9985995</v>
      </c>
      <c r="GG27" s="118">
        <v>99324</v>
      </c>
      <c r="GH27" s="117">
        <v>28260</v>
      </c>
      <c r="GI27" s="115">
        <v>127584</v>
      </c>
      <c r="GJ27" s="114">
        <v>0</v>
      </c>
      <c r="GK27" s="117">
        <v>14256</v>
      </c>
      <c r="GL27" s="117">
        <v>89100</v>
      </c>
      <c r="GM27" s="117">
        <v>0</v>
      </c>
      <c r="GN27" s="117">
        <v>34300</v>
      </c>
      <c r="GO27" s="117">
        <v>0</v>
      </c>
      <c r="GP27" s="116">
        <v>137656</v>
      </c>
      <c r="GQ27" s="119">
        <v>265240</v>
      </c>
      <c r="GR27" s="113">
        <v>477800</v>
      </c>
      <c r="GS27" s="117">
        <v>331830</v>
      </c>
      <c r="GT27" s="116">
        <v>809630</v>
      </c>
      <c r="GU27" s="113">
        <v>0</v>
      </c>
      <c r="GV27" s="117">
        <v>0</v>
      </c>
      <c r="GW27" s="117">
        <v>438350</v>
      </c>
      <c r="GX27" s="117">
        <v>229500</v>
      </c>
      <c r="GY27" s="117">
        <v>156100</v>
      </c>
      <c r="GZ27" s="117">
        <v>0</v>
      </c>
      <c r="HA27" s="115">
        <v>823950</v>
      </c>
      <c r="HB27" s="119">
        <v>1633580</v>
      </c>
      <c r="HC27" s="113">
        <v>359945</v>
      </c>
      <c r="HD27" s="117">
        <v>564378</v>
      </c>
      <c r="HE27" s="115">
        <v>924323</v>
      </c>
      <c r="HF27" s="114">
        <v>0</v>
      </c>
      <c r="HG27" s="117">
        <v>5767988</v>
      </c>
      <c r="HH27" s="117">
        <v>4903917</v>
      </c>
      <c r="HI27" s="117">
        <v>3791130</v>
      </c>
      <c r="HJ27" s="117">
        <v>4336364</v>
      </c>
      <c r="HK27" s="117">
        <v>2256030</v>
      </c>
      <c r="HL27" s="116">
        <v>21055429</v>
      </c>
      <c r="HM27" s="112">
        <v>21979752</v>
      </c>
      <c r="HN27" s="118">
        <v>226380</v>
      </c>
      <c r="HO27" s="117">
        <v>649122</v>
      </c>
      <c r="HP27" s="116">
        <v>875502</v>
      </c>
      <c r="HQ27" s="113">
        <v>0</v>
      </c>
      <c r="HR27" s="117">
        <v>5276801</v>
      </c>
      <c r="HS27" s="117">
        <v>4618119</v>
      </c>
      <c r="HT27" s="117">
        <v>2343676</v>
      </c>
      <c r="HU27" s="117">
        <v>1738238</v>
      </c>
      <c r="HV27" s="117">
        <v>1222199</v>
      </c>
      <c r="HW27" s="115">
        <v>15199033</v>
      </c>
      <c r="HX27" s="119">
        <v>16074535</v>
      </c>
      <c r="HY27" s="149">
        <v>68520</v>
      </c>
      <c r="HZ27" s="150">
        <v>394354</v>
      </c>
      <c r="IA27" s="151">
        <v>462874</v>
      </c>
      <c r="IB27" s="164">
        <v>0</v>
      </c>
      <c r="IC27" s="150">
        <v>12110266</v>
      </c>
      <c r="ID27" s="165">
        <v>13752380</v>
      </c>
      <c r="IE27" s="151">
        <v>11822717</v>
      </c>
      <c r="IF27" s="150">
        <v>11688485</v>
      </c>
      <c r="IG27" s="151">
        <v>6783831</v>
      </c>
      <c r="IH27" s="166">
        <v>56157679</v>
      </c>
      <c r="II27" s="157">
        <v>56620553</v>
      </c>
      <c r="IJ27" s="262">
        <v>0</v>
      </c>
      <c r="IK27" s="269">
        <v>0</v>
      </c>
      <c r="IL27" s="270">
        <v>0</v>
      </c>
      <c r="IM27" s="158"/>
      <c r="IN27" s="123">
        <v>213389</v>
      </c>
      <c r="IO27" s="123">
        <v>472317</v>
      </c>
      <c r="IP27" s="123">
        <v>479718</v>
      </c>
      <c r="IQ27" s="123">
        <v>224271</v>
      </c>
      <c r="IR27" s="123">
        <v>0</v>
      </c>
      <c r="IS27" s="159">
        <v>1389695</v>
      </c>
      <c r="IT27" s="354">
        <v>1389695</v>
      </c>
      <c r="IU27" s="160">
        <v>0</v>
      </c>
      <c r="IV27" s="123">
        <v>0</v>
      </c>
      <c r="IW27" s="124">
        <v>0</v>
      </c>
      <c r="IX27" s="162">
        <v>0</v>
      </c>
      <c r="IY27" s="123">
        <v>0</v>
      </c>
      <c r="IZ27" s="123">
        <v>0</v>
      </c>
      <c r="JA27" s="123">
        <v>0</v>
      </c>
      <c r="JB27" s="123">
        <v>0</v>
      </c>
      <c r="JC27" s="123">
        <v>0</v>
      </c>
      <c r="JD27" s="124">
        <v>0</v>
      </c>
      <c r="JE27" s="125">
        <v>0</v>
      </c>
      <c r="JF27" s="160">
        <v>0</v>
      </c>
      <c r="JG27" s="123">
        <v>0</v>
      </c>
      <c r="JH27" s="159">
        <v>0</v>
      </c>
      <c r="JI27" s="122">
        <v>0</v>
      </c>
      <c r="JJ27" s="123">
        <v>6103178</v>
      </c>
      <c r="JK27" s="123">
        <v>6473248</v>
      </c>
      <c r="JL27" s="123">
        <v>3561990</v>
      </c>
      <c r="JM27" s="123">
        <v>2291430</v>
      </c>
      <c r="JN27" s="123">
        <v>1204560</v>
      </c>
      <c r="JO27" s="124">
        <v>19634406</v>
      </c>
      <c r="JP27" s="354">
        <v>19634406</v>
      </c>
      <c r="JQ27" s="160">
        <v>0</v>
      </c>
      <c r="JR27" s="123">
        <v>67482</v>
      </c>
      <c r="JS27" s="159">
        <v>67482</v>
      </c>
      <c r="JT27" s="122">
        <v>0</v>
      </c>
      <c r="JU27" s="123">
        <v>739382</v>
      </c>
      <c r="JV27" s="123">
        <v>720954</v>
      </c>
      <c r="JW27" s="123">
        <v>389381</v>
      </c>
      <c r="JX27" s="123">
        <v>252163</v>
      </c>
      <c r="JY27" s="123">
        <v>154287</v>
      </c>
      <c r="JZ27" s="124">
        <v>2256167</v>
      </c>
      <c r="KA27" s="354">
        <v>2323649</v>
      </c>
      <c r="KB27" s="265">
        <v>68520</v>
      </c>
      <c r="KC27" s="259">
        <v>326872</v>
      </c>
      <c r="KD27" s="124">
        <v>395392</v>
      </c>
      <c r="KE27" s="122">
        <v>0</v>
      </c>
      <c r="KF27" s="123">
        <v>2454749</v>
      </c>
      <c r="KG27" s="123">
        <v>2164947</v>
      </c>
      <c r="KH27" s="123">
        <v>3511809</v>
      </c>
      <c r="KI27" s="123">
        <v>1543410</v>
      </c>
      <c r="KJ27" s="123">
        <v>1411515</v>
      </c>
      <c r="KK27" s="124">
        <v>11086430</v>
      </c>
      <c r="KL27" s="161">
        <v>11481822</v>
      </c>
      <c r="KM27" s="262">
        <v>0</v>
      </c>
      <c r="KN27" s="269">
        <v>0</v>
      </c>
      <c r="KO27" s="270">
        <v>0</v>
      </c>
      <c r="KP27" s="158"/>
      <c r="KQ27" s="123">
        <v>2599568</v>
      </c>
      <c r="KR27" s="123">
        <v>3920914</v>
      </c>
      <c r="KS27" s="123">
        <v>3111453</v>
      </c>
      <c r="KT27" s="123">
        <v>2250160</v>
      </c>
      <c r="KU27" s="123">
        <v>1282808</v>
      </c>
      <c r="KV27" s="124">
        <v>13164903</v>
      </c>
      <c r="KW27" s="354">
        <v>13164903</v>
      </c>
      <c r="KX27" s="160">
        <v>0</v>
      </c>
      <c r="KY27" s="123">
        <v>0</v>
      </c>
      <c r="KZ27" s="124">
        <v>0</v>
      </c>
      <c r="LA27" s="163"/>
      <c r="LB27" s="123">
        <v>0</v>
      </c>
      <c r="LC27" s="123">
        <v>0</v>
      </c>
      <c r="LD27" s="123">
        <v>0</v>
      </c>
      <c r="LE27" s="123">
        <v>0</v>
      </c>
      <c r="LF27" s="123">
        <v>0</v>
      </c>
      <c r="LG27" s="124">
        <v>0</v>
      </c>
      <c r="LH27" s="125">
        <v>0</v>
      </c>
      <c r="LI27" s="160">
        <v>0</v>
      </c>
      <c r="LJ27" s="123">
        <v>0</v>
      </c>
      <c r="LK27" s="124">
        <v>0</v>
      </c>
      <c r="LL27" s="163"/>
      <c r="LM27" s="123">
        <v>0</v>
      </c>
      <c r="LN27" s="123">
        <v>0</v>
      </c>
      <c r="LO27" s="123">
        <v>768366</v>
      </c>
      <c r="LP27" s="123">
        <v>5127051</v>
      </c>
      <c r="LQ27" s="123">
        <v>2730661</v>
      </c>
      <c r="LR27" s="124">
        <v>8626078</v>
      </c>
      <c r="LS27" s="354">
        <v>8626078</v>
      </c>
      <c r="LT27" s="160">
        <v>0</v>
      </c>
      <c r="LU27" s="123">
        <v>0</v>
      </c>
      <c r="LV27" s="124">
        <v>0</v>
      </c>
      <c r="LW27" s="163"/>
      <c r="LX27" s="123">
        <v>0</v>
      </c>
      <c r="LY27" s="123">
        <v>0</v>
      </c>
      <c r="LZ27" s="123">
        <v>0</v>
      </c>
      <c r="MA27" s="123">
        <v>0</v>
      </c>
      <c r="MB27" s="123">
        <v>0</v>
      </c>
      <c r="MC27" s="124">
        <v>0</v>
      </c>
      <c r="MD27" s="125">
        <v>0</v>
      </c>
      <c r="ME27" s="160">
        <v>0</v>
      </c>
      <c r="MF27" s="123">
        <v>0</v>
      </c>
      <c r="MG27" s="124">
        <v>0</v>
      </c>
      <c r="MH27" s="163"/>
      <c r="MI27" s="123">
        <v>3849566</v>
      </c>
      <c r="MJ27" s="123">
        <v>8979062</v>
      </c>
      <c r="MK27" s="123">
        <v>17781665</v>
      </c>
      <c r="ML27" s="123">
        <v>28676763</v>
      </c>
      <c r="MM27" s="123">
        <v>18023960</v>
      </c>
      <c r="MN27" s="124">
        <v>77311016</v>
      </c>
      <c r="MO27" s="161">
        <v>77311016</v>
      </c>
      <c r="MP27" s="160">
        <v>0</v>
      </c>
      <c r="MQ27" s="123">
        <v>0</v>
      </c>
      <c r="MR27" s="124">
        <v>0</v>
      </c>
      <c r="MS27" s="163">
        <v>0</v>
      </c>
      <c r="MT27" s="123">
        <v>471848</v>
      </c>
      <c r="MU27" s="123">
        <v>1538665</v>
      </c>
      <c r="MV27" s="123">
        <v>10620641</v>
      </c>
      <c r="MW27" s="123">
        <v>17276301</v>
      </c>
      <c r="MX27" s="123">
        <v>8840895</v>
      </c>
      <c r="MY27" s="124">
        <v>38748350</v>
      </c>
      <c r="MZ27" s="161">
        <v>38748350</v>
      </c>
      <c r="NA27" s="160">
        <v>0</v>
      </c>
      <c r="NB27" s="123">
        <v>0</v>
      </c>
      <c r="NC27" s="124">
        <v>0</v>
      </c>
      <c r="ND27" s="163"/>
      <c r="NE27" s="123">
        <v>3377718</v>
      </c>
      <c r="NF27" s="123">
        <v>7440397</v>
      </c>
      <c r="NG27" s="123">
        <v>6582326</v>
      </c>
      <c r="NH27" s="123">
        <v>10607051</v>
      </c>
      <c r="NI27" s="123">
        <v>6826164</v>
      </c>
      <c r="NJ27" s="124">
        <v>34833656</v>
      </c>
      <c r="NK27" s="354">
        <v>34833656</v>
      </c>
      <c r="NL27" s="160">
        <v>0</v>
      </c>
      <c r="NM27" s="123">
        <v>0</v>
      </c>
      <c r="NN27" s="124">
        <v>0</v>
      </c>
      <c r="NO27" s="163"/>
      <c r="NP27" s="123">
        <v>0</v>
      </c>
      <c r="NQ27" s="123">
        <v>0</v>
      </c>
      <c r="NR27" s="123">
        <v>273391</v>
      </c>
      <c r="NS27" s="123">
        <v>0</v>
      </c>
      <c r="NT27" s="123">
        <v>1107539</v>
      </c>
      <c r="NU27" s="124">
        <v>1380930</v>
      </c>
      <c r="NV27" s="125">
        <v>1380930</v>
      </c>
      <c r="NW27" s="160">
        <v>0</v>
      </c>
      <c r="NX27" s="123">
        <v>0</v>
      </c>
      <c r="NY27" s="124">
        <v>0</v>
      </c>
      <c r="NZ27" s="163"/>
      <c r="OA27" s="123">
        <v>0</v>
      </c>
      <c r="OB27" s="123">
        <v>0</v>
      </c>
      <c r="OC27" s="123">
        <v>305307</v>
      </c>
      <c r="OD27" s="123">
        <v>793411</v>
      </c>
      <c r="OE27" s="123">
        <v>1249362</v>
      </c>
      <c r="OF27" s="124">
        <v>2348080</v>
      </c>
      <c r="OG27" s="125">
        <v>2348080</v>
      </c>
      <c r="OH27" s="160">
        <v>1599628</v>
      </c>
      <c r="OI27" s="123">
        <v>3615343</v>
      </c>
      <c r="OJ27" s="159">
        <v>5214971</v>
      </c>
      <c r="OK27" s="122">
        <v>0</v>
      </c>
      <c r="OL27" s="123">
        <v>42315687</v>
      </c>
      <c r="OM27" s="123">
        <v>54163699</v>
      </c>
      <c r="ON27" s="123">
        <v>50767150</v>
      </c>
      <c r="OO27" s="123">
        <v>61189979</v>
      </c>
      <c r="OP27" s="123">
        <v>41725299</v>
      </c>
      <c r="OQ27" s="124">
        <v>250161814</v>
      </c>
      <c r="OR27" s="161">
        <v>255376785</v>
      </c>
    </row>
    <row r="28" spans="1:408" ht="18.75" customHeight="1" x14ac:dyDescent="0.2">
      <c r="A28" s="63" t="s">
        <v>23</v>
      </c>
      <c r="B28" s="113">
        <v>3306991</v>
      </c>
      <c r="C28" s="117">
        <v>5844962</v>
      </c>
      <c r="D28" s="116">
        <v>9151953</v>
      </c>
      <c r="E28" s="112">
        <v>0</v>
      </c>
      <c r="F28" s="117">
        <v>51995032</v>
      </c>
      <c r="G28" s="117">
        <v>61364798</v>
      </c>
      <c r="H28" s="117">
        <v>42485798</v>
      </c>
      <c r="I28" s="117">
        <v>46928515</v>
      </c>
      <c r="J28" s="117">
        <v>32273061</v>
      </c>
      <c r="K28" s="201">
        <v>235047204</v>
      </c>
      <c r="L28" s="119">
        <v>244199157</v>
      </c>
      <c r="M28" s="113">
        <v>824555</v>
      </c>
      <c r="N28" s="117">
        <v>1828940</v>
      </c>
      <c r="O28" s="116">
        <v>2653495</v>
      </c>
      <c r="P28" s="113">
        <v>0</v>
      </c>
      <c r="Q28" s="117">
        <v>10917738</v>
      </c>
      <c r="R28" s="117">
        <v>15482704</v>
      </c>
      <c r="S28" s="117">
        <v>12291532</v>
      </c>
      <c r="T28" s="117">
        <v>14230118</v>
      </c>
      <c r="U28" s="117">
        <v>13422892</v>
      </c>
      <c r="V28" s="116">
        <v>66344984</v>
      </c>
      <c r="W28" s="119">
        <v>68998479</v>
      </c>
      <c r="X28" s="113">
        <v>0</v>
      </c>
      <c r="Y28" s="117">
        <v>0</v>
      </c>
      <c r="Z28" s="116">
        <v>0</v>
      </c>
      <c r="AA28" s="113">
        <v>0</v>
      </c>
      <c r="AB28" s="117">
        <v>4513508</v>
      </c>
      <c r="AC28" s="117">
        <v>7270425</v>
      </c>
      <c r="AD28" s="117">
        <v>6043025</v>
      </c>
      <c r="AE28" s="117">
        <v>8174187</v>
      </c>
      <c r="AF28" s="117">
        <v>7486194</v>
      </c>
      <c r="AG28" s="116">
        <v>33487339</v>
      </c>
      <c r="AH28" s="119">
        <v>33487339</v>
      </c>
      <c r="AI28" s="113">
        <v>0</v>
      </c>
      <c r="AJ28" s="117">
        <v>0</v>
      </c>
      <c r="AK28" s="116">
        <v>0</v>
      </c>
      <c r="AL28" s="113">
        <v>0</v>
      </c>
      <c r="AM28" s="117">
        <v>25673</v>
      </c>
      <c r="AN28" s="117">
        <v>51346</v>
      </c>
      <c r="AO28" s="117">
        <v>539142</v>
      </c>
      <c r="AP28" s="117">
        <v>905840</v>
      </c>
      <c r="AQ28" s="117">
        <v>873131</v>
      </c>
      <c r="AR28" s="116">
        <v>2395132</v>
      </c>
      <c r="AS28" s="119">
        <v>2395132</v>
      </c>
      <c r="AT28" s="113">
        <v>626383</v>
      </c>
      <c r="AU28" s="117">
        <v>1359453</v>
      </c>
      <c r="AV28" s="116">
        <v>1985836</v>
      </c>
      <c r="AW28" s="113">
        <v>0</v>
      </c>
      <c r="AX28" s="117">
        <v>3875799</v>
      </c>
      <c r="AY28" s="117">
        <v>5259687</v>
      </c>
      <c r="AZ28" s="117">
        <v>3326099</v>
      </c>
      <c r="BA28" s="117">
        <v>3162731</v>
      </c>
      <c r="BB28" s="117">
        <v>3324065</v>
      </c>
      <c r="BC28" s="116">
        <v>18948381</v>
      </c>
      <c r="BD28" s="119">
        <v>20934217</v>
      </c>
      <c r="BE28" s="113">
        <v>12011</v>
      </c>
      <c r="BF28" s="117">
        <v>354424</v>
      </c>
      <c r="BG28" s="115">
        <v>366435</v>
      </c>
      <c r="BH28" s="114">
        <v>0</v>
      </c>
      <c r="BI28" s="117">
        <v>349323</v>
      </c>
      <c r="BJ28" s="117">
        <v>621305</v>
      </c>
      <c r="BK28" s="117">
        <v>464705</v>
      </c>
      <c r="BL28" s="117">
        <v>40935</v>
      </c>
      <c r="BM28" s="117">
        <v>225818</v>
      </c>
      <c r="BN28" s="116">
        <v>1702086</v>
      </c>
      <c r="BO28" s="119">
        <v>2068521</v>
      </c>
      <c r="BP28" s="113">
        <v>186161</v>
      </c>
      <c r="BQ28" s="117">
        <v>115063</v>
      </c>
      <c r="BR28" s="116">
        <v>301224</v>
      </c>
      <c r="BS28" s="113">
        <v>0</v>
      </c>
      <c r="BT28" s="117">
        <v>2153435</v>
      </c>
      <c r="BU28" s="117">
        <v>2279941</v>
      </c>
      <c r="BV28" s="117">
        <v>1918561</v>
      </c>
      <c r="BW28" s="117">
        <v>1946425</v>
      </c>
      <c r="BX28" s="117">
        <v>1513684</v>
      </c>
      <c r="BY28" s="116">
        <v>9812046</v>
      </c>
      <c r="BZ28" s="119">
        <v>10113270</v>
      </c>
      <c r="CA28" s="113">
        <v>95767</v>
      </c>
      <c r="CB28" s="117">
        <v>635184</v>
      </c>
      <c r="CC28" s="116">
        <v>730951</v>
      </c>
      <c r="CD28" s="113">
        <v>0</v>
      </c>
      <c r="CE28" s="117">
        <v>19937755</v>
      </c>
      <c r="CF28" s="117">
        <v>22458840</v>
      </c>
      <c r="CG28" s="117">
        <v>12396102</v>
      </c>
      <c r="CH28" s="117">
        <v>11504538</v>
      </c>
      <c r="CI28" s="117">
        <v>5926143</v>
      </c>
      <c r="CJ28" s="116">
        <v>72223378</v>
      </c>
      <c r="CK28" s="119">
        <v>72954329</v>
      </c>
      <c r="CL28" s="113">
        <v>0</v>
      </c>
      <c r="CM28" s="117">
        <v>0</v>
      </c>
      <c r="CN28" s="116">
        <v>0</v>
      </c>
      <c r="CO28" s="114">
        <v>0</v>
      </c>
      <c r="CP28" s="117">
        <v>17291789</v>
      </c>
      <c r="CQ28" s="117">
        <v>17698797</v>
      </c>
      <c r="CR28" s="117">
        <v>9833033</v>
      </c>
      <c r="CS28" s="117">
        <v>8922795</v>
      </c>
      <c r="CT28" s="117">
        <v>5129165</v>
      </c>
      <c r="CU28" s="116">
        <v>58875579</v>
      </c>
      <c r="CV28" s="119">
        <v>58875579</v>
      </c>
      <c r="CW28" s="113">
        <v>95767</v>
      </c>
      <c r="CX28" s="117">
        <v>635184</v>
      </c>
      <c r="CY28" s="116">
        <v>730951</v>
      </c>
      <c r="CZ28" s="113">
        <v>0</v>
      </c>
      <c r="DA28" s="117">
        <v>2645966</v>
      </c>
      <c r="DB28" s="117">
        <v>4760043</v>
      </c>
      <c r="DC28" s="117">
        <v>2563069</v>
      </c>
      <c r="DD28" s="117">
        <v>2581743</v>
      </c>
      <c r="DE28" s="117">
        <v>796978</v>
      </c>
      <c r="DF28" s="116">
        <v>13347799</v>
      </c>
      <c r="DG28" s="119">
        <v>14078750</v>
      </c>
      <c r="DH28" s="113">
        <v>27782</v>
      </c>
      <c r="DI28" s="117">
        <v>173028</v>
      </c>
      <c r="DJ28" s="115">
        <v>200810</v>
      </c>
      <c r="DK28" s="114">
        <v>0</v>
      </c>
      <c r="DL28" s="117">
        <v>1541753</v>
      </c>
      <c r="DM28" s="117">
        <v>2889444</v>
      </c>
      <c r="DN28" s="117">
        <v>3993408</v>
      </c>
      <c r="DO28" s="117">
        <v>4698842</v>
      </c>
      <c r="DP28" s="117">
        <v>1966950</v>
      </c>
      <c r="DQ28" s="116">
        <v>15090397</v>
      </c>
      <c r="DR28" s="119">
        <v>15291207</v>
      </c>
      <c r="DS28" s="113">
        <v>27782</v>
      </c>
      <c r="DT28" s="117">
        <v>173028</v>
      </c>
      <c r="DU28" s="116">
        <v>200810</v>
      </c>
      <c r="DV28" s="113">
        <v>0</v>
      </c>
      <c r="DW28" s="117">
        <v>1512502</v>
      </c>
      <c r="DX28" s="117">
        <v>2812005</v>
      </c>
      <c r="DY28" s="117">
        <v>3993408</v>
      </c>
      <c r="DZ28" s="117">
        <v>4325607</v>
      </c>
      <c r="EA28" s="117">
        <v>1329840</v>
      </c>
      <c r="EB28" s="116">
        <v>13973362</v>
      </c>
      <c r="EC28" s="119">
        <v>14174172</v>
      </c>
      <c r="ED28" s="113">
        <v>0</v>
      </c>
      <c r="EE28" s="115">
        <v>0</v>
      </c>
      <c r="EF28" s="116">
        <v>0</v>
      </c>
      <c r="EG28" s="113">
        <v>0</v>
      </c>
      <c r="EH28" s="117">
        <v>29251</v>
      </c>
      <c r="EI28" s="117">
        <v>77439</v>
      </c>
      <c r="EJ28" s="117">
        <v>0</v>
      </c>
      <c r="EK28" s="117">
        <v>373235</v>
      </c>
      <c r="EL28" s="117">
        <v>637110</v>
      </c>
      <c r="EM28" s="115">
        <v>1117035</v>
      </c>
      <c r="EN28" s="119">
        <v>1117035</v>
      </c>
      <c r="EO28" s="113">
        <v>0</v>
      </c>
      <c r="EP28" s="117">
        <v>0</v>
      </c>
      <c r="EQ28" s="115">
        <v>0</v>
      </c>
      <c r="ER28" s="114">
        <v>0</v>
      </c>
      <c r="ES28" s="117">
        <v>0</v>
      </c>
      <c r="ET28" s="117">
        <v>0</v>
      </c>
      <c r="EU28" s="117">
        <v>0</v>
      </c>
      <c r="EV28" s="117">
        <v>0</v>
      </c>
      <c r="EW28" s="117">
        <v>0</v>
      </c>
      <c r="EX28" s="116">
        <v>0</v>
      </c>
      <c r="EY28" s="119">
        <v>0</v>
      </c>
      <c r="EZ28" s="113">
        <v>0</v>
      </c>
      <c r="FA28" s="117">
        <v>0</v>
      </c>
      <c r="FB28" s="115">
        <v>0</v>
      </c>
      <c r="FC28" s="387"/>
      <c r="FD28" s="117">
        <v>0</v>
      </c>
      <c r="FE28" s="117">
        <v>0</v>
      </c>
      <c r="FF28" s="117">
        <v>0</v>
      </c>
      <c r="FG28" s="117">
        <v>0</v>
      </c>
      <c r="FH28" s="117">
        <v>0</v>
      </c>
      <c r="FI28" s="116">
        <v>0</v>
      </c>
      <c r="FJ28" s="119">
        <v>0</v>
      </c>
      <c r="FK28" s="113">
        <v>1345835</v>
      </c>
      <c r="FL28" s="117">
        <v>1760880</v>
      </c>
      <c r="FM28" s="116">
        <v>3106715</v>
      </c>
      <c r="FN28" s="113">
        <v>0</v>
      </c>
      <c r="FO28" s="117">
        <v>3559319</v>
      </c>
      <c r="FP28" s="117">
        <v>5489187</v>
      </c>
      <c r="FQ28" s="117">
        <v>3510723</v>
      </c>
      <c r="FR28" s="117">
        <v>2966526</v>
      </c>
      <c r="FS28" s="117">
        <v>2592495</v>
      </c>
      <c r="FT28" s="116">
        <v>18118250</v>
      </c>
      <c r="FU28" s="119">
        <v>21224965</v>
      </c>
      <c r="FV28" s="118">
        <v>551928</v>
      </c>
      <c r="FW28" s="117">
        <v>1251964</v>
      </c>
      <c r="FX28" s="115">
        <v>1803892</v>
      </c>
      <c r="FY28" s="114">
        <v>0</v>
      </c>
      <c r="FZ28" s="117">
        <v>2464759</v>
      </c>
      <c r="GA28" s="117">
        <v>4804121</v>
      </c>
      <c r="GB28" s="117">
        <v>3075194</v>
      </c>
      <c r="GC28" s="117">
        <v>2811222</v>
      </c>
      <c r="GD28" s="117">
        <v>2145128</v>
      </c>
      <c r="GE28" s="116">
        <v>15300424</v>
      </c>
      <c r="GF28" s="351">
        <v>17104316</v>
      </c>
      <c r="GG28" s="118">
        <v>33930</v>
      </c>
      <c r="GH28" s="117">
        <v>22176</v>
      </c>
      <c r="GI28" s="115">
        <v>56106</v>
      </c>
      <c r="GJ28" s="114">
        <v>0</v>
      </c>
      <c r="GK28" s="117">
        <v>132560</v>
      </c>
      <c r="GL28" s="117">
        <v>87241</v>
      </c>
      <c r="GM28" s="117">
        <v>177769</v>
      </c>
      <c r="GN28" s="117">
        <v>129204</v>
      </c>
      <c r="GO28" s="117">
        <v>87367</v>
      </c>
      <c r="GP28" s="116">
        <v>614141</v>
      </c>
      <c r="GQ28" s="119">
        <v>670247</v>
      </c>
      <c r="GR28" s="113">
        <v>759977</v>
      </c>
      <c r="GS28" s="117">
        <v>486740</v>
      </c>
      <c r="GT28" s="116">
        <v>1246717</v>
      </c>
      <c r="GU28" s="113">
        <v>0</v>
      </c>
      <c r="GV28" s="117">
        <v>962000</v>
      </c>
      <c r="GW28" s="117">
        <v>597825</v>
      </c>
      <c r="GX28" s="117">
        <v>257760</v>
      </c>
      <c r="GY28" s="117">
        <v>26100</v>
      </c>
      <c r="GZ28" s="117">
        <v>360000</v>
      </c>
      <c r="HA28" s="115">
        <v>2203685</v>
      </c>
      <c r="HB28" s="119">
        <v>3450402</v>
      </c>
      <c r="HC28" s="113">
        <v>420366</v>
      </c>
      <c r="HD28" s="117">
        <v>370307</v>
      </c>
      <c r="HE28" s="115">
        <v>790673</v>
      </c>
      <c r="HF28" s="114">
        <v>0</v>
      </c>
      <c r="HG28" s="117">
        <v>7581572</v>
      </c>
      <c r="HH28" s="117">
        <v>7894518</v>
      </c>
      <c r="HI28" s="117">
        <v>5947002</v>
      </c>
      <c r="HJ28" s="117">
        <v>10026274</v>
      </c>
      <c r="HK28" s="117">
        <v>6440828</v>
      </c>
      <c r="HL28" s="116">
        <v>37890194</v>
      </c>
      <c r="HM28" s="112">
        <v>38680867</v>
      </c>
      <c r="HN28" s="118">
        <v>592686</v>
      </c>
      <c r="HO28" s="117">
        <v>1076623</v>
      </c>
      <c r="HP28" s="116">
        <v>1669309</v>
      </c>
      <c r="HQ28" s="113">
        <v>0</v>
      </c>
      <c r="HR28" s="117">
        <v>8456895</v>
      </c>
      <c r="HS28" s="117">
        <v>7150105</v>
      </c>
      <c r="HT28" s="117">
        <v>4347031</v>
      </c>
      <c r="HU28" s="117">
        <v>3502217</v>
      </c>
      <c r="HV28" s="117">
        <v>1923753</v>
      </c>
      <c r="HW28" s="115">
        <v>25380001</v>
      </c>
      <c r="HX28" s="119">
        <v>27049310</v>
      </c>
      <c r="HY28" s="168">
        <v>0</v>
      </c>
      <c r="HZ28" s="153">
        <v>250031</v>
      </c>
      <c r="IA28" s="168">
        <v>250031</v>
      </c>
      <c r="IB28" s="152">
        <v>0</v>
      </c>
      <c r="IC28" s="153">
        <v>9860102</v>
      </c>
      <c r="ID28" s="154">
        <v>7508310</v>
      </c>
      <c r="IE28" s="155">
        <v>8004396</v>
      </c>
      <c r="IF28" s="153">
        <v>5774500</v>
      </c>
      <c r="IG28" s="155">
        <v>3912658</v>
      </c>
      <c r="IH28" s="156">
        <v>35059966</v>
      </c>
      <c r="II28" s="168">
        <v>35309997</v>
      </c>
      <c r="IJ28" s="262">
        <v>0</v>
      </c>
      <c r="IK28" s="269">
        <v>0</v>
      </c>
      <c r="IL28" s="270">
        <v>0</v>
      </c>
      <c r="IM28" s="158"/>
      <c r="IN28" s="123">
        <v>96658</v>
      </c>
      <c r="IO28" s="123">
        <v>112873</v>
      </c>
      <c r="IP28" s="123">
        <v>0</v>
      </c>
      <c r="IQ28" s="123">
        <v>0</v>
      </c>
      <c r="IR28" s="123">
        <v>264545</v>
      </c>
      <c r="IS28" s="159">
        <v>474076</v>
      </c>
      <c r="IT28" s="354">
        <v>474076</v>
      </c>
      <c r="IU28" s="160">
        <v>0</v>
      </c>
      <c r="IV28" s="123">
        <v>0</v>
      </c>
      <c r="IW28" s="124">
        <v>0</v>
      </c>
      <c r="IX28" s="162">
        <v>0</v>
      </c>
      <c r="IY28" s="123">
        <v>0</v>
      </c>
      <c r="IZ28" s="123">
        <v>0</v>
      </c>
      <c r="JA28" s="123">
        <v>0</v>
      </c>
      <c r="JB28" s="123">
        <v>0</v>
      </c>
      <c r="JC28" s="123">
        <v>0</v>
      </c>
      <c r="JD28" s="124">
        <v>0</v>
      </c>
      <c r="JE28" s="125">
        <v>0</v>
      </c>
      <c r="JF28" s="160">
        <v>0</v>
      </c>
      <c r="JG28" s="123">
        <v>0</v>
      </c>
      <c r="JH28" s="159">
        <v>0</v>
      </c>
      <c r="JI28" s="122">
        <v>0</v>
      </c>
      <c r="JJ28" s="123">
        <v>2225036</v>
      </c>
      <c r="JK28" s="123">
        <v>2404879</v>
      </c>
      <c r="JL28" s="123">
        <v>1489719</v>
      </c>
      <c r="JM28" s="123">
        <v>2095575</v>
      </c>
      <c r="JN28" s="123">
        <v>973970</v>
      </c>
      <c r="JO28" s="124">
        <v>9189179</v>
      </c>
      <c r="JP28" s="354">
        <v>9189179</v>
      </c>
      <c r="JQ28" s="160">
        <v>0</v>
      </c>
      <c r="JR28" s="123">
        <v>0</v>
      </c>
      <c r="JS28" s="159">
        <v>0</v>
      </c>
      <c r="JT28" s="122">
        <v>0</v>
      </c>
      <c r="JU28" s="123">
        <v>0</v>
      </c>
      <c r="JV28" s="123">
        <v>0</v>
      </c>
      <c r="JW28" s="123">
        <v>134526</v>
      </c>
      <c r="JX28" s="123">
        <v>253031</v>
      </c>
      <c r="JY28" s="123">
        <v>0</v>
      </c>
      <c r="JZ28" s="124">
        <v>387557</v>
      </c>
      <c r="KA28" s="354">
        <v>387557</v>
      </c>
      <c r="KB28" s="265">
        <v>0</v>
      </c>
      <c r="KC28" s="259">
        <v>0</v>
      </c>
      <c r="KD28" s="124">
        <v>0</v>
      </c>
      <c r="KE28" s="122">
        <v>0</v>
      </c>
      <c r="KF28" s="123">
        <v>511740</v>
      </c>
      <c r="KG28" s="123">
        <v>193431</v>
      </c>
      <c r="KH28" s="123">
        <v>1005252</v>
      </c>
      <c r="KI28" s="123">
        <v>0</v>
      </c>
      <c r="KJ28" s="123">
        <v>0</v>
      </c>
      <c r="KK28" s="124">
        <v>1710423</v>
      </c>
      <c r="KL28" s="161">
        <v>1710423</v>
      </c>
      <c r="KM28" s="262">
        <v>0</v>
      </c>
      <c r="KN28" s="269">
        <v>250031</v>
      </c>
      <c r="KO28" s="270">
        <v>250031</v>
      </c>
      <c r="KP28" s="158"/>
      <c r="KQ28" s="123">
        <v>7026668</v>
      </c>
      <c r="KR28" s="123">
        <v>4797127</v>
      </c>
      <c r="KS28" s="123">
        <v>5374899</v>
      </c>
      <c r="KT28" s="123">
        <v>3121409</v>
      </c>
      <c r="KU28" s="123">
        <v>2674143</v>
      </c>
      <c r="KV28" s="124">
        <v>22994246</v>
      </c>
      <c r="KW28" s="354">
        <v>23244277</v>
      </c>
      <c r="KX28" s="160">
        <v>0</v>
      </c>
      <c r="KY28" s="123">
        <v>0</v>
      </c>
      <c r="KZ28" s="124">
        <v>0</v>
      </c>
      <c r="LA28" s="163"/>
      <c r="LB28" s="123">
        <v>0</v>
      </c>
      <c r="LC28" s="123">
        <v>0</v>
      </c>
      <c r="LD28" s="123">
        <v>0</v>
      </c>
      <c r="LE28" s="123">
        <v>0</v>
      </c>
      <c r="LF28" s="123">
        <v>0</v>
      </c>
      <c r="LG28" s="124">
        <v>0</v>
      </c>
      <c r="LH28" s="125">
        <v>0</v>
      </c>
      <c r="LI28" s="160">
        <v>0</v>
      </c>
      <c r="LJ28" s="123">
        <v>0</v>
      </c>
      <c r="LK28" s="124">
        <v>0</v>
      </c>
      <c r="LL28" s="163"/>
      <c r="LM28" s="123">
        <v>0</v>
      </c>
      <c r="LN28" s="123">
        <v>0</v>
      </c>
      <c r="LO28" s="123">
        <v>0</v>
      </c>
      <c r="LP28" s="123">
        <v>0</v>
      </c>
      <c r="LQ28" s="123">
        <v>0</v>
      </c>
      <c r="LR28" s="124">
        <v>0</v>
      </c>
      <c r="LS28" s="354">
        <v>0</v>
      </c>
      <c r="LT28" s="160">
        <v>0</v>
      </c>
      <c r="LU28" s="123">
        <v>0</v>
      </c>
      <c r="LV28" s="124">
        <v>0</v>
      </c>
      <c r="LW28" s="163"/>
      <c r="LX28" s="123">
        <v>0</v>
      </c>
      <c r="LY28" s="123">
        <v>0</v>
      </c>
      <c r="LZ28" s="123">
        <v>0</v>
      </c>
      <c r="MA28" s="123">
        <v>304485</v>
      </c>
      <c r="MB28" s="123">
        <v>0</v>
      </c>
      <c r="MC28" s="124">
        <v>304485</v>
      </c>
      <c r="MD28" s="125">
        <v>304485</v>
      </c>
      <c r="ME28" s="160">
        <v>0</v>
      </c>
      <c r="MF28" s="123">
        <v>0</v>
      </c>
      <c r="MG28" s="124">
        <v>0</v>
      </c>
      <c r="MH28" s="163"/>
      <c r="MI28" s="123">
        <v>4306214</v>
      </c>
      <c r="MJ28" s="123">
        <v>14198358</v>
      </c>
      <c r="MK28" s="123">
        <v>32637220</v>
      </c>
      <c r="ML28" s="123">
        <v>54874403</v>
      </c>
      <c r="MM28" s="123">
        <v>41143105</v>
      </c>
      <c r="MN28" s="124">
        <v>147159300</v>
      </c>
      <c r="MO28" s="161">
        <v>147159300</v>
      </c>
      <c r="MP28" s="160">
        <v>0</v>
      </c>
      <c r="MQ28" s="123">
        <v>0</v>
      </c>
      <c r="MR28" s="124">
        <v>0</v>
      </c>
      <c r="MS28" s="163">
        <v>0</v>
      </c>
      <c r="MT28" s="123">
        <v>896595</v>
      </c>
      <c r="MU28" s="123">
        <v>3682836</v>
      </c>
      <c r="MV28" s="123">
        <v>18913140</v>
      </c>
      <c r="MW28" s="123">
        <v>37288320</v>
      </c>
      <c r="MX28" s="123">
        <v>31777985</v>
      </c>
      <c r="MY28" s="124">
        <v>92558876</v>
      </c>
      <c r="MZ28" s="161">
        <v>92558876</v>
      </c>
      <c r="NA28" s="160">
        <v>0</v>
      </c>
      <c r="NB28" s="123">
        <v>0</v>
      </c>
      <c r="NC28" s="124">
        <v>0</v>
      </c>
      <c r="ND28" s="163"/>
      <c r="NE28" s="123">
        <v>3409619</v>
      </c>
      <c r="NF28" s="123">
        <v>10515522</v>
      </c>
      <c r="NG28" s="123">
        <v>13724080</v>
      </c>
      <c r="NH28" s="123">
        <v>16463881</v>
      </c>
      <c r="NI28" s="123">
        <v>7000996</v>
      </c>
      <c r="NJ28" s="124">
        <v>51114098</v>
      </c>
      <c r="NK28" s="354">
        <v>51114098</v>
      </c>
      <c r="NL28" s="160">
        <v>0</v>
      </c>
      <c r="NM28" s="123">
        <v>0</v>
      </c>
      <c r="NN28" s="124">
        <v>0</v>
      </c>
      <c r="NO28" s="163"/>
      <c r="NP28" s="123">
        <v>0</v>
      </c>
      <c r="NQ28" s="123">
        <v>0</v>
      </c>
      <c r="NR28" s="123">
        <v>0</v>
      </c>
      <c r="NS28" s="123">
        <v>721927</v>
      </c>
      <c r="NT28" s="123">
        <v>1094266</v>
      </c>
      <c r="NU28" s="124">
        <v>1816193</v>
      </c>
      <c r="NV28" s="125">
        <v>1816193</v>
      </c>
      <c r="NW28" s="160">
        <v>0</v>
      </c>
      <c r="NX28" s="123">
        <v>0</v>
      </c>
      <c r="NY28" s="124">
        <v>0</v>
      </c>
      <c r="NZ28" s="163"/>
      <c r="OA28" s="123">
        <v>0</v>
      </c>
      <c r="OB28" s="123">
        <v>0</v>
      </c>
      <c r="OC28" s="123">
        <v>0</v>
      </c>
      <c r="OD28" s="123">
        <v>400275</v>
      </c>
      <c r="OE28" s="123">
        <v>1269858</v>
      </c>
      <c r="OF28" s="124">
        <v>1670133</v>
      </c>
      <c r="OG28" s="125">
        <v>1670133</v>
      </c>
      <c r="OH28" s="160">
        <v>3306991</v>
      </c>
      <c r="OI28" s="123">
        <v>6094993</v>
      </c>
      <c r="OJ28" s="159">
        <v>9401984</v>
      </c>
      <c r="OK28" s="122">
        <v>0</v>
      </c>
      <c r="OL28" s="123">
        <v>66161348</v>
      </c>
      <c r="OM28" s="123">
        <v>83071466</v>
      </c>
      <c r="ON28" s="123">
        <v>83127414</v>
      </c>
      <c r="OO28" s="123">
        <v>107577418</v>
      </c>
      <c r="OP28" s="123">
        <v>77328824</v>
      </c>
      <c r="OQ28" s="124">
        <v>417266470</v>
      </c>
      <c r="OR28" s="161">
        <v>426668454</v>
      </c>
    </row>
    <row r="29" spans="1:408" ht="18.75" customHeight="1" x14ac:dyDescent="0.2">
      <c r="A29" s="63" t="s">
        <v>24</v>
      </c>
      <c r="B29" s="113">
        <v>2453983</v>
      </c>
      <c r="C29" s="117">
        <v>3094855</v>
      </c>
      <c r="D29" s="116">
        <v>5548838</v>
      </c>
      <c r="E29" s="112">
        <v>0</v>
      </c>
      <c r="F29" s="117">
        <v>26084549</v>
      </c>
      <c r="G29" s="117">
        <v>26394839</v>
      </c>
      <c r="H29" s="117">
        <v>21344617</v>
      </c>
      <c r="I29" s="117">
        <v>19730113</v>
      </c>
      <c r="J29" s="117">
        <v>20248119</v>
      </c>
      <c r="K29" s="201">
        <v>113802237</v>
      </c>
      <c r="L29" s="119">
        <v>119351075</v>
      </c>
      <c r="M29" s="113">
        <v>609979</v>
      </c>
      <c r="N29" s="117">
        <v>789935</v>
      </c>
      <c r="O29" s="116">
        <v>1399914</v>
      </c>
      <c r="P29" s="113">
        <v>0</v>
      </c>
      <c r="Q29" s="117">
        <v>6880553</v>
      </c>
      <c r="R29" s="117">
        <v>6096815</v>
      </c>
      <c r="S29" s="117">
        <v>5584646</v>
      </c>
      <c r="T29" s="117">
        <v>6443315</v>
      </c>
      <c r="U29" s="117">
        <v>9824017</v>
      </c>
      <c r="V29" s="116">
        <v>34829346</v>
      </c>
      <c r="W29" s="119">
        <v>36229260</v>
      </c>
      <c r="X29" s="113">
        <v>0</v>
      </c>
      <c r="Y29" s="117">
        <v>0</v>
      </c>
      <c r="Z29" s="116">
        <v>0</v>
      </c>
      <c r="AA29" s="113">
        <v>0</v>
      </c>
      <c r="AB29" s="117">
        <v>2516375</v>
      </c>
      <c r="AC29" s="117">
        <v>2334510</v>
      </c>
      <c r="AD29" s="117">
        <v>2857255</v>
      </c>
      <c r="AE29" s="117">
        <v>2931996</v>
      </c>
      <c r="AF29" s="117">
        <v>6081087</v>
      </c>
      <c r="AG29" s="116">
        <v>16721223</v>
      </c>
      <c r="AH29" s="119">
        <v>16721223</v>
      </c>
      <c r="AI29" s="113">
        <v>0</v>
      </c>
      <c r="AJ29" s="117">
        <v>0</v>
      </c>
      <c r="AK29" s="116">
        <v>0</v>
      </c>
      <c r="AL29" s="113">
        <v>0</v>
      </c>
      <c r="AM29" s="117">
        <v>54086</v>
      </c>
      <c r="AN29" s="117">
        <v>175820</v>
      </c>
      <c r="AO29" s="117">
        <v>201691</v>
      </c>
      <c r="AP29" s="117">
        <v>632647</v>
      </c>
      <c r="AQ29" s="117">
        <v>1107298</v>
      </c>
      <c r="AR29" s="116">
        <v>2171542</v>
      </c>
      <c r="AS29" s="119">
        <v>2171542</v>
      </c>
      <c r="AT29" s="113">
        <v>305476</v>
      </c>
      <c r="AU29" s="117">
        <v>542535</v>
      </c>
      <c r="AV29" s="116">
        <v>848011</v>
      </c>
      <c r="AW29" s="113">
        <v>0</v>
      </c>
      <c r="AX29" s="117">
        <v>3160875</v>
      </c>
      <c r="AY29" s="117">
        <v>2405302</v>
      </c>
      <c r="AZ29" s="117">
        <v>1558401</v>
      </c>
      <c r="BA29" s="117">
        <v>1742061</v>
      </c>
      <c r="BB29" s="117">
        <v>1481934</v>
      </c>
      <c r="BC29" s="116">
        <v>10348573</v>
      </c>
      <c r="BD29" s="119">
        <v>11196584</v>
      </c>
      <c r="BE29" s="113">
        <v>62160</v>
      </c>
      <c r="BF29" s="117">
        <v>91986</v>
      </c>
      <c r="BG29" s="115">
        <v>154146</v>
      </c>
      <c r="BH29" s="114">
        <v>0</v>
      </c>
      <c r="BI29" s="117">
        <v>155967</v>
      </c>
      <c r="BJ29" s="117">
        <v>120177</v>
      </c>
      <c r="BK29" s="117">
        <v>32423</v>
      </c>
      <c r="BL29" s="117">
        <v>155425</v>
      </c>
      <c r="BM29" s="117">
        <v>253714</v>
      </c>
      <c r="BN29" s="116">
        <v>717706</v>
      </c>
      <c r="BO29" s="119">
        <v>871852</v>
      </c>
      <c r="BP29" s="113">
        <v>242343</v>
      </c>
      <c r="BQ29" s="117">
        <v>155414</v>
      </c>
      <c r="BR29" s="116">
        <v>397757</v>
      </c>
      <c r="BS29" s="113">
        <v>0</v>
      </c>
      <c r="BT29" s="117">
        <v>993250</v>
      </c>
      <c r="BU29" s="117">
        <v>1061006</v>
      </c>
      <c r="BV29" s="117">
        <v>934876</v>
      </c>
      <c r="BW29" s="117">
        <v>981186</v>
      </c>
      <c r="BX29" s="117">
        <v>899984</v>
      </c>
      <c r="BY29" s="116">
        <v>4870302</v>
      </c>
      <c r="BZ29" s="119">
        <v>5268059</v>
      </c>
      <c r="CA29" s="113">
        <v>313577</v>
      </c>
      <c r="CB29" s="117">
        <v>622386</v>
      </c>
      <c r="CC29" s="116">
        <v>935963</v>
      </c>
      <c r="CD29" s="113">
        <v>0</v>
      </c>
      <c r="CE29" s="117">
        <v>7373314</v>
      </c>
      <c r="CF29" s="117">
        <v>6847679</v>
      </c>
      <c r="CG29" s="117">
        <v>5036399</v>
      </c>
      <c r="CH29" s="117">
        <v>2311192</v>
      </c>
      <c r="CI29" s="117">
        <v>1453824</v>
      </c>
      <c r="CJ29" s="116">
        <v>23022408</v>
      </c>
      <c r="CK29" s="119">
        <v>23958371</v>
      </c>
      <c r="CL29" s="113">
        <v>0</v>
      </c>
      <c r="CM29" s="117">
        <v>0</v>
      </c>
      <c r="CN29" s="116">
        <v>0</v>
      </c>
      <c r="CO29" s="114">
        <v>0</v>
      </c>
      <c r="CP29" s="117">
        <v>4741731</v>
      </c>
      <c r="CQ29" s="117">
        <v>4747532</v>
      </c>
      <c r="CR29" s="117">
        <v>3533305</v>
      </c>
      <c r="CS29" s="117">
        <v>1209755</v>
      </c>
      <c r="CT29" s="117">
        <v>496385</v>
      </c>
      <c r="CU29" s="116">
        <v>14728708</v>
      </c>
      <c r="CV29" s="119">
        <v>14728708</v>
      </c>
      <c r="CW29" s="113">
        <v>313577</v>
      </c>
      <c r="CX29" s="117">
        <v>622386</v>
      </c>
      <c r="CY29" s="116">
        <v>935963</v>
      </c>
      <c r="CZ29" s="113">
        <v>0</v>
      </c>
      <c r="DA29" s="117">
        <v>2631583</v>
      </c>
      <c r="DB29" s="117">
        <v>2100147</v>
      </c>
      <c r="DC29" s="117">
        <v>1503094</v>
      </c>
      <c r="DD29" s="117">
        <v>1101437</v>
      </c>
      <c r="DE29" s="117">
        <v>957439</v>
      </c>
      <c r="DF29" s="116">
        <v>8293700</v>
      </c>
      <c r="DG29" s="119">
        <v>9229663</v>
      </c>
      <c r="DH29" s="113">
        <v>50578</v>
      </c>
      <c r="DI29" s="117">
        <v>21531</v>
      </c>
      <c r="DJ29" s="115">
        <v>72109</v>
      </c>
      <c r="DK29" s="114">
        <v>0</v>
      </c>
      <c r="DL29" s="117">
        <v>1241283</v>
      </c>
      <c r="DM29" s="117">
        <v>1791134</v>
      </c>
      <c r="DN29" s="117">
        <v>2201643</v>
      </c>
      <c r="DO29" s="117">
        <v>1770377</v>
      </c>
      <c r="DP29" s="117">
        <v>1565413</v>
      </c>
      <c r="DQ29" s="116">
        <v>8569850</v>
      </c>
      <c r="DR29" s="119">
        <v>8641959</v>
      </c>
      <c r="DS29" s="113">
        <v>50578</v>
      </c>
      <c r="DT29" s="117">
        <v>21531</v>
      </c>
      <c r="DU29" s="116">
        <v>72109</v>
      </c>
      <c r="DV29" s="113">
        <v>0</v>
      </c>
      <c r="DW29" s="117">
        <v>1192516</v>
      </c>
      <c r="DX29" s="117">
        <v>1791134</v>
      </c>
      <c r="DY29" s="117">
        <v>2003967</v>
      </c>
      <c r="DZ29" s="117">
        <v>1678877</v>
      </c>
      <c r="EA29" s="117">
        <v>1411579</v>
      </c>
      <c r="EB29" s="116">
        <v>8078073</v>
      </c>
      <c r="EC29" s="119">
        <v>8150182</v>
      </c>
      <c r="ED29" s="113">
        <v>0</v>
      </c>
      <c r="EE29" s="115">
        <v>0</v>
      </c>
      <c r="EF29" s="116">
        <v>0</v>
      </c>
      <c r="EG29" s="113">
        <v>0</v>
      </c>
      <c r="EH29" s="117">
        <v>48767</v>
      </c>
      <c r="EI29" s="117">
        <v>0</v>
      </c>
      <c r="EJ29" s="117">
        <v>197676</v>
      </c>
      <c r="EK29" s="117">
        <v>91500</v>
      </c>
      <c r="EL29" s="117">
        <v>153834</v>
      </c>
      <c r="EM29" s="115">
        <v>491777</v>
      </c>
      <c r="EN29" s="119">
        <v>491777</v>
      </c>
      <c r="EO29" s="113">
        <v>0</v>
      </c>
      <c r="EP29" s="117">
        <v>0</v>
      </c>
      <c r="EQ29" s="115">
        <v>0</v>
      </c>
      <c r="ER29" s="114">
        <v>0</v>
      </c>
      <c r="ES29" s="117">
        <v>0</v>
      </c>
      <c r="ET29" s="117">
        <v>0</v>
      </c>
      <c r="EU29" s="117">
        <v>0</v>
      </c>
      <c r="EV29" s="117">
        <v>0</v>
      </c>
      <c r="EW29" s="117">
        <v>0</v>
      </c>
      <c r="EX29" s="116">
        <v>0</v>
      </c>
      <c r="EY29" s="119">
        <v>0</v>
      </c>
      <c r="EZ29" s="113">
        <v>0</v>
      </c>
      <c r="FA29" s="117">
        <v>0</v>
      </c>
      <c r="FB29" s="115">
        <v>0</v>
      </c>
      <c r="FC29" s="387"/>
      <c r="FD29" s="117">
        <v>0</v>
      </c>
      <c r="FE29" s="117">
        <v>0</v>
      </c>
      <c r="FF29" s="117">
        <v>0</v>
      </c>
      <c r="FG29" s="117">
        <v>0</v>
      </c>
      <c r="FH29" s="117">
        <v>0</v>
      </c>
      <c r="FI29" s="116">
        <v>0</v>
      </c>
      <c r="FJ29" s="119">
        <v>0</v>
      </c>
      <c r="FK29" s="113">
        <v>347163</v>
      </c>
      <c r="FL29" s="117">
        <v>666583</v>
      </c>
      <c r="FM29" s="116">
        <v>1013746</v>
      </c>
      <c r="FN29" s="113">
        <v>0</v>
      </c>
      <c r="FO29" s="117">
        <v>1386077</v>
      </c>
      <c r="FP29" s="117">
        <v>2376795</v>
      </c>
      <c r="FQ29" s="117">
        <v>1545921</v>
      </c>
      <c r="FR29" s="117">
        <v>1330906</v>
      </c>
      <c r="FS29" s="117">
        <v>1492576</v>
      </c>
      <c r="FT29" s="116">
        <v>8132275</v>
      </c>
      <c r="FU29" s="119">
        <v>9146021</v>
      </c>
      <c r="FV29" s="118">
        <v>304791</v>
      </c>
      <c r="FW29" s="117">
        <v>378062</v>
      </c>
      <c r="FX29" s="115">
        <v>682853</v>
      </c>
      <c r="FY29" s="114">
        <v>0</v>
      </c>
      <c r="FZ29" s="117">
        <v>1013194</v>
      </c>
      <c r="GA29" s="117">
        <v>2180797</v>
      </c>
      <c r="GB29" s="117">
        <v>1140930</v>
      </c>
      <c r="GC29" s="117">
        <v>1276941</v>
      </c>
      <c r="GD29" s="117">
        <v>1418920</v>
      </c>
      <c r="GE29" s="116">
        <v>7030782</v>
      </c>
      <c r="GF29" s="351">
        <v>7713635</v>
      </c>
      <c r="GG29" s="118">
        <v>42372</v>
      </c>
      <c r="GH29" s="117">
        <v>47421</v>
      </c>
      <c r="GI29" s="115">
        <v>89793</v>
      </c>
      <c r="GJ29" s="114">
        <v>0</v>
      </c>
      <c r="GK29" s="117">
        <v>77863</v>
      </c>
      <c r="GL29" s="117">
        <v>80168</v>
      </c>
      <c r="GM29" s="117">
        <v>25160</v>
      </c>
      <c r="GN29" s="117">
        <v>13365</v>
      </c>
      <c r="GO29" s="117">
        <v>73656</v>
      </c>
      <c r="GP29" s="116">
        <v>270212</v>
      </c>
      <c r="GQ29" s="119">
        <v>360005</v>
      </c>
      <c r="GR29" s="113">
        <v>0</v>
      </c>
      <c r="GS29" s="117">
        <v>241100</v>
      </c>
      <c r="GT29" s="116">
        <v>241100</v>
      </c>
      <c r="GU29" s="113">
        <v>0</v>
      </c>
      <c r="GV29" s="117">
        <v>295020</v>
      </c>
      <c r="GW29" s="117">
        <v>115830</v>
      </c>
      <c r="GX29" s="117">
        <v>379831</v>
      </c>
      <c r="GY29" s="117">
        <v>40600</v>
      </c>
      <c r="GZ29" s="117">
        <v>0</v>
      </c>
      <c r="HA29" s="115">
        <v>831281</v>
      </c>
      <c r="HB29" s="119">
        <v>1072381</v>
      </c>
      <c r="HC29" s="113">
        <v>703328</v>
      </c>
      <c r="HD29" s="117">
        <v>590567</v>
      </c>
      <c r="HE29" s="115">
        <v>1293895</v>
      </c>
      <c r="HF29" s="114">
        <v>0</v>
      </c>
      <c r="HG29" s="117">
        <v>5084454</v>
      </c>
      <c r="HH29" s="117">
        <v>6721018</v>
      </c>
      <c r="HI29" s="117">
        <v>4941320</v>
      </c>
      <c r="HJ29" s="117">
        <v>6713322</v>
      </c>
      <c r="HK29" s="117">
        <v>4927023</v>
      </c>
      <c r="HL29" s="116">
        <v>28387137</v>
      </c>
      <c r="HM29" s="112">
        <v>29681032</v>
      </c>
      <c r="HN29" s="118">
        <v>429358</v>
      </c>
      <c r="HO29" s="117">
        <v>403853</v>
      </c>
      <c r="HP29" s="116">
        <v>833211</v>
      </c>
      <c r="HQ29" s="113">
        <v>0</v>
      </c>
      <c r="HR29" s="117">
        <v>4118868</v>
      </c>
      <c r="HS29" s="117">
        <v>2561398</v>
      </c>
      <c r="HT29" s="117">
        <v>2034688</v>
      </c>
      <c r="HU29" s="117">
        <v>1161001</v>
      </c>
      <c r="HV29" s="117">
        <v>985266</v>
      </c>
      <c r="HW29" s="115">
        <v>10861221</v>
      </c>
      <c r="HX29" s="119">
        <v>11694432</v>
      </c>
      <c r="HY29" s="149">
        <v>310518</v>
      </c>
      <c r="HZ29" s="150">
        <v>469485</v>
      </c>
      <c r="IA29" s="151">
        <v>780003</v>
      </c>
      <c r="IB29" s="164">
        <v>0</v>
      </c>
      <c r="IC29" s="150">
        <v>6303748</v>
      </c>
      <c r="ID29" s="165">
        <v>4165243</v>
      </c>
      <c r="IE29" s="151">
        <v>7639886</v>
      </c>
      <c r="IF29" s="150">
        <v>3659883</v>
      </c>
      <c r="IG29" s="151">
        <v>2388096</v>
      </c>
      <c r="IH29" s="166">
        <v>24156856</v>
      </c>
      <c r="II29" s="157">
        <v>24936859</v>
      </c>
      <c r="IJ29" s="262">
        <v>0</v>
      </c>
      <c r="IK29" s="269">
        <v>0</v>
      </c>
      <c r="IL29" s="270">
        <v>0</v>
      </c>
      <c r="IM29" s="158"/>
      <c r="IN29" s="123">
        <v>72100</v>
      </c>
      <c r="IO29" s="123">
        <v>109609</v>
      </c>
      <c r="IP29" s="123">
        <v>548498</v>
      </c>
      <c r="IQ29" s="123">
        <v>378288</v>
      </c>
      <c r="IR29" s="123">
        <v>329893</v>
      </c>
      <c r="IS29" s="159">
        <v>1438388</v>
      </c>
      <c r="IT29" s="354">
        <v>1438388</v>
      </c>
      <c r="IU29" s="160">
        <v>0</v>
      </c>
      <c r="IV29" s="123">
        <v>0</v>
      </c>
      <c r="IW29" s="124">
        <v>0</v>
      </c>
      <c r="IX29" s="162">
        <v>0</v>
      </c>
      <c r="IY29" s="123">
        <v>0</v>
      </c>
      <c r="IZ29" s="123">
        <v>0</v>
      </c>
      <c r="JA29" s="123">
        <v>0</v>
      </c>
      <c r="JB29" s="123">
        <v>0</v>
      </c>
      <c r="JC29" s="123">
        <v>0</v>
      </c>
      <c r="JD29" s="124">
        <v>0</v>
      </c>
      <c r="JE29" s="125">
        <v>0</v>
      </c>
      <c r="JF29" s="160">
        <v>0</v>
      </c>
      <c r="JG29" s="123">
        <v>0</v>
      </c>
      <c r="JH29" s="159">
        <v>0</v>
      </c>
      <c r="JI29" s="122">
        <v>0</v>
      </c>
      <c r="JJ29" s="123">
        <v>3092228</v>
      </c>
      <c r="JK29" s="123">
        <v>1124296</v>
      </c>
      <c r="JL29" s="123">
        <v>1687344</v>
      </c>
      <c r="JM29" s="123">
        <v>774600</v>
      </c>
      <c r="JN29" s="123">
        <v>707325</v>
      </c>
      <c r="JO29" s="124">
        <v>7385793</v>
      </c>
      <c r="JP29" s="354">
        <v>7385793</v>
      </c>
      <c r="JQ29" s="160">
        <v>0</v>
      </c>
      <c r="JR29" s="123">
        <v>0</v>
      </c>
      <c r="JS29" s="159">
        <v>0</v>
      </c>
      <c r="JT29" s="122">
        <v>0</v>
      </c>
      <c r="JU29" s="123">
        <v>603017</v>
      </c>
      <c r="JV29" s="123">
        <v>513206</v>
      </c>
      <c r="JW29" s="123">
        <v>440882</v>
      </c>
      <c r="JX29" s="123">
        <v>221044</v>
      </c>
      <c r="JY29" s="123">
        <v>277962</v>
      </c>
      <c r="JZ29" s="124">
        <v>2056111</v>
      </c>
      <c r="KA29" s="354">
        <v>2056111</v>
      </c>
      <c r="KB29" s="265">
        <v>310518</v>
      </c>
      <c r="KC29" s="259">
        <v>469485</v>
      </c>
      <c r="KD29" s="124">
        <v>780003</v>
      </c>
      <c r="KE29" s="122">
        <v>0</v>
      </c>
      <c r="KF29" s="123">
        <v>2038309</v>
      </c>
      <c r="KG29" s="123">
        <v>1635742</v>
      </c>
      <c r="KH29" s="123">
        <v>1536347</v>
      </c>
      <c r="KI29" s="123">
        <v>760744</v>
      </c>
      <c r="KJ29" s="123">
        <v>303109</v>
      </c>
      <c r="KK29" s="124">
        <v>6274251</v>
      </c>
      <c r="KL29" s="161">
        <v>7054254</v>
      </c>
      <c r="KM29" s="262">
        <v>0</v>
      </c>
      <c r="KN29" s="269">
        <v>0</v>
      </c>
      <c r="KO29" s="270">
        <v>0</v>
      </c>
      <c r="KP29" s="158"/>
      <c r="KQ29" s="123">
        <v>498094</v>
      </c>
      <c r="KR29" s="123">
        <v>782390</v>
      </c>
      <c r="KS29" s="123">
        <v>3426815</v>
      </c>
      <c r="KT29" s="123">
        <v>1525207</v>
      </c>
      <c r="KU29" s="123">
        <v>769807</v>
      </c>
      <c r="KV29" s="124">
        <v>7002313</v>
      </c>
      <c r="KW29" s="354">
        <v>7002313</v>
      </c>
      <c r="KX29" s="160">
        <v>0</v>
      </c>
      <c r="KY29" s="123">
        <v>0</v>
      </c>
      <c r="KZ29" s="124">
        <v>0</v>
      </c>
      <c r="LA29" s="163"/>
      <c r="LB29" s="123">
        <v>0</v>
      </c>
      <c r="LC29" s="123">
        <v>0</v>
      </c>
      <c r="LD29" s="123">
        <v>0</v>
      </c>
      <c r="LE29" s="123">
        <v>0</v>
      </c>
      <c r="LF29" s="123">
        <v>0</v>
      </c>
      <c r="LG29" s="124">
        <v>0</v>
      </c>
      <c r="LH29" s="125">
        <v>0</v>
      </c>
      <c r="LI29" s="160">
        <v>0</v>
      </c>
      <c r="LJ29" s="123">
        <v>0</v>
      </c>
      <c r="LK29" s="124">
        <v>0</v>
      </c>
      <c r="LL29" s="163"/>
      <c r="LM29" s="123">
        <v>0</v>
      </c>
      <c r="LN29" s="123">
        <v>0</v>
      </c>
      <c r="LO29" s="123">
        <v>0</v>
      </c>
      <c r="LP29" s="123">
        <v>0</v>
      </c>
      <c r="LQ29" s="123">
        <v>0</v>
      </c>
      <c r="LR29" s="124">
        <v>0</v>
      </c>
      <c r="LS29" s="354">
        <v>0</v>
      </c>
      <c r="LT29" s="160">
        <v>0</v>
      </c>
      <c r="LU29" s="123">
        <v>0</v>
      </c>
      <c r="LV29" s="124">
        <v>0</v>
      </c>
      <c r="LW29" s="163"/>
      <c r="LX29" s="123">
        <v>0</v>
      </c>
      <c r="LY29" s="123">
        <v>0</v>
      </c>
      <c r="LZ29" s="123">
        <v>0</v>
      </c>
      <c r="MA29" s="123">
        <v>0</v>
      </c>
      <c r="MB29" s="123">
        <v>0</v>
      </c>
      <c r="MC29" s="124">
        <v>0</v>
      </c>
      <c r="MD29" s="125">
        <v>0</v>
      </c>
      <c r="ME29" s="160">
        <v>0</v>
      </c>
      <c r="MF29" s="123">
        <v>0</v>
      </c>
      <c r="MG29" s="124">
        <v>0</v>
      </c>
      <c r="MH29" s="163"/>
      <c r="MI29" s="123">
        <v>3211999</v>
      </c>
      <c r="MJ29" s="123">
        <v>6896511</v>
      </c>
      <c r="MK29" s="123">
        <v>14264253</v>
      </c>
      <c r="ML29" s="123">
        <v>26878689</v>
      </c>
      <c r="MM29" s="123">
        <v>21467544</v>
      </c>
      <c r="MN29" s="124">
        <v>72718996</v>
      </c>
      <c r="MO29" s="161">
        <v>72718996</v>
      </c>
      <c r="MP29" s="160">
        <v>0</v>
      </c>
      <c r="MQ29" s="123">
        <v>0</v>
      </c>
      <c r="MR29" s="124">
        <v>0</v>
      </c>
      <c r="MS29" s="163">
        <v>0</v>
      </c>
      <c r="MT29" s="123">
        <v>0</v>
      </c>
      <c r="MU29" s="123">
        <v>0</v>
      </c>
      <c r="MV29" s="123">
        <v>8684065</v>
      </c>
      <c r="MW29" s="123">
        <v>19672215</v>
      </c>
      <c r="MX29" s="123">
        <v>17307494</v>
      </c>
      <c r="MY29" s="124">
        <v>45663774</v>
      </c>
      <c r="MZ29" s="161">
        <v>45663774</v>
      </c>
      <c r="NA29" s="160">
        <v>0</v>
      </c>
      <c r="NB29" s="123">
        <v>0</v>
      </c>
      <c r="NC29" s="124">
        <v>0</v>
      </c>
      <c r="ND29" s="163"/>
      <c r="NE29" s="123">
        <v>3211999</v>
      </c>
      <c r="NF29" s="123">
        <v>6896511</v>
      </c>
      <c r="NG29" s="123">
        <v>5580188</v>
      </c>
      <c r="NH29" s="123">
        <v>7206474</v>
      </c>
      <c r="NI29" s="123">
        <v>3837427</v>
      </c>
      <c r="NJ29" s="124">
        <v>26732599</v>
      </c>
      <c r="NK29" s="354">
        <v>26732599</v>
      </c>
      <c r="NL29" s="160">
        <v>0</v>
      </c>
      <c r="NM29" s="123">
        <v>0</v>
      </c>
      <c r="NN29" s="124">
        <v>0</v>
      </c>
      <c r="NO29" s="163"/>
      <c r="NP29" s="123">
        <v>0</v>
      </c>
      <c r="NQ29" s="123">
        <v>0</v>
      </c>
      <c r="NR29" s="123">
        <v>0</v>
      </c>
      <c r="NS29" s="123">
        <v>0</v>
      </c>
      <c r="NT29" s="123">
        <v>322623</v>
      </c>
      <c r="NU29" s="124">
        <v>322623</v>
      </c>
      <c r="NV29" s="125">
        <v>322623</v>
      </c>
      <c r="NW29" s="160">
        <v>0</v>
      </c>
      <c r="NX29" s="123">
        <v>0</v>
      </c>
      <c r="NY29" s="124">
        <v>0</v>
      </c>
      <c r="NZ29" s="163"/>
      <c r="OA29" s="123">
        <v>0</v>
      </c>
      <c r="OB29" s="123">
        <v>0</v>
      </c>
      <c r="OC29" s="123">
        <v>0</v>
      </c>
      <c r="OD29" s="123">
        <v>0</v>
      </c>
      <c r="OE29" s="123">
        <v>0</v>
      </c>
      <c r="OF29" s="124">
        <v>0</v>
      </c>
      <c r="OG29" s="125">
        <v>0</v>
      </c>
      <c r="OH29" s="160">
        <v>2764501</v>
      </c>
      <c r="OI29" s="123">
        <v>3564340</v>
      </c>
      <c r="OJ29" s="159">
        <v>6328841</v>
      </c>
      <c r="OK29" s="122">
        <v>0</v>
      </c>
      <c r="OL29" s="123">
        <v>35600296</v>
      </c>
      <c r="OM29" s="123">
        <v>37456593</v>
      </c>
      <c r="ON29" s="123">
        <v>43248756</v>
      </c>
      <c r="OO29" s="123">
        <v>50268685</v>
      </c>
      <c r="OP29" s="123">
        <v>44103759</v>
      </c>
      <c r="OQ29" s="124">
        <v>210678089</v>
      </c>
      <c r="OR29" s="161">
        <v>217006930</v>
      </c>
    </row>
    <row r="30" spans="1:408" ht="18.75" customHeight="1" x14ac:dyDescent="0.2">
      <c r="A30" s="63" t="s">
        <v>25</v>
      </c>
      <c r="B30" s="113">
        <v>1458333</v>
      </c>
      <c r="C30" s="117">
        <v>3586546</v>
      </c>
      <c r="D30" s="116">
        <v>5044879</v>
      </c>
      <c r="E30" s="112">
        <v>0</v>
      </c>
      <c r="F30" s="117">
        <v>27999449</v>
      </c>
      <c r="G30" s="117">
        <v>28738068</v>
      </c>
      <c r="H30" s="117">
        <v>19051319</v>
      </c>
      <c r="I30" s="117">
        <v>27680167</v>
      </c>
      <c r="J30" s="117">
        <v>18058836</v>
      </c>
      <c r="K30" s="201">
        <v>121527839</v>
      </c>
      <c r="L30" s="119">
        <v>126572718</v>
      </c>
      <c r="M30" s="113">
        <v>444847</v>
      </c>
      <c r="N30" s="117">
        <v>862273</v>
      </c>
      <c r="O30" s="116">
        <v>1307120</v>
      </c>
      <c r="P30" s="113">
        <v>0</v>
      </c>
      <c r="Q30" s="117">
        <v>6929884</v>
      </c>
      <c r="R30" s="117">
        <v>7241311</v>
      </c>
      <c r="S30" s="117">
        <v>6136431</v>
      </c>
      <c r="T30" s="117">
        <v>10594785</v>
      </c>
      <c r="U30" s="117">
        <v>10300151</v>
      </c>
      <c r="V30" s="116">
        <v>41202562</v>
      </c>
      <c r="W30" s="119">
        <v>42509682</v>
      </c>
      <c r="X30" s="113">
        <v>0</v>
      </c>
      <c r="Y30" s="117">
        <v>0</v>
      </c>
      <c r="Z30" s="116">
        <v>0</v>
      </c>
      <c r="AA30" s="113">
        <v>0</v>
      </c>
      <c r="AB30" s="117">
        <v>3291150</v>
      </c>
      <c r="AC30" s="117">
        <v>3264599</v>
      </c>
      <c r="AD30" s="117">
        <v>3671864</v>
      </c>
      <c r="AE30" s="117">
        <v>6613197</v>
      </c>
      <c r="AF30" s="117">
        <v>5928782</v>
      </c>
      <c r="AG30" s="116">
        <v>22769592</v>
      </c>
      <c r="AH30" s="119">
        <v>22769592</v>
      </c>
      <c r="AI30" s="113">
        <v>0</v>
      </c>
      <c r="AJ30" s="117">
        <v>0</v>
      </c>
      <c r="AK30" s="116">
        <v>0</v>
      </c>
      <c r="AL30" s="113">
        <v>0</v>
      </c>
      <c r="AM30" s="117">
        <v>150833</v>
      </c>
      <c r="AN30" s="117">
        <v>440082</v>
      </c>
      <c r="AO30" s="117">
        <v>233652</v>
      </c>
      <c r="AP30" s="117">
        <v>1320793</v>
      </c>
      <c r="AQ30" s="117">
        <v>1527973</v>
      </c>
      <c r="AR30" s="116">
        <v>3673333</v>
      </c>
      <c r="AS30" s="119">
        <v>3673333</v>
      </c>
      <c r="AT30" s="113">
        <v>329988</v>
      </c>
      <c r="AU30" s="117">
        <v>615560</v>
      </c>
      <c r="AV30" s="116">
        <v>945548</v>
      </c>
      <c r="AW30" s="113">
        <v>0</v>
      </c>
      <c r="AX30" s="117">
        <v>2529356</v>
      </c>
      <c r="AY30" s="117">
        <v>2412196</v>
      </c>
      <c r="AZ30" s="117">
        <v>1266355</v>
      </c>
      <c r="BA30" s="117">
        <v>1649828</v>
      </c>
      <c r="BB30" s="117">
        <v>2059401</v>
      </c>
      <c r="BC30" s="116">
        <v>9917136</v>
      </c>
      <c r="BD30" s="119">
        <v>10862684</v>
      </c>
      <c r="BE30" s="113">
        <v>59435</v>
      </c>
      <c r="BF30" s="117">
        <v>83892</v>
      </c>
      <c r="BG30" s="115">
        <v>143327</v>
      </c>
      <c r="BH30" s="114">
        <v>0</v>
      </c>
      <c r="BI30" s="117">
        <v>89542</v>
      </c>
      <c r="BJ30" s="117">
        <v>195944</v>
      </c>
      <c r="BK30" s="117">
        <v>312186</v>
      </c>
      <c r="BL30" s="117">
        <v>153307</v>
      </c>
      <c r="BM30" s="117">
        <v>194526</v>
      </c>
      <c r="BN30" s="116">
        <v>945505</v>
      </c>
      <c r="BO30" s="119">
        <v>1088832</v>
      </c>
      <c r="BP30" s="113">
        <v>55424</v>
      </c>
      <c r="BQ30" s="117">
        <v>162821</v>
      </c>
      <c r="BR30" s="116">
        <v>218245</v>
      </c>
      <c r="BS30" s="113">
        <v>0</v>
      </c>
      <c r="BT30" s="117">
        <v>869003</v>
      </c>
      <c r="BU30" s="117">
        <v>928490</v>
      </c>
      <c r="BV30" s="117">
        <v>652374</v>
      </c>
      <c r="BW30" s="117">
        <v>857660</v>
      </c>
      <c r="BX30" s="117">
        <v>589469</v>
      </c>
      <c r="BY30" s="116">
        <v>3896996</v>
      </c>
      <c r="BZ30" s="119">
        <v>4115241</v>
      </c>
      <c r="CA30" s="113">
        <v>114401</v>
      </c>
      <c r="CB30" s="117">
        <v>577582</v>
      </c>
      <c r="CC30" s="116">
        <v>691983</v>
      </c>
      <c r="CD30" s="113">
        <v>0</v>
      </c>
      <c r="CE30" s="117">
        <v>10569210</v>
      </c>
      <c r="CF30" s="117">
        <v>10054166</v>
      </c>
      <c r="CG30" s="117">
        <v>5222375</v>
      </c>
      <c r="CH30" s="117">
        <v>7429433</v>
      </c>
      <c r="CI30" s="117">
        <v>1629997</v>
      </c>
      <c r="CJ30" s="116">
        <v>34905181</v>
      </c>
      <c r="CK30" s="119">
        <v>35597164</v>
      </c>
      <c r="CL30" s="113">
        <v>0</v>
      </c>
      <c r="CM30" s="117">
        <v>0</v>
      </c>
      <c r="CN30" s="116">
        <v>0</v>
      </c>
      <c r="CO30" s="114">
        <v>0</v>
      </c>
      <c r="CP30" s="117">
        <v>8368032</v>
      </c>
      <c r="CQ30" s="117">
        <v>5511085</v>
      </c>
      <c r="CR30" s="117">
        <v>3208701</v>
      </c>
      <c r="CS30" s="117">
        <v>5530565</v>
      </c>
      <c r="CT30" s="117">
        <v>816013</v>
      </c>
      <c r="CU30" s="116">
        <v>23434396</v>
      </c>
      <c r="CV30" s="119">
        <v>23434396</v>
      </c>
      <c r="CW30" s="113">
        <v>114401</v>
      </c>
      <c r="CX30" s="117">
        <v>577582</v>
      </c>
      <c r="CY30" s="116">
        <v>691983</v>
      </c>
      <c r="CZ30" s="113">
        <v>0</v>
      </c>
      <c r="DA30" s="117">
        <v>2201178</v>
      </c>
      <c r="DB30" s="117">
        <v>4543081</v>
      </c>
      <c r="DC30" s="117">
        <v>2013674</v>
      </c>
      <c r="DD30" s="117">
        <v>1898868</v>
      </c>
      <c r="DE30" s="117">
        <v>813984</v>
      </c>
      <c r="DF30" s="116">
        <v>11470785</v>
      </c>
      <c r="DG30" s="119">
        <v>12162768</v>
      </c>
      <c r="DH30" s="113">
        <v>55308</v>
      </c>
      <c r="DI30" s="117">
        <v>109840</v>
      </c>
      <c r="DJ30" s="115">
        <v>165148</v>
      </c>
      <c r="DK30" s="114">
        <v>0</v>
      </c>
      <c r="DL30" s="117">
        <v>888194</v>
      </c>
      <c r="DM30" s="117">
        <v>1763505</v>
      </c>
      <c r="DN30" s="117">
        <v>1103781</v>
      </c>
      <c r="DO30" s="117">
        <v>1193472</v>
      </c>
      <c r="DP30" s="117">
        <v>944819</v>
      </c>
      <c r="DQ30" s="116">
        <v>5893771</v>
      </c>
      <c r="DR30" s="119">
        <v>6058919</v>
      </c>
      <c r="DS30" s="113">
        <v>55308</v>
      </c>
      <c r="DT30" s="117">
        <v>109840</v>
      </c>
      <c r="DU30" s="116">
        <v>165148</v>
      </c>
      <c r="DV30" s="113">
        <v>0</v>
      </c>
      <c r="DW30" s="117">
        <v>850970</v>
      </c>
      <c r="DX30" s="117">
        <v>1569924</v>
      </c>
      <c r="DY30" s="117">
        <v>1029060</v>
      </c>
      <c r="DZ30" s="117">
        <v>764373</v>
      </c>
      <c r="EA30" s="117">
        <v>944819</v>
      </c>
      <c r="EB30" s="116">
        <v>5159146</v>
      </c>
      <c r="EC30" s="119">
        <v>5324294</v>
      </c>
      <c r="ED30" s="113">
        <v>0</v>
      </c>
      <c r="EE30" s="115">
        <v>0</v>
      </c>
      <c r="EF30" s="116">
        <v>0</v>
      </c>
      <c r="EG30" s="113">
        <v>0</v>
      </c>
      <c r="EH30" s="117">
        <v>37224</v>
      </c>
      <c r="EI30" s="117">
        <v>193581</v>
      </c>
      <c r="EJ30" s="117">
        <v>74721</v>
      </c>
      <c r="EK30" s="117">
        <v>429099</v>
      </c>
      <c r="EL30" s="117">
        <v>0</v>
      </c>
      <c r="EM30" s="115">
        <v>734625</v>
      </c>
      <c r="EN30" s="119">
        <v>734625</v>
      </c>
      <c r="EO30" s="113">
        <v>0</v>
      </c>
      <c r="EP30" s="117">
        <v>0</v>
      </c>
      <c r="EQ30" s="115">
        <v>0</v>
      </c>
      <c r="ER30" s="114">
        <v>0</v>
      </c>
      <c r="ES30" s="117">
        <v>0</v>
      </c>
      <c r="ET30" s="117">
        <v>0</v>
      </c>
      <c r="EU30" s="117">
        <v>0</v>
      </c>
      <c r="EV30" s="117">
        <v>0</v>
      </c>
      <c r="EW30" s="117">
        <v>0</v>
      </c>
      <c r="EX30" s="116">
        <v>0</v>
      </c>
      <c r="EY30" s="119">
        <v>0</v>
      </c>
      <c r="EZ30" s="113">
        <v>0</v>
      </c>
      <c r="FA30" s="117">
        <v>0</v>
      </c>
      <c r="FB30" s="115">
        <v>0</v>
      </c>
      <c r="FC30" s="387"/>
      <c r="FD30" s="117">
        <v>0</v>
      </c>
      <c r="FE30" s="117">
        <v>0</v>
      </c>
      <c r="FF30" s="117">
        <v>0</v>
      </c>
      <c r="FG30" s="117">
        <v>0</v>
      </c>
      <c r="FH30" s="117">
        <v>0</v>
      </c>
      <c r="FI30" s="116">
        <v>0</v>
      </c>
      <c r="FJ30" s="119">
        <v>0</v>
      </c>
      <c r="FK30" s="113">
        <v>376088</v>
      </c>
      <c r="FL30" s="117">
        <v>874051</v>
      </c>
      <c r="FM30" s="116">
        <v>1250139</v>
      </c>
      <c r="FN30" s="113">
        <v>0</v>
      </c>
      <c r="FO30" s="117">
        <v>915416</v>
      </c>
      <c r="FP30" s="117">
        <v>2621220</v>
      </c>
      <c r="FQ30" s="117">
        <v>1768154</v>
      </c>
      <c r="FR30" s="117">
        <v>2079836</v>
      </c>
      <c r="FS30" s="117">
        <v>1460559</v>
      </c>
      <c r="FT30" s="116">
        <v>8845185</v>
      </c>
      <c r="FU30" s="119">
        <v>10095324</v>
      </c>
      <c r="FV30" s="118">
        <v>376088</v>
      </c>
      <c r="FW30" s="117">
        <v>625851</v>
      </c>
      <c r="FX30" s="115">
        <v>1001939</v>
      </c>
      <c r="FY30" s="114">
        <v>0</v>
      </c>
      <c r="FZ30" s="117">
        <v>888686</v>
      </c>
      <c r="GA30" s="117">
        <v>2305313</v>
      </c>
      <c r="GB30" s="117">
        <v>1739444</v>
      </c>
      <c r="GC30" s="117">
        <v>2074292</v>
      </c>
      <c r="GD30" s="117">
        <v>1460559</v>
      </c>
      <c r="GE30" s="116">
        <v>8468294</v>
      </c>
      <c r="GF30" s="351">
        <v>9470233</v>
      </c>
      <c r="GG30" s="118">
        <v>0</v>
      </c>
      <c r="GH30" s="117">
        <v>0</v>
      </c>
      <c r="GI30" s="115">
        <v>0</v>
      </c>
      <c r="GJ30" s="114">
        <v>0</v>
      </c>
      <c r="GK30" s="117">
        <v>26730</v>
      </c>
      <c r="GL30" s="117">
        <v>26235</v>
      </c>
      <c r="GM30" s="117">
        <v>28710</v>
      </c>
      <c r="GN30" s="117">
        <v>5544</v>
      </c>
      <c r="GO30" s="117">
        <v>0</v>
      </c>
      <c r="GP30" s="116">
        <v>87219</v>
      </c>
      <c r="GQ30" s="119">
        <v>87219</v>
      </c>
      <c r="GR30" s="113">
        <v>0</v>
      </c>
      <c r="GS30" s="117">
        <v>248200</v>
      </c>
      <c r="GT30" s="116">
        <v>248200</v>
      </c>
      <c r="GU30" s="113">
        <v>0</v>
      </c>
      <c r="GV30" s="117">
        <v>0</v>
      </c>
      <c r="GW30" s="117">
        <v>289672</v>
      </c>
      <c r="GX30" s="117">
        <v>0</v>
      </c>
      <c r="GY30" s="117">
        <v>0</v>
      </c>
      <c r="GZ30" s="117">
        <v>0</v>
      </c>
      <c r="HA30" s="115">
        <v>289672</v>
      </c>
      <c r="HB30" s="119">
        <v>537872</v>
      </c>
      <c r="HC30" s="113">
        <v>120667</v>
      </c>
      <c r="HD30" s="117">
        <v>487500</v>
      </c>
      <c r="HE30" s="115">
        <v>608167</v>
      </c>
      <c r="HF30" s="114">
        <v>0</v>
      </c>
      <c r="HG30" s="117">
        <v>3958011</v>
      </c>
      <c r="HH30" s="117">
        <v>3860707</v>
      </c>
      <c r="HI30" s="117">
        <v>2772305</v>
      </c>
      <c r="HJ30" s="117">
        <v>4138723</v>
      </c>
      <c r="HK30" s="117">
        <v>2570867</v>
      </c>
      <c r="HL30" s="116">
        <v>17300613</v>
      </c>
      <c r="HM30" s="112">
        <v>17908780</v>
      </c>
      <c r="HN30" s="118">
        <v>347022</v>
      </c>
      <c r="HO30" s="117">
        <v>675300</v>
      </c>
      <c r="HP30" s="116">
        <v>1022322</v>
      </c>
      <c r="HQ30" s="113">
        <v>0</v>
      </c>
      <c r="HR30" s="117">
        <v>4738734</v>
      </c>
      <c r="HS30" s="117">
        <v>3197159</v>
      </c>
      <c r="HT30" s="117">
        <v>2048273</v>
      </c>
      <c r="HU30" s="117">
        <v>2243918</v>
      </c>
      <c r="HV30" s="117">
        <v>1152443</v>
      </c>
      <c r="HW30" s="115">
        <v>13380527</v>
      </c>
      <c r="HX30" s="119">
        <v>14402849</v>
      </c>
      <c r="HY30" s="168">
        <v>0</v>
      </c>
      <c r="HZ30" s="153">
        <v>0</v>
      </c>
      <c r="IA30" s="168">
        <v>0</v>
      </c>
      <c r="IB30" s="152">
        <v>0</v>
      </c>
      <c r="IC30" s="153">
        <v>7672213</v>
      </c>
      <c r="ID30" s="154">
        <v>4795457</v>
      </c>
      <c r="IE30" s="155">
        <v>3361814</v>
      </c>
      <c r="IF30" s="153">
        <v>1990828</v>
      </c>
      <c r="IG30" s="155">
        <v>727696</v>
      </c>
      <c r="IH30" s="156">
        <v>18548008</v>
      </c>
      <c r="II30" s="168">
        <v>18548008</v>
      </c>
      <c r="IJ30" s="262">
        <v>0</v>
      </c>
      <c r="IK30" s="269">
        <v>0</v>
      </c>
      <c r="IL30" s="270">
        <v>0</v>
      </c>
      <c r="IM30" s="158"/>
      <c r="IN30" s="123">
        <v>0</v>
      </c>
      <c r="IO30" s="123">
        <v>0</v>
      </c>
      <c r="IP30" s="123">
        <v>0</v>
      </c>
      <c r="IQ30" s="123">
        <v>0</v>
      </c>
      <c r="IR30" s="123">
        <v>0</v>
      </c>
      <c r="IS30" s="159">
        <v>0</v>
      </c>
      <c r="IT30" s="354">
        <v>0</v>
      </c>
      <c r="IU30" s="160">
        <v>0</v>
      </c>
      <c r="IV30" s="123">
        <v>0</v>
      </c>
      <c r="IW30" s="124">
        <v>0</v>
      </c>
      <c r="IX30" s="162">
        <v>0</v>
      </c>
      <c r="IY30" s="123">
        <v>0</v>
      </c>
      <c r="IZ30" s="123">
        <v>0</v>
      </c>
      <c r="JA30" s="123">
        <v>0</v>
      </c>
      <c r="JB30" s="123">
        <v>0</v>
      </c>
      <c r="JC30" s="123">
        <v>0</v>
      </c>
      <c r="JD30" s="124">
        <v>0</v>
      </c>
      <c r="JE30" s="125">
        <v>0</v>
      </c>
      <c r="JF30" s="160">
        <v>0</v>
      </c>
      <c r="JG30" s="123">
        <v>0</v>
      </c>
      <c r="JH30" s="159">
        <v>0</v>
      </c>
      <c r="JI30" s="122">
        <v>0</v>
      </c>
      <c r="JJ30" s="123">
        <v>3863597</v>
      </c>
      <c r="JK30" s="123">
        <v>1881329</v>
      </c>
      <c r="JL30" s="123">
        <v>1237222</v>
      </c>
      <c r="JM30" s="123">
        <v>857172</v>
      </c>
      <c r="JN30" s="123">
        <v>22778</v>
      </c>
      <c r="JO30" s="124">
        <v>7862098</v>
      </c>
      <c r="JP30" s="354">
        <v>7862098</v>
      </c>
      <c r="JQ30" s="160">
        <v>0</v>
      </c>
      <c r="JR30" s="123">
        <v>0</v>
      </c>
      <c r="JS30" s="159">
        <v>0</v>
      </c>
      <c r="JT30" s="122">
        <v>0</v>
      </c>
      <c r="JU30" s="123">
        <v>499886</v>
      </c>
      <c r="JV30" s="123">
        <v>486938</v>
      </c>
      <c r="JW30" s="123">
        <v>0</v>
      </c>
      <c r="JX30" s="123">
        <v>0</v>
      </c>
      <c r="JY30" s="123">
        <v>184155</v>
      </c>
      <c r="JZ30" s="124">
        <v>1170979</v>
      </c>
      <c r="KA30" s="354">
        <v>1170979</v>
      </c>
      <c r="KB30" s="265">
        <v>0</v>
      </c>
      <c r="KC30" s="259">
        <v>0</v>
      </c>
      <c r="KD30" s="124">
        <v>0</v>
      </c>
      <c r="KE30" s="122">
        <v>0</v>
      </c>
      <c r="KF30" s="123">
        <v>241561</v>
      </c>
      <c r="KG30" s="123">
        <v>435116</v>
      </c>
      <c r="KH30" s="123">
        <v>1006172</v>
      </c>
      <c r="KI30" s="123">
        <v>0</v>
      </c>
      <c r="KJ30" s="123">
        <v>228823</v>
      </c>
      <c r="KK30" s="124">
        <v>1911672</v>
      </c>
      <c r="KL30" s="161">
        <v>1911672</v>
      </c>
      <c r="KM30" s="262">
        <v>0</v>
      </c>
      <c r="KN30" s="269">
        <v>0</v>
      </c>
      <c r="KO30" s="270">
        <v>0</v>
      </c>
      <c r="KP30" s="158"/>
      <c r="KQ30" s="123">
        <v>3067169</v>
      </c>
      <c r="KR30" s="123">
        <v>1992074</v>
      </c>
      <c r="KS30" s="123">
        <v>1118420</v>
      </c>
      <c r="KT30" s="123">
        <v>1133656</v>
      </c>
      <c r="KU30" s="123">
        <v>291940</v>
      </c>
      <c r="KV30" s="124">
        <v>7603259</v>
      </c>
      <c r="KW30" s="354">
        <v>7603259</v>
      </c>
      <c r="KX30" s="160">
        <v>0</v>
      </c>
      <c r="KY30" s="123">
        <v>0</v>
      </c>
      <c r="KZ30" s="124">
        <v>0</v>
      </c>
      <c r="LA30" s="163"/>
      <c r="LB30" s="123">
        <v>0</v>
      </c>
      <c r="LC30" s="123">
        <v>0</v>
      </c>
      <c r="LD30" s="123">
        <v>0</v>
      </c>
      <c r="LE30" s="123">
        <v>0</v>
      </c>
      <c r="LF30" s="123">
        <v>0</v>
      </c>
      <c r="LG30" s="124">
        <v>0</v>
      </c>
      <c r="LH30" s="125">
        <v>0</v>
      </c>
      <c r="LI30" s="160">
        <v>0</v>
      </c>
      <c r="LJ30" s="123">
        <v>0</v>
      </c>
      <c r="LK30" s="124">
        <v>0</v>
      </c>
      <c r="LL30" s="163"/>
      <c r="LM30" s="123">
        <v>0</v>
      </c>
      <c r="LN30" s="123">
        <v>0</v>
      </c>
      <c r="LO30" s="123">
        <v>0</v>
      </c>
      <c r="LP30" s="123">
        <v>0</v>
      </c>
      <c r="LQ30" s="123">
        <v>0</v>
      </c>
      <c r="LR30" s="124">
        <v>0</v>
      </c>
      <c r="LS30" s="354">
        <v>0</v>
      </c>
      <c r="LT30" s="160">
        <v>0</v>
      </c>
      <c r="LU30" s="123">
        <v>0</v>
      </c>
      <c r="LV30" s="124">
        <v>0</v>
      </c>
      <c r="LW30" s="163"/>
      <c r="LX30" s="123">
        <v>0</v>
      </c>
      <c r="LY30" s="123">
        <v>0</v>
      </c>
      <c r="LZ30" s="123">
        <v>0</v>
      </c>
      <c r="MA30" s="123">
        <v>0</v>
      </c>
      <c r="MB30" s="123">
        <v>0</v>
      </c>
      <c r="MC30" s="124">
        <v>0</v>
      </c>
      <c r="MD30" s="125">
        <v>0</v>
      </c>
      <c r="ME30" s="160">
        <v>0</v>
      </c>
      <c r="MF30" s="123">
        <v>0</v>
      </c>
      <c r="MG30" s="124">
        <v>0</v>
      </c>
      <c r="MH30" s="163"/>
      <c r="MI30" s="123">
        <v>5285210</v>
      </c>
      <c r="MJ30" s="123">
        <v>5942767</v>
      </c>
      <c r="MK30" s="123">
        <v>24649843</v>
      </c>
      <c r="ML30" s="123">
        <v>34496502</v>
      </c>
      <c r="MM30" s="123">
        <v>21570091</v>
      </c>
      <c r="MN30" s="124">
        <v>91944413</v>
      </c>
      <c r="MO30" s="161">
        <v>91944413</v>
      </c>
      <c r="MP30" s="160">
        <v>0</v>
      </c>
      <c r="MQ30" s="123">
        <v>0</v>
      </c>
      <c r="MR30" s="124">
        <v>0</v>
      </c>
      <c r="MS30" s="163">
        <v>0</v>
      </c>
      <c r="MT30" s="123">
        <v>1559368</v>
      </c>
      <c r="MU30" s="123">
        <v>2007454</v>
      </c>
      <c r="MV30" s="123">
        <v>16240141</v>
      </c>
      <c r="MW30" s="123">
        <v>19912488</v>
      </c>
      <c r="MX30" s="123">
        <v>15065424</v>
      </c>
      <c r="MY30" s="124">
        <v>54784875</v>
      </c>
      <c r="MZ30" s="161">
        <v>54784875</v>
      </c>
      <c r="NA30" s="160">
        <v>0</v>
      </c>
      <c r="NB30" s="123">
        <v>0</v>
      </c>
      <c r="NC30" s="124">
        <v>0</v>
      </c>
      <c r="ND30" s="163"/>
      <c r="NE30" s="123">
        <v>3725842</v>
      </c>
      <c r="NF30" s="123">
        <v>3935313</v>
      </c>
      <c r="NG30" s="123">
        <v>8409702</v>
      </c>
      <c r="NH30" s="123">
        <v>14179302</v>
      </c>
      <c r="NI30" s="123">
        <v>6144825</v>
      </c>
      <c r="NJ30" s="124">
        <v>36394984</v>
      </c>
      <c r="NK30" s="354">
        <v>36394984</v>
      </c>
      <c r="NL30" s="160">
        <v>0</v>
      </c>
      <c r="NM30" s="123">
        <v>0</v>
      </c>
      <c r="NN30" s="124">
        <v>0</v>
      </c>
      <c r="NO30" s="163"/>
      <c r="NP30" s="123">
        <v>0</v>
      </c>
      <c r="NQ30" s="123">
        <v>0</v>
      </c>
      <c r="NR30" s="123">
        <v>0</v>
      </c>
      <c r="NS30" s="123">
        <v>0</v>
      </c>
      <c r="NT30" s="123">
        <v>359842</v>
      </c>
      <c r="NU30" s="124">
        <v>359842</v>
      </c>
      <c r="NV30" s="125">
        <v>359842</v>
      </c>
      <c r="NW30" s="160">
        <v>0</v>
      </c>
      <c r="NX30" s="123">
        <v>0</v>
      </c>
      <c r="NY30" s="124">
        <v>0</v>
      </c>
      <c r="NZ30" s="163"/>
      <c r="OA30" s="123">
        <v>0</v>
      </c>
      <c r="OB30" s="123">
        <v>0</v>
      </c>
      <c r="OC30" s="123">
        <v>0</v>
      </c>
      <c r="OD30" s="123">
        <v>404712</v>
      </c>
      <c r="OE30" s="123">
        <v>0</v>
      </c>
      <c r="OF30" s="124">
        <v>404712</v>
      </c>
      <c r="OG30" s="125">
        <v>404712</v>
      </c>
      <c r="OH30" s="160">
        <v>1458333</v>
      </c>
      <c r="OI30" s="123">
        <v>3586546</v>
      </c>
      <c r="OJ30" s="159">
        <v>5044879</v>
      </c>
      <c r="OK30" s="122">
        <v>0</v>
      </c>
      <c r="OL30" s="123">
        <v>40956872</v>
      </c>
      <c r="OM30" s="123">
        <v>39476292</v>
      </c>
      <c r="ON30" s="123">
        <v>47062976</v>
      </c>
      <c r="OO30" s="123">
        <v>64167497</v>
      </c>
      <c r="OP30" s="123">
        <v>40356623</v>
      </c>
      <c r="OQ30" s="124">
        <v>232020260</v>
      </c>
      <c r="OR30" s="161">
        <v>237065139</v>
      </c>
    </row>
    <row r="31" spans="1:408" ht="18.75" customHeight="1" x14ac:dyDescent="0.2">
      <c r="A31" s="63" t="s">
        <v>26</v>
      </c>
      <c r="B31" s="113">
        <v>1780281</v>
      </c>
      <c r="C31" s="117">
        <v>2201142</v>
      </c>
      <c r="D31" s="116">
        <v>3981423</v>
      </c>
      <c r="E31" s="112">
        <v>0</v>
      </c>
      <c r="F31" s="117">
        <v>24662049</v>
      </c>
      <c r="G31" s="117">
        <v>23979515</v>
      </c>
      <c r="H31" s="117">
        <v>22548359</v>
      </c>
      <c r="I31" s="117">
        <v>20337023</v>
      </c>
      <c r="J31" s="117">
        <v>23174337</v>
      </c>
      <c r="K31" s="201">
        <v>114701283</v>
      </c>
      <c r="L31" s="119">
        <v>118682706</v>
      </c>
      <c r="M31" s="113">
        <v>444591</v>
      </c>
      <c r="N31" s="117">
        <v>722615</v>
      </c>
      <c r="O31" s="116">
        <v>1167206</v>
      </c>
      <c r="P31" s="113">
        <v>0</v>
      </c>
      <c r="Q31" s="117">
        <v>6261888</v>
      </c>
      <c r="R31" s="117">
        <v>7445600</v>
      </c>
      <c r="S31" s="117">
        <v>6300068</v>
      </c>
      <c r="T31" s="117">
        <v>7560259</v>
      </c>
      <c r="U31" s="117">
        <v>12296280</v>
      </c>
      <c r="V31" s="116">
        <v>39864095</v>
      </c>
      <c r="W31" s="119">
        <v>41031301</v>
      </c>
      <c r="X31" s="113">
        <v>0</v>
      </c>
      <c r="Y31" s="117">
        <v>0</v>
      </c>
      <c r="Z31" s="116">
        <v>0</v>
      </c>
      <c r="AA31" s="113">
        <v>0</v>
      </c>
      <c r="AB31" s="117">
        <v>2657446</v>
      </c>
      <c r="AC31" s="117">
        <v>4343357</v>
      </c>
      <c r="AD31" s="117">
        <v>3175985</v>
      </c>
      <c r="AE31" s="117">
        <v>4620891</v>
      </c>
      <c r="AF31" s="117">
        <v>7131390</v>
      </c>
      <c r="AG31" s="116">
        <v>21929069</v>
      </c>
      <c r="AH31" s="119">
        <v>21929069</v>
      </c>
      <c r="AI31" s="113">
        <v>0</v>
      </c>
      <c r="AJ31" s="117">
        <v>0</v>
      </c>
      <c r="AK31" s="116">
        <v>0</v>
      </c>
      <c r="AL31" s="113">
        <v>0</v>
      </c>
      <c r="AM31" s="117">
        <v>0</v>
      </c>
      <c r="AN31" s="117">
        <v>238213</v>
      </c>
      <c r="AO31" s="117">
        <v>276698</v>
      </c>
      <c r="AP31" s="117">
        <v>651836</v>
      </c>
      <c r="AQ31" s="117">
        <v>1408612</v>
      </c>
      <c r="AR31" s="116">
        <v>2575359</v>
      </c>
      <c r="AS31" s="119">
        <v>2575359</v>
      </c>
      <c r="AT31" s="113">
        <v>253756</v>
      </c>
      <c r="AU31" s="117">
        <v>684735</v>
      </c>
      <c r="AV31" s="116">
        <v>938491</v>
      </c>
      <c r="AW31" s="113">
        <v>0</v>
      </c>
      <c r="AX31" s="117">
        <v>2556990</v>
      </c>
      <c r="AY31" s="117">
        <v>1973272</v>
      </c>
      <c r="AZ31" s="117">
        <v>1827536</v>
      </c>
      <c r="BA31" s="117">
        <v>1480014</v>
      </c>
      <c r="BB31" s="117">
        <v>2758153</v>
      </c>
      <c r="BC31" s="116">
        <v>10595965</v>
      </c>
      <c r="BD31" s="119">
        <v>11534456</v>
      </c>
      <c r="BE31" s="113">
        <v>48746</v>
      </c>
      <c r="BF31" s="117">
        <v>0</v>
      </c>
      <c r="BG31" s="115">
        <v>48746</v>
      </c>
      <c r="BH31" s="114">
        <v>0</v>
      </c>
      <c r="BI31" s="117">
        <v>259918</v>
      </c>
      <c r="BJ31" s="117">
        <v>141969</v>
      </c>
      <c r="BK31" s="117">
        <v>124904</v>
      </c>
      <c r="BL31" s="117">
        <v>11955</v>
      </c>
      <c r="BM31" s="117">
        <v>226770</v>
      </c>
      <c r="BN31" s="116">
        <v>765516</v>
      </c>
      <c r="BO31" s="119">
        <v>814262</v>
      </c>
      <c r="BP31" s="113">
        <v>142089</v>
      </c>
      <c r="BQ31" s="117">
        <v>37880</v>
      </c>
      <c r="BR31" s="116">
        <v>179969</v>
      </c>
      <c r="BS31" s="113">
        <v>0</v>
      </c>
      <c r="BT31" s="117">
        <v>787534</v>
      </c>
      <c r="BU31" s="117">
        <v>748789</v>
      </c>
      <c r="BV31" s="117">
        <v>894945</v>
      </c>
      <c r="BW31" s="117">
        <v>795563</v>
      </c>
      <c r="BX31" s="117">
        <v>771355</v>
      </c>
      <c r="BY31" s="116">
        <v>3998186</v>
      </c>
      <c r="BZ31" s="119">
        <v>4178155</v>
      </c>
      <c r="CA31" s="113">
        <v>66501</v>
      </c>
      <c r="CB31" s="117">
        <v>237430</v>
      </c>
      <c r="CC31" s="116">
        <v>303931</v>
      </c>
      <c r="CD31" s="113">
        <v>0</v>
      </c>
      <c r="CE31" s="117">
        <v>7092354</v>
      </c>
      <c r="CF31" s="117">
        <v>6771638</v>
      </c>
      <c r="CG31" s="117">
        <v>5823928</v>
      </c>
      <c r="CH31" s="117">
        <v>3349328</v>
      </c>
      <c r="CI31" s="117">
        <v>3207712</v>
      </c>
      <c r="CJ31" s="116">
        <v>26244960</v>
      </c>
      <c r="CK31" s="119">
        <v>26548891</v>
      </c>
      <c r="CL31" s="113">
        <v>0</v>
      </c>
      <c r="CM31" s="117">
        <v>0</v>
      </c>
      <c r="CN31" s="116">
        <v>0</v>
      </c>
      <c r="CO31" s="114">
        <v>0</v>
      </c>
      <c r="CP31" s="117">
        <v>6012002</v>
      </c>
      <c r="CQ31" s="117">
        <v>5267434</v>
      </c>
      <c r="CR31" s="117">
        <v>4968847</v>
      </c>
      <c r="CS31" s="117">
        <v>2645641</v>
      </c>
      <c r="CT31" s="117">
        <v>2744273</v>
      </c>
      <c r="CU31" s="116">
        <v>21638197</v>
      </c>
      <c r="CV31" s="119">
        <v>21638197</v>
      </c>
      <c r="CW31" s="113">
        <v>66501</v>
      </c>
      <c r="CX31" s="117">
        <v>237430</v>
      </c>
      <c r="CY31" s="116">
        <v>303931</v>
      </c>
      <c r="CZ31" s="113">
        <v>0</v>
      </c>
      <c r="DA31" s="117">
        <v>1080352</v>
      </c>
      <c r="DB31" s="117">
        <v>1504204</v>
      </c>
      <c r="DC31" s="117">
        <v>855081</v>
      </c>
      <c r="DD31" s="117">
        <v>703687</v>
      </c>
      <c r="DE31" s="117">
        <v>463439</v>
      </c>
      <c r="DF31" s="116">
        <v>4606763</v>
      </c>
      <c r="DG31" s="119">
        <v>4910694</v>
      </c>
      <c r="DH31" s="113">
        <v>0</v>
      </c>
      <c r="DI31" s="117">
        <v>37258</v>
      </c>
      <c r="DJ31" s="115">
        <v>37258</v>
      </c>
      <c r="DK31" s="114">
        <v>0</v>
      </c>
      <c r="DL31" s="117">
        <v>761037</v>
      </c>
      <c r="DM31" s="117">
        <v>795582</v>
      </c>
      <c r="DN31" s="117">
        <v>2375056</v>
      </c>
      <c r="DO31" s="117">
        <v>2683485</v>
      </c>
      <c r="DP31" s="117">
        <v>964359</v>
      </c>
      <c r="DQ31" s="116">
        <v>7579519</v>
      </c>
      <c r="DR31" s="119">
        <v>7616777</v>
      </c>
      <c r="DS31" s="113">
        <v>0</v>
      </c>
      <c r="DT31" s="117">
        <v>37258</v>
      </c>
      <c r="DU31" s="116">
        <v>37258</v>
      </c>
      <c r="DV31" s="113">
        <v>0</v>
      </c>
      <c r="DW31" s="117">
        <v>376185</v>
      </c>
      <c r="DX31" s="117">
        <v>726021</v>
      </c>
      <c r="DY31" s="117">
        <v>1979619</v>
      </c>
      <c r="DZ31" s="117">
        <v>2425708</v>
      </c>
      <c r="EA31" s="117">
        <v>797887</v>
      </c>
      <c r="EB31" s="116">
        <v>6305420</v>
      </c>
      <c r="EC31" s="119">
        <v>6342678</v>
      </c>
      <c r="ED31" s="113">
        <v>0</v>
      </c>
      <c r="EE31" s="115">
        <v>0</v>
      </c>
      <c r="EF31" s="116">
        <v>0</v>
      </c>
      <c r="EG31" s="113">
        <v>0</v>
      </c>
      <c r="EH31" s="117">
        <v>384852</v>
      </c>
      <c r="EI31" s="117">
        <v>69561</v>
      </c>
      <c r="EJ31" s="117">
        <v>395437</v>
      </c>
      <c r="EK31" s="117">
        <v>257777</v>
      </c>
      <c r="EL31" s="117">
        <v>166472</v>
      </c>
      <c r="EM31" s="115">
        <v>1274099</v>
      </c>
      <c r="EN31" s="119">
        <v>1274099</v>
      </c>
      <c r="EO31" s="113">
        <v>0</v>
      </c>
      <c r="EP31" s="117">
        <v>0</v>
      </c>
      <c r="EQ31" s="115">
        <v>0</v>
      </c>
      <c r="ER31" s="114">
        <v>0</v>
      </c>
      <c r="ES31" s="117">
        <v>0</v>
      </c>
      <c r="ET31" s="117">
        <v>0</v>
      </c>
      <c r="EU31" s="117">
        <v>0</v>
      </c>
      <c r="EV31" s="117">
        <v>0</v>
      </c>
      <c r="EW31" s="117">
        <v>0</v>
      </c>
      <c r="EX31" s="116">
        <v>0</v>
      </c>
      <c r="EY31" s="119">
        <v>0</v>
      </c>
      <c r="EZ31" s="113">
        <v>0</v>
      </c>
      <c r="FA31" s="117">
        <v>0</v>
      </c>
      <c r="FB31" s="115">
        <v>0</v>
      </c>
      <c r="FC31" s="387"/>
      <c r="FD31" s="117">
        <v>0</v>
      </c>
      <c r="FE31" s="117">
        <v>0</v>
      </c>
      <c r="FF31" s="117">
        <v>0</v>
      </c>
      <c r="FG31" s="117">
        <v>0</v>
      </c>
      <c r="FH31" s="117">
        <v>0</v>
      </c>
      <c r="FI31" s="116">
        <v>0</v>
      </c>
      <c r="FJ31" s="119">
        <v>0</v>
      </c>
      <c r="FK31" s="113">
        <v>292515</v>
      </c>
      <c r="FL31" s="117">
        <v>599600</v>
      </c>
      <c r="FM31" s="116">
        <v>892115</v>
      </c>
      <c r="FN31" s="113">
        <v>0</v>
      </c>
      <c r="FO31" s="117">
        <v>1326912</v>
      </c>
      <c r="FP31" s="117">
        <v>2328460</v>
      </c>
      <c r="FQ31" s="117">
        <v>1769388</v>
      </c>
      <c r="FR31" s="117">
        <v>1694744</v>
      </c>
      <c r="FS31" s="117">
        <v>2187891</v>
      </c>
      <c r="FT31" s="116">
        <v>9307395</v>
      </c>
      <c r="FU31" s="119">
        <v>10199510</v>
      </c>
      <c r="FV31" s="118">
        <v>202920</v>
      </c>
      <c r="FW31" s="117">
        <v>470630</v>
      </c>
      <c r="FX31" s="115">
        <v>673550</v>
      </c>
      <c r="FY31" s="114">
        <v>0</v>
      </c>
      <c r="FZ31" s="117">
        <v>1156489</v>
      </c>
      <c r="GA31" s="117">
        <v>1986181</v>
      </c>
      <c r="GB31" s="117">
        <v>1498798</v>
      </c>
      <c r="GC31" s="117">
        <v>1637720</v>
      </c>
      <c r="GD31" s="117">
        <v>1648891</v>
      </c>
      <c r="GE31" s="116">
        <v>7928079</v>
      </c>
      <c r="GF31" s="351">
        <v>8601629</v>
      </c>
      <c r="GG31" s="118">
        <v>0</v>
      </c>
      <c r="GH31" s="117">
        <v>22680</v>
      </c>
      <c r="GI31" s="115">
        <v>22680</v>
      </c>
      <c r="GJ31" s="114">
        <v>0</v>
      </c>
      <c r="GK31" s="117">
        <v>95348</v>
      </c>
      <c r="GL31" s="117">
        <v>80739</v>
      </c>
      <c r="GM31" s="117">
        <v>92990</v>
      </c>
      <c r="GN31" s="117">
        <v>57024</v>
      </c>
      <c r="GO31" s="117">
        <v>80000</v>
      </c>
      <c r="GP31" s="116">
        <v>406101</v>
      </c>
      <c r="GQ31" s="119">
        <v>428781</v>
      </c>
      <c r="GR31" s="113">
        <v>89595</v>
      </c>
      <c r="GS31" s="117">
        <v>106290</v>
      </c>
      <c r="GT31" s="116">
        <v>195885</v>
      </c>
      <c r="GU31" s="113">
        <v>0</v>
      </c>
      <c r="GV31" s="117">
        <v>75075</v>
      </c>
      <c r="GW31" s="117">
        <v>261540</v>
      </c>
      <c r="GX31" s="117">
        <v>177600</v>
      </c>
      <c r="GY31" s="117">
        <v>0</v>
      </c>
      <c r="GZ31" s="117">
        <v>459000</v>
      </c>
      <c r="HA31" s="115">
        <v>973215</v>
      </c>
      <c r="HB31" s="119">
        <v>1169100</v>
      </c>
      <c r="HC31" s="113">
        <v>592878</v>
      </c>
      <c r="HD31" s="117">
        <v>108683</v>
      </c>
      <c r="HE31" s="115">
        <v>701561</v>
      </c>
      <c r="HF31" s="114">
        <v>0</v>
      </c>
      <c r="HG31" s="117">
        <v>4946484</v>
      </c>
      <c r="HH31" s="117">
        <v>3556301</v>
      </c>
      <c r="HI31" s="117">
        <v>4095860</v>
      </c>
      <c r="HJ31" s="117">
        <v>3461202</v>
      </c>
      <c r="HK31" s="117">
        <v>3071896</v>
      </c>
      <c r="HL31" s="116">
        <v>19131743</v>
      </c>
      <c r="HM31" s="112">
        <v>19833304</v>
      </c>
      <c r="HN31" s="118">
        <v>383796</v>
      </c>
      <c r="HO31" s="117">
        <v>495556</v>
      </c>
      <c r="HP31" s="116">
        <v>879352</v>
      </c>
      <c r="HQ31" s="113">
        <v>0</v>
      </c>
      <c r="HR31" s="117">
        <v>4273374</v>
      </c>
      <c r="HS31" s="117">
        <v>3081934</v>
      </c>
      <c r="HT31" s="117">
        <v>2184059</v>
      </c>
      <c r="HU31" s="117">
        <v>1588005</v>
      </c>
      <c r="HV31" s="117">
        <v>1446199</v>
      </c>
      <c r="HW31" s="115">
        <v>12573571</v>
      </c>
      <c r="HX31" s="119">
        <v>13452923</v>
      </c>
      <c r="HY31" s="149">
        <v>105462</v>
      </c>
      <c r="HZ31" s="150">
        <v>0</v>
      </c>
      <c r="IA31" s="151">
        <v>105462</v>
      </c>
      <c r="IB31" s="164">
        <v>0</v>
      </c>
      <c r="IC31" s="150">
        <v>5747729</v>
      </c>
      <c r="ID31" s="165">
        <v>6239210</v>
      </c>
      <c r="IE31" s="151">
        <v>8971235</v>
      </c>
      <c r="IF31" s="150">
        <v>5488208</v>
      </c>
      <c r="IG31" s="151">
        <v>3933491</v>
      </c>
      <c r="IH31" s="166">
        <v>30379873</v>
      </c>
      <c r="II31" s="157">
        <v>30485335</v>
      </c>
      <c r="IJ31" s="262">
        <v>0</v>
      </c>
      <c r="IK31" s="269">
        <v>0</v>
      </c>
      <c r="IL31" s="270">
        <v>0</v>
      </c>
      <c r="IM31" s="158"/>
      <c r="IN31" s="123">
        <v>0</v>
      </c>
      <c r="IO31" s="123">
        <v>0</v>
      </c>
      <c r="IP31" s="123">
        <v>0</v>
      </c>
      <c r="IQ31" s="123">
        <v>0</v>
      </c>
      <c r="IR31" s="123">
        <v>0</v>
      </c>
      <c r="IS31" s="159">
        <v>0</v>
      </c>
      <c r="IT31" s="354">
        <v>0</v>
      </c>
      <c r="IU31" s="160">
        <v>0</v>
      </c>
      <c r="IV31" s="123">
        <v>0</v>
      </c>
      <c r="IW31" s="124">
        <v>0</v>
      </c>
      <c r="IX31" s="162"/>
      <c r="IY31" s="123">
        <v>0</v>
      </c>
      <c r="IZ31" s="123">
        <v>0</v>
      </c>
      <c r="JA31" s="123">
        <v>0</v>
      </c>
      <c r="JB31" s="123">
        <v>0</v>
      </c>
      <c r="JC31" s="123">
        <v>0</v>
      </c>
      <c r="JD31" s="124">
        <v>0</v>
      </c>
      <c r="JE31" s="125">
        <v>0</v>
      </c>
      <c r="JF31" s="160">
        <v>0</v>
      </c>
      <c r="JG31" s="123">
        <v>0</v>
      </c>
      <c r="JH31" s="159">
        <v>0</v>
      </c>
      <c r="JI31" s="122">
        <v>0</v>
      </c>
      <c r="JJ31" s="123">
        <v>1832793</v>
      </c>
      <c r="JK31" s="123">
        <v>2199871</v>
      </c>
      <c r="JL31" s="123">
        <v>1777561</v>
      </c>
      <c r="JM31" s="123">
        <v>1139071</v>
      </c>
      <c r="JN31" s="123">
        <v>1320648</v>
      </c>
      <c r="JO31" s="124">
        <v>8269944</v>
      </c>
      <c r="JP31" s="354">
        <v>8269944</v>
      </c>
      <c r="JQ31" s="160">
        <v>0</v>
      </c>
      <c r="JR31" s="123">
        <v>0</v>
      </c>
      <c r="JS31" s="159">
        <v>0</v>
      </c>
      <c r="JT31" s="122">
        <v>0</v>
      </c>
      <c r="JU31" s="123">
        <v>156951</v>
      </c>
      <c r="JV31" s="123">
        <v>502685</v>
      </c>
      <c r="JW31" s="123">
        <v>2298383</v>
      </c>
      <c r="JX31" s="123">
        <v>166470</v>
      </c>
      <c r="JY31" s="123">
        <v>611516</v>
      </c>
      <c r="JZ31" s="124">
        <v>3736005</v>
      </c>
      <c r="KA31" s="354">
        <v>3736005</v>
      </c>
      <c r="KB31" s="265">
        <v>105462</v>
      </c>
      <c r="KC31" s="259">
        <v>0</v>
      </c>
      <c r="KD31" s="124">
        <v>105462</v>
      </c>
      <c r="KE31" s="122">
        <v>0</v>
      </c>
      <c r="KF31" s="123">
        <v>1187480</v>
      </c>
      <c r="KG31" s="123">
        <v>1154226</v>
      </c>
      <c r="KH31" s="123">
        <v>267129</v>
      </c>
      <c r="KI31" s="123">
        <v>865017</v>
      </c>
      <c r="KJ31" s="123">
        <v>757813</v>
      </c>
      <c r="KK31" s="124">
        <v>4231665</v>
      </c>
      <c r="KL31" s="161">
        <v>4337127</v>
      </c>
      <c r="KM31" s="262">
        <v>0</v>
      </c>
      <c r="KN31" s="269">
        <v>0</v>
      </c>
      <c r="KO31" s="270">
        <v>0</v>
      </c>
      <c r="KP31" s="158"/>
      <c r="KQ31" s="123">
        <v>2570505</v>
      </c>
      <c r="KR31" s="123">
        <v>2151095</v>
      </c>
      <c r="KS31" s="123">
        <v>4628162</v>
      </c>
      <c r="KT31" s="123">
        <v>3317650</v>
      </c>
      <c r="KU31" s="123">
        <v>1243514</v>
      </c>
      <c r="KV31" s="124">
        <v>13910926</v>
      </c>
      <c r="KW31" s="354">
        <v>13910926</v>
      </c>
      <c r="KX31" s="160">
        <v>0</v>
      </c>
      <c r="KY31" s="123">
        <v>0</v>
      </c>
      <c r="KZ31" s="124">
        <v>0</v>
      </c>
      <c r="LA31" s="163"/>
      <c r="LB31" s="123">
        <v>0</v>
      </c>
      <c r="LC31" s="123">
        <v>0</v>
      </c>
      <c r="LD31" s="123">
        <v>0</v>
      </c>
      <c r="LE31" s="123">
        <v>0</v>
      </c>
      <c r="LF31" s="123">
        <v>0</v>
      </c>
      <c r="LG31" s="124">
        <v>0</v>
      </c>
      <c r="LH31" s="125">
        <v>0</v>
      </c>
      <c r="LI31" s="160">
        <v>0</v>
      </c>
      <c r="LJ31" s="123">
        <v>0</v>
      </c>
      <c r="LK31" s="124">
        <v>0</v>
      </c>
      <c r="LL31" s="163"/>
      <c r="LM31" s="123">
        <v>0</v>
      </c>
      <c r="LN31" s="123">
        <v>231333</v>
      </c>
      <c r="LO31" s="123">
        <v>0</v>
      </c>
      <c r="LP31" s="123">
        <v>0</v>
      </c>
      <c r="LQ31" s="123">
        <v>0</v>
      </c>
      <c r="LR31" s="124">
        <v>231333</v>
      </c>
      <c r="LS31" s="354">
        <v>231333</v>
      </c>
      <c r="LT31" s="160">
        <v>0</v>
      </c>
      <c r="LU31" s="123">
        <v>0</v>
      </c>
      <c r="LV31" s="124">
        <v>0</v>
      </c>
      <c r="LW31" s="163"/>
      <c r="LX31" s="123">
        <v>0</v>
      </c>
      <c r="LY31" s="123">
        <v>0</v>
      </c>
      <c r="LZ31" s="123">
        <v>0</v>
      </c>
      <c r="MA31" s="123">
        <v>0</v>
      </c>
      <c r="MB31" s="123">
        <v>0</v>
      </c>
      <c r="MC31" s="124">
        <v>0</v>
      </c>
      <c r="MD31" s="125">
        <v>0</v>
      </c>
      <c r="ME31" s="160">
        <v>0</v>
      </c>
      <c r="MF31" s="123">
        <v>0</v>
      </c>
      <c r="MG31" s="124">
        <v>0</v>
      </c>
      <c r="MH31" s="163"/>
      <c r="MI31" s="123">
        <v>2606914</v>
      </c>
      <c r="MJ31" s="123">
        <v>6066891</v>
      </c>
      <c r="MK31" s="123">
        <v>16083576</v>
      </c>
      <c r="ML31" s="123">
        <v>23288326</v>
      </c>
      <c r="MM31" s="123">
        <v>21543630</v>
      </c>
      <c r="MN31" s="124">
        <v>69589337</v>
      </c>
      <c r="MO31" s="161">
        <v>69589337</v>
      </c>
      <c r="MP31" s="160">
        <v>0</v>
      </c>
      <c r="MQ31" s="123">
        <v>0</v>
      </c>
      <c r="MR31" s="124">
        <v>0</v>
      </c>
      <c r="MS31" s="163">
        <v>0</v>
      </c>
      <c r="MT31" s="123">
        <v>211555</v>
      </c>
      <c r="MU31" s="123">
        <v>953377</v>
      </c>
      <c r="MV31" s="123">
        <v>8954671</v>
      </c>
      <c r="MW31" s="123">
        <v>16216572</v>
      </c>
      <c r="MX31" s="123">
        <v>17409121</v>
      </c>
      <c r="MY31" s="124">
        <v>43745296</v>
      </c>
      <c r="MZ31" s="161">
        <v>43745296</v>
      </c>
      <c r="NA31" s="160">
        <v>0</v>
      </c>
      <c r="NB31" s="123">
        <v>0</v>
      </c>
      <c r="NC31" s="124">
        <v>0</v>
      </c>
      <c r="ND31" s="163"/>
      <c r="NE31" s="123">
        <v>2395359</v>
      </c>
      <c r="NF31" s="123">
        <v>5113514</v>
      </c>
      <c r="NG31" s="123">
        <v>7128905</v>
      </c>
      <c r="NH31" s="123">
        <v>6738327</v>
      </c>
      <c r="NI31" s="123">
        <v>3680738</v>
      </c>
      <c r="NJ31" s="124">
        <v>25056843</v>
      </c>
      <c r="NK31" s="354">
        <v>25056843</v>
      </c>
      <c r="NL31" s="160">
        <v>0</v>
      </c>
      <c r="NM31" s="123">
        <v>0</v>
      </c>
      <c r="NN31" s="124">
        <v>0</v>
      </c>
      <c r="NO31" s="163"/>
      <c r="NP31" s="123">
        <v>0</v>
      </c>
      <c r="NQ31" s="123">
        <v>0</v>
      </c>
      <c r="NR31" s="123">
        <v>0</v>
      </c>
      <c r="NS31" s="123">
        <v>333427</v>
      </c>
      <c r="NT31" s="123">
        <v>0</v>
      </c>
      <c r="NU31" s="124">
        <v>333427</v>
      </c>
      <c r="NV31" s="125">
        <v>333427</v>
      </c>
      <c r="NW31" s="160">
        <v>0</v>
      </c>
      <c r="NX31" s="123">
        <v>0</v>
      </c>
      <c r="NY31" s="124">
        <v>0</v>
      </c>
      <c r="NZ31" s="163"/>
      <c r="OA31" s="123">
        <v>0</v>
      </c>
      <c r="OB31" s="123">
        <v>0</v>
      </c>
      <c r="OC31" s="123">
        <v>0</v>
      </c>
      <c r="OD31" s="123">
        <v>0</v>
      </c>
      <c r="OE31" s="123">
        <v>453771</v>
      </c>
      <c r="OF31" s="124">
        <v>453771</v>
      </c>
      <c r="OG31" s="125">
        <v>453771</v>
      </c>
      <c r="OH31" s="160">
        <v>1885743</v>
      </c>
      <c r="OI31" s="123">
        <v>2201142</v>
      </c>
      <c r="OJ31" s="159">
        <v>4086885</v>
      </c>
      <c r="OK31" s="122">
        <v>0</v>
      </c>
      <c r="OL31" s="123">
        <v>33016692</v>
      </c>
      <c r="OM31" s="123">
        <v>36285616</v>
      </c>
      <c r="ON31" s="123">
        <v>47603170</v>
      </c>
      <c r="OO31" s="123">
        <v>49113557</v>
      </c>
      <c r="OP31" s="123">
        <v>48651458</v>
      </c>
      <c r="OQ31" s="124">
        <v>214670493</v>
      </c>
      <c r="OR31" s="161">
        <v>218757378</v>
      </c>
    </row>
    <row r="32" spans="1:408" ht="18.75" customHeight="1" x14ac:dyDescent="0.2">
      <c r="A32" s="63" t="s">
        <v>27</v>
      </c>
      <c r="B32" s="113">
        <v>3184394</v>
      </c>
      <c r="C32" s="117">
        <v>5957405</v>
      </c>
      <c r="D32" s="116">
        <v>9141799</v>
      </c>
      <c r="E32" s="112">
        <v>0</v>
      </c>
      <c r="F32" s="117">
        <v>18633502</v>
      </c>
      <c r="G32" s="117">
        <v>23524523</v>
      </c>
      <c r="H32" s="117">
        <v>24033181</v>
      </c>
      <c r="I32" s="117">
        <v>22879361</v>
      </c>
      <c r="J32" s="117">
        <v>18277645</v>
      </c>
      <c r="K32" s="201">
        <v>107348212</v>
      </c>
      <c r="L32" s="119">
        <v>116490011</v>
      </c>
      <c r="M32" s="113">
        <v>680378</v>
      </c>
      <c r="N32" s="117">
        <v>1387690</v>
      </c>
      <c r="O32" s="116">
        <v>2068068</v>
      </c>
      <c r="P32" s="113">
        <v>0</v>
      </c>
      <c r="Q32" s="117">
        <v>4282443</v>
      </c>
      <c r="R32" s="117">
        <v>5290062</v>
      </c>
      <c r="S32" s="117">
        <v>6023388</v>
      </c>
      <c r="T32" s="117">
        <v>7696219</v>
      </c>
      <c r="U32" s="117">
        <v>8903069</v>
      </c>
      <c r="V32" s="116">
        <v>32195181</v>
      </c>
      <c r="W32" s="119">
        <v>34263249</v>
      </c>
      <c r="X32" s="113">
        <v>0</v>
      </c>
      <c r="Y32" s="117">
        <v>0</v>
      </c>
      <c r="Z32" s="116">
        <v>0</v>
      </c>
      <c r="AA32" s="113">
        <v>0</v>
      </c>
      <c r="AB32" s="117">
        <v>2299766</v>
      </c>
      <c r="AC32" s="117">
        <v>2652194</v>
      </c>
      <c r="AD32" s="117">
        <v>2980754</v>
      </c>
      <c r="AE32" s="117">
        <v>3750084</v>
      </c>
      <c r="AF32" s="117">
        <v>5681449</v>
      </c>
      <c r="AG32" s="116">
        <v>17364247</v>
      </c>
      <c r="AH32" s="119">
        <v>17364247</v>
      </c>
      <c r="AI32" s="113">
        <v>0</v>
      </c>
      <c r="AJ32" s="117">
        <v>0</v>
      </c>
      <c r="AK32" s="116">
        <v>0</v>
      </c>
      <c r="AL32" s="113">
        <v>0</v>
      </c>
      <c r="AM32" s="117">
        <v>25357</v>
      </c>
      <c r="AN32" s="117">
        <v>113409</v>
      </c>
      <c r="AO32" s="117">
        <v>305259</v>
      </c>
      <c r="AP32" s="117">
        <v>800099</v>
      </c>
      <c r="AQ32" s="117">
        <v>774579</v>
      </c>
      <c r="AR32" s="116">
        <v>2018703</v>
      </c>
      <c r="AS32" s="119">
        <v>2018703</v>
      </c>
      <c r="AT32" s="113">
        <v>567032</v>
      </c>
      <c r="AU32" s="117">
        <v>1076743</v>
      </c>
      <c r="AV32" s="116">
        <v>1643775</v>
      </c>
      <c r="AW32" s="113">
        <v>0</v>
      </c>
      <c r="AX32" s="117">
        <v>1214885</v>
      </c>
      <c r="AY32" s="117">
        <v>1749630</v>
      </c>
      <c r="AZ32" s="117">
        <v>1558980</v>
      </c>
      <c r="BA32" s="117">
        <v>2284378</v>
      </c>
      <c r="BB32" s="117">
        <v>1799488</v>
      </c>
      <c r="BC32" s="116">
        <v>8607361</v>
      </c>
      <c r="BD32" s="119">
        <v>10251136</v>
      </c>
      <c r="BE32" s="113">
        <v>0</v>
      </c>
      <c r="BF32" s="117">
        <v>100877</v>
      </c>
      <c r="BG32" s="115">
        <v>100877</v>
      </c>
      <c r="BH32" s="114">
        <v>0</v>
      </c>
      <c r="BI32" s="117">
        <v>0</v>
      </c>
      <c r="BJ32" s="117">
        <v>71102</v>
      </c>
      <c r="BK32" s="117">
        <v>137972</v>
      </c>
      <c r="BL32" s="117">
        <v>0</v>
      </c>
      <c r="BM32" s="117">
        <v>66446</v>
      </c>
      <c r="BN32" s="116">
        <v>275520</v>
      </c>
      <c r="BO32" s="119">
        <v>376397</v>
      </c>
      <c r="BP32" s="113">
        <v>113346</v>
      </c>
      <c r="BQ32" s="117">
        <v>210070</v>
      </c>
      <c r="BR32" s="116">
        <v>323416</v>
      </c>
      <c r="BS32" s="113">
        <v>0</v>
      </c>
      <c r="BT32" s="117">
        <v>742435</v>
      </c>
      <c r="BU32" s="117">
        <v>703727</v>
      </c>
      <c r="BV32" s="117">
        <v>1040423</v>
      </c>
      <c r="BW32" s="117">
        <v>861658</v>
      </c>
      <c r="BX32" s="117">
        <v>581107</v>
      </c>
      <c r="BY32" s="116">
        <v>3929350</v>
      </c>
      <c r="BZ32" s="119">
        <v>4252766</v>
      </c>
      <c r="CA32" s="113">
        <v>225981</v>
      </c>
      <c r="CB32" s="117">
        <v>1099654</v>
      </c>
      <c r="CC32" s="116">
        <v>1325635</v>
      </c>
      <c r="CD32" s="113">
        <v>0</v>
      </c>
      <c r="CE32" s="117">
        <v>6567236</v>
      </c>
      <c r="CF32" s="117">
        <v>6961188</v>
      </c>
      <c r="CG32" s="117">
        <v>5214420</v>
      </c>
      <c r="CH32" s="117">
        <v>3890081</v>
      </c>
      <c r="CI32" s="117">
        <v>2164687</v>
      </c>
      <c r="CJ32" s="116">
        <v>24797612</v>
      </c>
      <c r="CK32" s="119">
        <v>26123247</v>
      </c>
      <c r="CL32" s="113">
        <v>0</v>
      </c>
      <c r="CM32" s="117">
        <v>0</v>
      </c>
      <c r="CN32" s="116">
        <v>0</v>
      </c>
      <c r="CO32" s="114">
        <v>0</v>
      </c>
      <c r="CP32" s="117">
        <v>5498919</v>
      </c>
      <c r="CQ32" s="117">
        <v>5433035</v>
      </c>
      <c r="CR32" s="117">
        <v>4089989</v>
      </c>
      <c r="CS32" s="117">
        <v>3077986</v>
      </c>
      <c r="CT32" s="117">
        <v>1637133</v>
      </c>
      <c r="CU32" s="116">
        <v>19737062</v>
      </c>
      <c r="CV32" s="119">
        <v>19737062</v>
      </c>
      <c r="CW32" s="113">
        <v>225981</v>
      </c>
      <c r="CX32" s="117">
        <v>1099654</v>
      </c>
      <c r="CY32" s="116">
        <v>1325635</v>
      </c>
      <c r="CZ32" s="113">
        <v>0</v>
      </c>
      <c r="DA32" s="117">
        <v>1068317</v>
      </c>
      <c r="DB32" s="117">
        <v>1528153</v>
      </c>
      <c r="DC32" s="117">
        <v>1124431</v>
      </c>
      <c r="DD32" s="117">
        <v>812095</v>
      </c>
      <c r="DE32" s="117">
        <v>527554</v>
      </c>
      <c r="DF32" s="116">
        <v>5060550</v>
      </c>
      <c r="DG32" s="119">
        <v>6386185</v>
      </c>
      <c r="DH32" s="113">
        <v>48060</v>
      </c>
      <c r="DI32" s="117">
        <v>20241</v>
      </c>
      <c r="DJ32" s="115">
        <v>68301</v>
      </c>
      <c r="DK32" s="114">
        <v>0</v>
      </c>
      <c r="DL32" s="117">
        <v>536032</v>
      </c>
      <c r="DM32" s="117">
        <v>985496</v>
      </c>
      <c r="DN32" s="117">
        <v>1524036</v>
      </c>
      <c r="DO32" s="117">
        <v>845723</v>
      </c>
      <c r="DP32" s="117">
        <v>954727</v>
      </c>
      <c r="DQ32" s="116">
        <v>4846014</v>
      </c>
      <c r="DR32" s="119">
        <v>4914315</v>
      </c>
      <c r="DS32" s="113">
        <v>48060</v>
      </c>
      <c r="DT32" s="117">
        <v>20241</v>
      </c>
      <c r="DU32" s="116">
        <v>68301</v>
      </c>
      <c r="DV32" s="113">
        <v>0</v>
      </c>
      <c r="DW32" s="117">
        <v>404383</v>
      </c>
      <c r="DX32" s="117">
        <v>850191</v>
      </c>
      <c r="DY32" s="117">
        <v>1237949</v>
      </c>
      <c r="DZ32" s="117">
        <v>738938</v>
      </c>
      <c r="EA32" s="117">
        <v>573094</v>
      </c>
      <c r="EB32" s="116">
        <v>3804555</v>
      </c>
      <c r="EC32" s="119">
        <v>3872856</v>
      </c>
      <c r="ED32" s="113">
        <v>0</v>
      </c>
      <c r="EE32" s="115">
        <v>0</v>
      </c>
      <c r="EF32" s="116">
        <v>0</v>
      </c>
      <c r="EG32" s="113">
        <v>0</v>
      </c>
      <c r="EH32" s="117">
        <v>131649</v>
      </c>
      <c r="EI32" s="117">
        <v>135305</v>
      </c>
      <c r="EJ32" s="117">
        <v>286087</v>
      </c>
      <c r="EK32" s="117">
        <v>106785</v>
      </c>
      <c r="EL32" s="117">
        <v>381633</v>
      </c>
      <c r="EM32" s="115">
        <v>1041459</v>
      </c>
      <c r="EN32" s="119">
        <v>1041459</v>
      </c>
      <c r="EO32" s="113">
        <v>0</v>
      </c>
      <c r="EP32" s="117">
        <v>0</v>
      </c>
      <c r="EQ32" s="115">
        <v>0</v>
      </c>
      <c r="ER32" s="114">
        <v>0</v>
      </c>
      <c r="ES32" s="117">
        <v>0</v>
      </c>
      <c r="ET32" s="117">
        <v>0</v>
      </c>
      <c r="EU32" s="117">
        <v>0</v>
      </c>
      <c r="EV32" s="117">
        <v>0</v>
      </c>
      <c r="EW32" s="117">
        <v>0</v>
      </c>
      <c r="EX32" s="116">
        <v>0</v>
      </c>
      <c r="EY32" s="119">
        <v>0</v>
      </c>
      <c r="EZ32" s="113">
        <v>0</v>
      </c>
      <c r="FA32" s="117">
        <v>0</v>
      </c>
      <c r="FB32" s="115">
        <v>0</v>
      </c>
      <c r="FC32" s="387"/>
      <c r="FD32" s="117">
        <v>0</v>
      </c>
      <c r="FE32" s="117">
        <v>0</v>
      </c>
      <c r="FF32" s="117">
        <v>0</v>
      </c>
      <c r="FG32" s="117">
        <v>0</v>
      </c>
      <c r="FH32" s="117">
        <v>0</v>
      </c>
      <c r="FI32" s="116">
        <v>0</v>
      </c>
      <c r="FJ32" s="119">
        <v>0</v>
      </c>
      <c r="FK32" s="113">
        <v>1106059</v>
      </c>
      <c r="FL32" s="117">
        <v>1439092</v>
      </c>
      <c r="FM32" s="116">
        <v>2545151</v>
      </c>
      <c r="FN32" s="113">
        <v>0</v>
      </c>
      <c r="FO32" s="117">
        <v>390215</v>
      </c>
      <c r="FP32" s="117">
        <v>2137251</v>
      </c>
      <c r="FQ32" s="117">
        <v>1780843</v>
      </c>
      <c r="FR32" s="117">
        <v>1257556</v>
      </c>
      <c r="FS32" s="117">
        <v>1185778</v>
      </c>
      <c r="FT32" s="116">
        <v>6751643</v>
      </c>
      <c r="FU32" s="119">
        <v>9296794</v>
      </c>
      <c r="FV32" s="118">
        <v>298975</v>
      </c>
      <c r="FW32" s="117">
        <v>710190</v>
      </c>
      <c r="FX32" s="115">
        <v>1009165</v>
      </c>
      <c r="FY32" s="114">
        <v>0</v>
      </c>
      <c r="FZ32" s="117">
        <v>374375</v>
      </c>
      <c r="GA32" s="117">
        <v>1912391</v>
      </c>
      <c r="GB32" s="117">
        <v>1584905</v>
      </c>
      <c r="GC32" s="117">
        <v>1257556</v>
      </c>
      <c r="GD32" s="117">
        <v>1115778</v>
      </c>
      <c r="GE32" s="116">
        <v>6245005</v>
      </c>
      <c r="GF32" s="351">
        <v>7254170</v>
      </c>
      <c r="GG32" s="118">
        <v>46980</v>
      </c>
      <c r="GH32" s="117">
        <v>123772</v>
      </c>
      <c r="GI32" s="115">
        <v>170752</v>
      </c>
      <c r="GJ32" s="114">
        <v>0</v>
      </c>
      <c r="GK32" s="117">
        <v>15840</v>
      </c>
      <c r="GL32" s="117">
        <v>75760</v>
      </c>
      <c r="GM32" s="117">
        <v>51848</v>
      </c>
      <c r="GN32" s="117">
        <v>0</v>
      </c>
      <c r="GO32" s="117">
        <v>70000</v>
      </c>
      <c r="GP32" s="116">
        <v>213448</v>
      </c>
      <c r="GQ32" s="119">
        <v>384200</v>
      </c>
      <c r="GR32" s="113">
        <v>760104</v>
      </c>
      <c r="GS32" s="117">
        <v>605130</v>
      </c>
      <c r="GT32" s="116">
        <v>1365234</v>
      </c>
      <c r="GU32" s="113">
        <v>0</v>
      </c>
      <c r="GV32" s="117">
        <v>0</v>
      </c>
      <c r="GW32" s="117">
        <v>149100</v>
      </c>
      <c r="GX32" s="117">
        <v>144090</v>
      </c>
      <c r="GY32" s="117">
        <v>0</v>
      </c>
      <c r="GZ32" s="117">
        <v>0</v>
      </c>
      <c r="HA32" s="115">
        <v>293190</v>
      </c>
      <c r="HB32" s="119">
        <v>1658424</v>
      </c>
      <c r="HC32" s="113">
        <v>685616</v>
      </c>
      <c r="HD32" s="117">
        <v>1383533</v>
      </c>
      <c r="HE32" s="115">
        <v>2069149</v>
      </c>
      <c r="HF32" s="114">
        <v>0</v>
      </c>
      <c r="HG32" s="117">
        <v>4198938</v>
      </c>
      <c r="HH32" s="117">
        <v>5542757</v>
      </c>
      <c r="HI32" s="117">
        <v>7296450</v>
      </c>
      <c r="HJ32" s="117">
        <v>7948274</v>
      </c>
      <c r="HK32" s="117">
        <v>4256910</v>
      </c>
      <c r="HL32" s="116">
        <v>29243329</v>
      </c>
      <c r="HM32" s="112">
        <v>31312478</v>
      </c>
      <c r="HN32" s="118">
        <v>438300</v>
      </c>
      <c r="HO32" s="117">
        <v>627195</v>
      </c>
      <c r="HP32" s="116">
        <v>1065495</v>
      </c>
      <c r="HQ32" s="113">
        <v>0</v>
      </c>
      <c r="HR32" s="117">
        <v>2658638</v>
      </c>
      <c r="HS32" s="117">
        <v>2607769</v>
      </c>
      <c r="HT32" s="117">
        <v>2194044</v>
      </c>
      <c r="HU32" s="117">
        <v>1241508</v>
      </c>
      <c r="HV32" s="117">
        <v>812474</v>
      </c>
      <c r="HW32" s="115">
        <v>9514433</v>
      </c>
      <c r="HX32" s="119">
        <v>10579928</v>
      </c>
      <c r="HY32" s="168">
        <v>0</v>
      </c>
      <c r="HZ32" s="153">
        <v>0</v>
      </c>
      <c r="IA32" s="168">
        <v>0</v>
      </c>
      <c r="IB32" s="152">
        <v>0</v>
      </c>
      <c r="IC32" s="153">
        <v>6648539</v>
      </c>
      <c r="ID32" s="154">
        <v>3182494</v>
      </c>
      <c r="IE32" s="155">
        <v>6153901</v>
      </c>
      <c r="IF32" s="153">
        <v>2245505</v>
      </c>
      <c r="IG32" s="155">
        <v>2391005</v>
      </c>
      <c r="IH32" s="156">
        <v>20621444</v>
      </c>
      <c r="II32" s="168">
        <v>20621444</v>
      </c>
      <c r="IJ32" s="262">
        <v>0</v>
      </c>
      <c r="IK32" s="269">
        <v>0</v>
      </c>
      <c r="IL32" s="270">
        <v>0</v>
      </c>
      <c r="IM32" s="158"/>
      <c r="IN32" s="123">
        <v>0</v>
      </c>
      <c r="IO32" s="123">
        <v>107592</v>
      </c>
      <c r="IP32" s="123">
        <v>167733</v>
      </c>
      <c r="IQ32" s="123">
        <v>0</v>
      </c>
      <c r="IR32" s="123">
        <v>0</v>
      </c>
      <c r="IS32" s="159">
        <v>275325</v>
      </c>
      <c r="IT32" s="354">
        <v>275325</v>
      </c>
      <c r="IU32" s="160">
        <v>0</v>
      </c>
      <c r="IV32" s="123">
        <v>0</v>
      </c>
      <c r="IW32" s="124">
        <v>0</v>
      </c>
      <c r="IX32" s="162"/>
      <c r="IY32" s="123">
        <v>0</v>
      </c>
      <c r="IZ32" s="123">
        <v>0</v>
      </c>
      <c r="JA32" s="123">
        <v>0</v>
      </c>
      <c r="JB32" s="123">
        <v>0</v>
      </c>
      <c r="JC32" s="123">
        <v>0</v>
      </c>
      <c r="JD32" s="124">
        <v>0</v>
      </c>
      <c r="JE32" s="125">
        <v>0</v>
      </c>
      <c r="JF32" s="160">
        <v>0</v>
      </c>
      <c r="JG32" s="123">
        <v>0</v>
      </c>
      <c r="JH32" s="159">
        <v>0</v>
      </c>
      <c r="JI32" s="122">
        <v>0</v>
      </c>
      <c r="JJ32" s="123">
        <v>1355760</v>
      </c>
      <c r="JK32" s="123">
        <v>1345201</v>
      </c>
      <c r="JL32" s="123">
        <v>1108069</v>
      </c>
      <c r="JM32" s="123">
        <v>123355</v>
      </c>
      <c r="JN32" s="123">
        <v>0</v>
      </c>
      <c r="JO32" s="124">
        <v>3932385</v>
      </c>
      <c r="JP32" s="354">
        <v>3932385</v>
      </c>
      <c r="JQ32" s="160">
        <v>0</v>
      </c>
      <c r="JR32" s="123">
        <v>0</v>
      </c>
      <c r="JS32" s="159">
        <v>0</v>
      </c>
      <c r="JT32" s="122">
        <v>0</v>
      </c>
      <c r="JU32" s="123">
        <v>401988</v>
      </c>
      <c r="JV32" s="123">
        <v>102176</v>
      </c>
      <c r="JW32" s="123">
        <v>116280</v>
      </c>
      <c r="JX32" s="123">
        <v>275112</v>
      </c>
      <c r="JY32" s="123">
        <v>60714</v>
      </c>
      <c r="JZ32" s="124">
        <v>956270</v>
      </c>
      <c r="KA32" s="354">
        <v>956270</v>
      </c>
      <c r="KB32" s="265">
        <v>0</v>
      </c>
      <c r="KC32" s="259">
        <v>0</v>
      </c>
      <c r="KD32" s="124">
        <v>0</v>
      </c>
      <c r="KE32" s="122">
        <v>0</v>
      </c>
      <c r="KF32" s="123">
        <v>0</v>
      </c>
      <c r="KG32" s="123">
        <v>383848</v>
      </c>
      <c r="KH32" s="123">
        <v>0</v>
      </c>
      <c r="KI32" s="123">
        <v>0</v>
      </c>
      <c r="KJ32" s="123">
        <v>0</v>
      </c>
      <c r="KK32" s="124">
        <v>383848</v>
      </c>
      <c r="KL32" s="161">
        <v>383848</v>
      </c>
      <c r="KM32" s="262">
        <v>0</v>
      </c>
      <c r="KN32" s="269">
        <v>0</v>
      </c>
      <c r="KO32" s="270">
        <v>0</v>
      </c>
      <c r="KP32" s="158"/>
      <c r="KQ32" s="123">
        <v>4890791</v>
      </c>
      <c r="KR32" s="123">
        <v>1243677</v>
      </c>
      <c r="KS32" s="123">
        <v>1281838</v>
      </c>
      <c r="KT32" s="123">
        <v>634662</v>
      </c>
      <c r="KU32" s="123">
        <v>1153402</v>
      </c>
      <c r="KV32" s="124">
        <v>9204370</v>
      </c>
      <c r="KW32" s="354">
        <v>9204370</v>
      </c>
      <c r="KX32" s="160">
        <v>0</v>
      </c>
      <c r="KY32" s="123">
        <v>0</v>
      </c>
      <c r="KZ32" s="124">
        <v>0</v>
      </c>
      <c r="LA32" s="163"/>
      <c r="LB32" s="123">
        <v>0</v>
      </c>
      <c r="LC32" s="123">
        <v>0</v>
      </c>
      <c r="LD32" s="123">
        <v>0</v>
      </c>
      <c r="LE32" s="123">
        <v>0</v>
      </c>
      <c r="LF32" s="123">
        <v>0</v>
      </c>
      <c r="LG32" s="124">
        <v>0</v>
      </c>
      <c r="LH32" s="125">
        <v>0</v>
      </c>
      <c r="LI32" s="160">
        <v>0</v>
      </c>
      <c r="LJ32" s="123">
        <v>0</v>
      </c>
      <c r="LK32" s="124">
        <v>0</v>
      </c>
      <c r="LL32" s="163"/>
      <c r="LM32" s="123">
        <v>0</v>
      </c>
      <c r="LN32" s="123">
        <v>0</v>
      </c>
      <c r="LO32" s="123">
        <v>3199578</v>
      </c>
      <c r="LP32" s="123">
        <v>1212376</v>
      </c>
      <c r="LQ32" s="123">
        <v>1176889</v>
      </c>
      <c r="LR32" s="124">
        <v>5588843</v>
      </c>
      <c r="LS32" s="354">
        <v>5588843</v>
      </c>
      <c r="LT32" s="160">
        <v>0</v>
      </c>
      <c r="LU32" s="123">
        <v>0</v>
      </c>
      <c r="LV32" s="124">
        <v>0</v>
      </c>
      <c r="LW32" s="163"/>
      <c r="LX32" s="123">
        <v>0</v>
      </c>
      <c r="LY32" s="123">
        <v>0</v>
      </c>
      <c r="LZ32" s="123">
        <v>280403</v>
      </c>
      <c r="MA32" s="123">
        <v>0</v>
      </c>
      <c r="MB32" s="123">
        <v>0</v>
      </c>
      <c r="MC32" s="124">
        <v>280403</v>
      </c>
      <c r="MD32" s="125">
        <v>280403</v>
      </c>
      <c r="ME32" s="160">
        <v>0</v>
      </c>
      <c r="MF32" s="123">
        <v>0</v>
      </c>
      <c r="MG32" s="124">
        <v>0</v>
      </c>
      <c r="MH32" s="163"/>
      <c r="MI32" s="123">
        <v>2105128</v>
      </c>
      <c r="MJ32" s="123">
        <v>3444151</v>
      </c>
      <c r="MK32" s="123">
        <v>18015035</v>
      </c>
      <c r="ML32" s="123">
        <v>20365032</v>
      </c>
      <c r="MM32" s="123">
        <v>15418818</v>
      </c>
      <c r="MN32" s="124">
        <v>59348164</v>
      </c>
      <c r="MO32" s="161">
        <v>59348164</v>
      </c>
      <c r="MP32" s="160">
        <v>0</v>
      </c>
      <c r="MQ32" s="123">
        <v>0</v>
      </c>
      <c r="MR32" s="124">
        <v>0</v>
      </c>
      <c r="MS32" s="163">
        <v>0</v>
      </c>
      <c r="MT32" s="123">
        <v>414768</v>
      </c>
      <c r="MU32" s="123">
        <v>460300</v>
      </c>
      <c r="MV32" s="123">
        <v>10266701</v>
      </c>
      <c r="MW32" s="123">
        <v>15587777</v>
      </c>
      <c r="MX32" s="123">
        <v>11790975</v>
      </c>
      <c r="MY32" s="124">
        <v>38520521</v>
      </c>
      <c r="MZ32" s="161">
        <v>38520521</v>
      </c>
      <c r="NA32" s="160">
        <v>0</v>
      </c>
      <c r="NB32" s="123">
        <v>0</v>
      </c>
      <c r="NC32" s="124">
        <v>0</v>
      </c>
      <c r="ND32" s="163"/>
      <c r="NE32" s="123">
        <v>1690360</v>
      </c>
      <c r="NF32" s="123">
        <v>2983851</v>
      </c>
      <c r="NG32" s="123">
        <v>7024835</v>
      </c>
      <c r="NH32" s="123">
        <v>4066534</v>
      </c>
      <c r="NI32" s="123">
        <v>3158034</v>
      </c>
      <c r="NJ32" s="124">
        <v>18923614</v>
      </c>
      <c r="NK32" s="354">
        <v>18923614</v>
      </c>
      <c r="NL32" s="160">
        <v>0</v>
      </c>
      <c r="NM32" s="123">
        <v>0</v>
      </c>
      <c r="NN32" s="124">
        <v>0</v>
      </c>
      <c r="NO32" s="163"/>
      <c r="NP32" s="123">
        <v>0</v>
      </c>
      <c r="NQ32" s="123">
        <v>0</v>
      </c>
      <c r="NR32" s="123">
        <v>320983</v>
      </c>
      <c r="NS32" s="123">
        <v>0</v>
      </c>
      <c r="NT32" s="123">
        <v>0</v>
      </c>
      <c r="NU32" s="124">
        <v>320983</v>
      </c>
      <c r="NV32" s="125">
        <v>320983</v>
      </c>
      <c r="NW32" s="160">
        <v>0</v>
      </c>
      <c r="NX32" s="123">
        <v>0</v>
      </c>
      <c r="NY32" s="124">
        <v>0</v>
      </c>
      <c r="NZ32" s="163"/>
      <c r="OA32" s="123">
        <v>0</v>
      </c>
      <c r="OB32" s="123">
        <v>0</v>
      </c>
      <c r="OC32" s="123">
        <v>402516</v>
      </c>
      <c r="OD32" s="123">
        <v>710721</v>
      </c>
      <c r="OE32" s="123">
        <v>469809</v>
      </c>
      <c r="OF32" s="124">
        <v>1583046</v>
      </c>
      <c r="OG32" s="125">
        <v>1583046</v>
      </c>
      <c r="OH32" s="160">
        <v>3184394</v>
      </c>
      <c r="OI32" s="123">
        <v>5957405</v>
      </c>
      <c r="OJ32" s="159">
        <v>9141799</v>
      </c>
      <c r="OK32" s="122">
        <v>0</v>
      </c>
      <c r="OL32" s="123">
        <v>27387169</v>
      </c>
      <c r="OM32" s="123">
        <v>30151168</v>
      </c>
      <c r="ON32" s="123">
        <v>48202117</v>
      </c>
      <c r="OO32" s="123">
        <v>45489898</v>
      </c>
      <c r="OP32" s="123">
        <v>36087468</v>
      </c>
      <c r="OQ32" s="124">
        <v>187317820</v>
      </c>
      <c r="OR32" s="161">
        <v>196459619</v>
      </c>
    </row>
    <row r="33" spans="1:408" ht="18.75" customHeight="1" x14ac:dyDescent="0.2">
      <c r="A33" s="63" t="s">
        <v>28</v>
      </c>
      <c r="B33" s="113">
        <v>147696</v>
      </c>
      <c r="C33" s="117">
        <v>481611</v>
      </c>
      <c r="D33" s="116">
        <v>629307</v>
      </c>
      <c r="E33" s="112">
        <v>0</v>
      </c>
      <c r="F33" s="117">
        <v>5176132</v>
      </c>
      <c r="G33" s="117">
        <v>8515542</v>
      </c>
      <c r="H33" s="117">
        <v>6257268</v>
      </c>
      <c r="I33" s="117">
        <v>6343274</v>
      </c>
      <c r="J33" s="117">
        <v>6640623</v>
      </c>
      <c r="K33" s="201">
        <v>32932839</v>
      </c>
      <c r="L33" s="119">
        <v>33562146</v>
      </c>
      <c r="M33" s="113">
        <v>87588</v>
      </c>
      <c r="N33" s="117">
        <v>105838</v>
      </c>
      <c r="O33" s="116">
        <v>193426</v>
      </c>
      <c r="P33" s="113">
        <v>0</v>
      </c>
      <c r="Q33" s="117">
        <v>1012249</v>
      </c>
      <c r="R33" s="117">
        <v>1737896</v>
      </c>
      <c r="S33" s="117">
        <v>1245943</v>
      </c>
      <c r="T33" s="117">
        <v>1299995</v>
      </c>
      <c r="U33" s="117">
        <v>3165544</v>
      </c>
      <c r="V33" s="116">
        <v>8461627</v>
      </c>
      <c r="W33" s="119">
        <v>8655053</v>
      </c>
      <c r="X33" s="113">
        <v>0</v>
      </c>
      <c r="Y33" s="117">
        <v>0</v>
      </c>
      <c r="Z33" s="116">
        <v>0</v>
      </c>
      <c r="AA33" s="113">
        <v>0</v>
      </c>
      <c r="AB33" s="117">
        <v>505418</v>
      </c>
      <c r="AC33" s="117">
        <v>461438</v>
      </c>
      <c r="AD33" s="117">
        <v>458063</v>
      </c>
      <c r="AE33" s="117">
        <v>520439</v>
      </c>
      <c r="AF33" s="117">
        <v>1307769</v>
      </c>
      <c r="AG33" s="116">
        <v>3253127</v>
      </c>
      <c r="AH33" s="119">
        <v>3253127</v>
      </c>
      <c r="AI33" s="113">
        <v>0</v>
      </c>
      <c r="AJ33" s="117">
        <v>0</v>
      </c>
      <c r="AK33" s="116">
        <v>0</v>
      </c>
      <c r="AL33" s="113">
        <v>0</v>
      </c>
      <c r="AM33" s="117">
        <v>0</v>
      </c>
      <c r="AN33" s="117">
        <v>0</v>
      </c>
      <c r="AO33" s="117">
        <v>50715</v>
      </c>
      <c r="AP33" s="117">
        <v>50715</v>
      </c>
      <c r="AQ33" s="117">
        <v>380044</v>
      </c>
      <c r="AR33" s="116">
        <v>481474</v>
      </c>
      <c r="AS33" s="119">
        <v>481474</v>
      </c>
      <c r="AT33" s="113">
        <v>74880</v>
      </c>
      <c r="AU33" s="117">
        <v>100474</v>
      </c>
      <c r="AV33" s="116">
        <v>175354</v>
      </c>
      <c r="AW33" s="113">
        <v>0</v>
      </c>
      <c r="AX33" s="117">
        <v>359334</v>
      </c>
      <c r="AY33" s="117">
        <v>1061340</v>
      </c>
      <c r="AZ33" s="117">
        <v>545181</v>
      </c>
      <c r="BA33" s="117">
        <v>437043</v>
      </c>
      <c r="BB33" s="117">
        <v>1169278</v>
      </c>
      <c r="BC33" s="116">
        <v>3572176</v>
      </c>
      <c r="BD33" s="119">
        <v>3747530</v>
      </c>
      <c r="BE33" s="113">
        <v>0</v>
      </c>
      <c r="BF33" s="117">
        <v>0</v>
      </c>
      <c r="BG33" s="115">
        <v>0</v>
      </c>
      <c r="BH33" s="114">
        <v>0</v>
      </c>
      <c r="BI33" s="117">
        <v>96599</v>
      </c>
      <c r="BJ33" s="117">
        <v>0</v>
      </c>
      <c r="BK33" s="117">
        <v>0</v>
      </c>
      <c r="BL33" s="117">
        <v>85977</v>
      </c>
      <c r="BM33" s="117">
        <v>106652</v>
      </c>
      <c r="BN33" s="116">
        <v>289228</v>
      </c>
      <c r="BO33" s="119">
        <v>289228</v>
      </c>
      <c r="BP33" s="113">
        <v>12708</v>
      </c>
      <c r="BQ33" s="117">
        <v>5364</v>
      </c>
      <c r="BR33" s="116">
        <v>18072</v>
      </c>
      <c r="BS33" s="113">
        <v>0</v>
      </c>
      <c r="BT33" s="117">
        <v>50898</v>
      </c>
      <c r="BU33" s="117">
        <v>215118</v>
      </c>
      <c r="BV33" s="117">
        <v>191984</v>
      </c>
      <c r="BW33" s="117">
        <v>205821</v>
      </c>
      <c r="BX33" s="117">
        <v>201801</v>
      </c>
      <c r="BY33" s="116">
        <v>865622</v>
      </c>
      <c r="BZ33" s="119">
        <v>883694</v>
      </c>
      <c r="CA33" s="113">
        <v>0</v>
      </c>
      <c r="CB33" s="117">
        <v>210178</v>
      </c>
      <c r="CC33" s="116">
        <v>210178</v>
      </c>
      <c r="CD33" s="113">
        <v>0</v>
      </c>
      <c r="CE33" s="117">
        <v>2334617</v>
      </c>
      <c r="CF33" s="117">
        <v>3112839</v>
      </c>
      <c r="CG33" s="117">
        <v>2155244</v>
      </c>
      <c r="CH33" s="117">
        <v>1956348</v>
      </c>
      <c r="CI33" s="117">
        <v>1612275</v>
      </c>
      <c r="CJ33" s="116">
        <v>11171323</v>
      </c>
      <c r="CK33" s="119">
        <v>11381501</v>
      </c>
      <c r="CL33" s="113">
        <v>0</v>
      </c>
      <c r="CM33" s="117">
        <v>0</v>
      </c>
      <c r="CN33" s="116">
        <v>0</v>
      </c>
      <c r="CO33" s="114">
        <v>0</v>
      </c>
      <c r="CP33" s="117">
        <v>2163805</v>
      </c>
      <c r="CQ33" s="117">
        <v>2383955</v>
      </c>
      <c r="CR33" s="117">
        <v>1472086</v>
      </c>
      <c r="CS33" s="117">
        <v>1203444</v>
      </c>
      <c r="CT33" s="117">
        <v>1063633</v>
      </c>
      <c r="CU33" s="116">
        <v>8286923</v>
      </c>
      <c r="CV33" s="119">
        <v>8286923</v>
      </c>
      <c r="CW33" s="113">
        <v>0</v>
      </c>
      <c r="CX33" s="117">
        <v>210178</v>
      </c>
      <c r="CY33" s="116">
        <v>210178</v>
      </c>
      <c r="CZ33" s="113">
        <v>0</v>
      </c>
      <c r="DA33" s="117">
        <v>170812</v>
      </c>
      <c r="DB33" s="117">
        <v>728884</v>
      </c>
      <c r="DC33" s="117">
        <v>683158</v>
      </c>
      <c r="DD33" s="117">
        <v>752904</v>
      </c>
      <c r="DE33" s="117">
        <v>548642</v>
      </c>
      <c r="DF33" s="116">
        <v>2884400</v>
      </c>
      <c r="DG33" s="119">
        <v>3094578</v>
      </c>
      <c r="DH33" s="113">
        <v>0</v>
      </c>
      <c r="DI33" s="117">
        <v>29555</v>
      </c>
      <c r="DJ33" s="115">
        <v>29555</v>
      </c>
      <c r="DK33" s="114">
        <v>0</v>
      </c>
      <c r="DL33" s="117">
        <v>157253</v>
      </c>
      <c r="DM33" s="117">
        <v>451270</v>
      </c>
      <c r="DN33" s="117">
        <v>826237</v>
      </c>
      <c r="DO33" s="117">
        <v>1016517</v>
      </c>
      <c r="DP33" s="117">
        <v>181664</v>
      </c>
      <c r="DQ33" s="116">
        <v>2632941</v>
      </c>
      <c r="DR33" s="119">
        <v>2662496</v>
      </c>
      <c r="DS33" s="113">
        <v>0</v>
      </c>
      <c r="DT33" s="117">
        <v>29555</v>
      </c>
      <c r="DU33" s="116">
        <v>29555</v>
      </c>
      <c r="DV33" s="113">
        <v>0</v>
      </c>
      <c r="DW33" s="117">
        <v>113553</v>
      </c>
      <c r="DX33" s="117">
        <v>417331</v>
      </c>
      <c r="DY33" s="117">
        <v>695797</v>
      </c>
      <c r="DZ33" s="117">
        <v>383574</v>
      </c>
      <c r="EA33" s="117">
        <v>146519</v>
      </c>
      <c r="EB33" s="116">
        <v>1756774</v>
      </c>
      <c r="EC33" s="119">
        <v>1786329</v>
      </c>
      <c r="ED33" s="113">
        <v>0</v>
      </c>
      <c r="EE33" s="115">
        <v>0</v>
      </c>
      <c r="EF33" s="116">
        <v>0</v>
      </c>
      <c r="EG33" s="113">
        <v>0</v>
      </c>
      <c r="EH33" s="117">
        <v>43700</v>
      </c>
      <c r="EI33" s="117">
        <v>33939</v>
      </c>
      <c r="EJ33" s="117">
        <v>130440</v>
      </c>
      <c r="EK33" s="117">
        <v>632943</v>
      </c>
      <c r="EL33" s="117">
        <v>35145</v>
      </c>
      <c r="EM33" s="115">
        <v>876167</v>
      </c>
      <c r="EN33" s="119">
        <v>876167</v>
      </c>
      <c r="EO33" s="113">
        <v>0</v>
      </c>
      <c r="EP33" s="117">
        <v>0</v>
      </c>
      <c r="EQ33" s="115">
        <v>0</v>
      </c>
      <c r="ER33" s="114">
        <v>0</v>
      </c>
      <c r="ES33" s="117">
        <v>0</v>
      </c>
      <c r="ET33" s="117">
        <v>0</v>
      </c>
      <c r="EU33" s="117">
        <v>0</v>
      </c>
      <c r="EV33" s="117">
        <v>0</v>
      </c>
      <c r="EW33" s="117">
        <v>0</v>
      </c>
      <c r="EX33" s="116">
        <v>0</v>
      </c>
      <c r="EY33" s="119">
        <v>0</v>
      </c>
      <c r="EZ33" s="113">
        <v>0</v>
      </c>
      <c r="FA33" s="117">
        <v>0</v>
      </c>
      <c r="FB33" s="115">
        <v>0</v>
      </c>
      <c r="FC33" s="387"/>
      <c r="FD33" s="117">
        <v>0</v>
      </c>
      <c r="FE33" s="117">
        <v>0</v>
      </c>
      <c r="FF33" s="117">
        <v>0</v>
      </c>
      <c r="FG33" s="117">
        <v>0</v>
      </c>
      <c r="FH33" s="117">
        <v>0</v>
      </c>
      <c r="FI33" s="116">
        <v>0</v>
      </c>
      <c r="FJ33" s="119">
        <v>0</v>
      </c>
      <c r="FK33" s="113">
        <v>29448</v>
      </c>
      <c r="FL33" s="117">
        <v>61580</v>
      </c>
      <c r="FM33" s="116">
        <v>91028</v>
      </c>
      <c r="FN33" s="113">
        <v>0</v>
      </c>
      <c r="FO33" s="117">
        <v>182692</v>
      </c>
      <c r="FP33" s="117">
        <v>768243</v>
      </c>
      <c r="FQ33" s="117">
        <v>535713</v>
      </c>
      <c r="FR33" s="117">
        <v>405576</v>
      </c>
      <c r="FS33" s="117">
        <v>585139</v>
      </c>
      <c r="FT33" s="116">
        <v>2477363</v>
      </c>
      <c r="FU33" s="119">
        <v>2568391</v>
      </c>
      <c r="FV33" s="118">
        <v>29448</v>
      </c>
      <c r="FW33" s="117">
        <v>61580</v>
      </c>
      <c r="FX33" s="115">
        <v>91028</v>
      </c>
      <c r="FY33" s="114">
        <v>0</v>
      </c>
      <c r="FZ33" s="117">
        <v>182692</v>
      </c>
      <c r="GA33" s="117">
        <v>768243</v>
      </c>
      <c r="GB33" s="117">
        <v>499281</v>
      </c>
      <c r="GC33" s="117">
        <v>405576</v>
      </c>
      <c r="GD33" s="117">
        <v>550995</v>
      </c>
      <c r="GE33" s="116">
        <v>2406787</v>
      </c>
      <c r="GF33" s="351">
        <v>2497815</v>
      </c>
      <c r="GG33" s="118">
        <v>0</v>
      </c>
      <c r="GH33" s="117">
        <v>0</v>
      </c>
      <c r="GI33" s="115">
        <v>0</v>
      </c>
      <c r="GJ33" s="114">
        <v>0</v>
      </c>
      <c r="GK33" s="117">
        <v>0</v>
      </c>
      <c r="GL33" s="117">
        <v>0</v>
      </c>
      <c r="GM33" s="117">
        <v>36432</v>
      </c>
      <c r="GN33" s="117">
        <v>0</v>
      </c>
      <c r="GO33" s="117">
        <v>34144</v>
      </c>
      <c r="GP33" s="116">
        <v>70576</v>
      </c>
      <c r="GQ33" s="119">
        <v>70576</v>
      </c>
      <c r="GR33" s="113">
        <v>0</v>
      </c>
      <c r="GS33" s="117">
        <v>0</v>
      </c>
      <c r="GT33" s="116">
        <v>0</v>
      </c>
      <c r="GU33" s="113">
        <v>0</v>
      </c>
      <c r="GV33" s="117">
        <v>0</v>
      </c>
      <c r="GW33" s="117">
        <v>0</v>
      </c>
      <c r="GX33" s="117">
        <v>0</v>
      </c>
      <c r="GY33" s="117">
        <v>0</v>
      </c>
      <c r="GZ33" s="117">
        <v>0</v>
      </c>
      <c r="HA33" s="115">
        <v>0</v>
      </c>
      <c r="HB33" s="119">
        <v>0</v>
      </c>
      <c r="HC33" s="113">
        <v>0</v>
      </c>
      <c r="HD33" s="117">
        <v>0</v>
      </c>
      <c r="HE33" s="115">
        <v>0</v>
      </c>
      <c r="HF33" s="114">
        <v>0</v>
      </c>
      <c r="HG33" s="117">
        <v>649633</v>
      </c>
      <c r="HH33" s="117">
        <v>1291134</v>
      </c>
      <c r="HI33" s="117">
        <v>862156</v>
      </c>
      <c r="HJ33" s="117">
        <v>1199683</v>
      </c>
      <c r="HK33" s="117">
        <v>729082</v>
      </c>
      <c r="HL33" s="116">
        <v>4731688</v>
      </c>
      <c r="HM33" s="112">
        <v>4731688</v>
      </c>
      <c r="HN33" s="118">
        <v>30660</v>
      </c>
      <c r="HO33" s="117">
        <v>74460</v>
      </c>
      <c r="HP33" s="116">
        <v>105120</v>
      </c>
      <c r="HQ33" s="113">
        <v>0</v>
      </c>
      <c r="HR33" s="117">
        <v>839688</v>
      </c>
      <c r="HS33" s="117">
        <v>1154160</v>
      </c>
      <c r="HT33" s="117">
        <v>631975</v>
      </c>
      <c r="HU33" s="117">
        <v>465155</v>
      </c>
      <c r="HV33" s="117">
        <v>366919</v>
      </c>
      <c r="HW33" s="115">
        <v>3457897</v>
      </c>
      <c r="HX33" s="119">
        <v>3563017</v>
      </c>
      <c r="HY33" s="149">
        <v>0</v>
      </c>
      <c r="HZ33" s="150">
        <v>0</v>
      </c>
      <c r="IA33" s="151">
        <v>0</v>
      </c>
      <c r="IB33" s="164">
        <v>0</v>
      </c>
      <c r="IC33" s="150">
        <v>598029</v>
      </c>
      <c r="ID33" s="165">
        <v>1099911</v>
      </c>
      <c r="IE33" s="151">
        <v>2680384</v>
      </c>
      <c r="IF33" s="150">
        <v>691803</v>
      </c>
      <c r="IG33" s="151">
        <v>862722</v>
      </c>
      <c r="IH33" s="166">
        <v>5932849</v>
      </c>
      <c r="II33" s="157">
        <v>5932849</v>
      </c>
      <c r="IJ33" s="262">
        <v>0</v>
      </c>
      <c r="IK33" s="269">
        <v>0</v>
      </c>
      <c r="IL33" s="270">
        <v>0</v>
      </c>
      <c r="IM33" s="158"/>
      <c r="IN33" s="123">
        <v>0</v>
      </c>
      <c r="IO33" s="123">
        <v>0</v>
      </c>
      <c r="IP33" s="123">
        <v>0</v>
      </c>
      <c r="IQ33" s="123">
        <v>0</v>
      </c>
      <c r="IR33" s="123">
        <v>0</v>
      </c>
      <c r="IS33" s="159">
        <v>0</v>
      </c>
      <c r="IT33" s="354">
        <v>0</v>
      </c>
      <c r="IU33" s="160">
        <v>0</v>
      </c>
      <c r="IV33" s="123">
        <v>0</v>
      </c>
      <c r="IW33" s="124">
        <v>0</v>
      </c>
      <c r="IX33" s="162"/>
      <c r="IY33" s="123">
        <v>0</v>
      </c>
      <c r="IZ33" s="123">
        <v>0</v>
      </c>
      <c r="JA33" s="123">
        <v>0</v>
      </c>
      <c r="JB33" s="123">
        <v>0</v>
      </c>
      <c r="JC33" s="123">
        <v>0</v>
      </c>
      <c r="JD33" s="124">
        <v>0</v>
      </c>
      <c r="JE33" s="125">
        <v>0</v>
      </c>
      <c r="JF33" s="160">
        <v>0</v>
      </c>
      <c r="JG33" s="123">
        <v>0</v>
      </c>
      <c r="JH33" s="159">
        <v>0</v>
      </c>
      <c r="JI33" s="122">
        <v>0</v>
      </c>
      <c r="JJ33" s="123">
        <v>503259</v>
      </c>
      <c r="JK33" s="123">
        <v>509043</v>
      </c>
      <c r="JL33" s="123">
        <v>149094</v>
      </c>
      <c r="JM33" s="123">
        <v>152325</v>
      </c>
      <c r="JN33" s="123">
        <v>0</v>
      </c>
      <c r="JO33" s="124">
        <v>1313721</v>
      </c>
      <c r="JP33" s="354">
        <v>1313721</v>
      </c>
      <c r="JQ33" s="160">
        <v>0</v>
      </c>
      <c r="JR33" s="123">
        <v>0</v>
      </c>
      <c r="JS33" s="159">
        <v>0</v>
      </c>
      <c r="JT33" s="122">
        <v>0</v>
      </c>
      <c r="JU33" s="123">
        <v>86130</v>
      </c>
      <c r="JV33" s="123">
        <v>59346</v>
      </c>
      <c r="JW33" s="123">
        <v>557935</v>
      </c>
      <c r="JX33" s="123">
        <v>0</v>
      </c>
      <c r="JY33" s="123">
        <v>0</v>
      </c>
      <c r="JZ33" s="124">
        <v>703411</v>
      </c>
      <c r="KA33" s="354">
        <v>703411</v>
      </c>
      <c r="KB33" s="265">
        <v>0</v>
      </c>
      <c r="KC33" s="259">
        <v>0</v>
      </c>
      <c r="KD33" s="124">
        <v>0</v>
      </c>
      <c r="KE33" s="122">
        <v>0</v>
      </c>
      <c r="KF33" s="123">
        <v>0</v>
      </c>
      <c r="KG33" s="123">
        <v>0</v>
      </c>
      <c r="KH33" s="123">
        <v>0</v>
      </c>
      <c r="KI33" s="123">
        <v>0</v>
      </c>
      <c r="KJ33" s="123">
        <v>0</v>
      </c>
      <c r="KK33" s="124">
        <v>0</v>
      </c>
      <c r="KL33" s="161">
        <v>0</v>
      </c>
      <c r="KM33" s="262">
        <v>0</v>
      </c>
      <c r="KN33" s="269">
        <v>0</v>
      </c>
      <c r="KO33" s="270">
        <v>0</v>
      </c>
      <c r="KP33" s="158"/>
      <c r="KQ33" s="123">
        <v>8640</v>
      </c>
      <c r="KR33" s="123">
        <v>531522</v>
      </c>
      <c r="KS33" s="123">
        <v>1721868</v>
      </c>
      <c r="KT33" s="123">
        <v>539478</v>
      </c>
      <c r="KU33" s="123">
        <v>862722</v>
      </c>
      <c r="KV33" s="124">
        <v>3664230</v>
      </c>
      <c r="KW33" s="354">
        <v>3664230</v>
      </c>
      <c r="KX33" s="160">
        <v>0</v>
      </c>
      <c r="KY33" s="123">
        <v>0</v>
      </c>
      <c r="KZ33" s="124">
        <v>0</v>
      </c>
      <c r="LA33" s="163"/>
      <c r="LB33" s="123">
        <v>0</v>
      </c>
      <c r="LC33" s="123">
        <v>0</v>
      </c>
      <c r="LD33" s="123">
        <v>0</v>
      </c>
      <c r="LE33" s="123">
        <v>0</v>
      </c>
      <c r="LF33" s="123">
        <v>0</v>
      </c>
      <c r="LG33" s="124">
        <v>0</v>
      </c>
      <c r="LH33" s="125">
        <v>0</v>
      </c>
      <c r="LI33" s="160">
        <v>0</v>
      </c>
      <c r="LJ33" s="123">
        <v>0</v>
      </c>
      <c r="LK33" s="124">
        <v>0</v>
      </c>
      <c r="LL33" s="163"/>
      <c r="LM33" s="123">
        <v>0</v>
      </c>
      <c r="LN33" s="123">
        <v>0</v>
      </c>
      <c r="LO33" s="123">
        <v>251487</v>
      </c>
      <c r="LP33" s="123">
        <v>0</v>
      </c>
      <c r="LQ33" s="123">
        <v>0</v>
      </c>
      <c r="LR33" s="124">
        <v>251487</v>
      </c>
      <c r="LS33" s="354">
        <v>251487</v>
      </c>
      <c r="LT33" s="160">
        <v>0</v>
      </c>
      <c r="LU33" s="123">
        <v>0</v>
      </c>
      <c r="LV33" s="124">
        <v>0</v>
      </c>
      <c r="LW33" s="163"/>
      <c r="LX33" s="123">
        <v>0</v>
      </c>
      <c r="LY33" s="123">
        <v>0</v>
      </c>
      <c r="LZ33" s="123">
        <v>0</v>
      </c>
      <c r="MA33" s="123">
        <v>0</v>
      </c>
      <c r="MB33" s="123">
        <v>0</v>
      </c>
      <c r="MC33" s="124">
        <v>0</v>
      </c>
      <c r="MD33" s="125">
        <v>0</v>
      </c>
      <c r="ME33" s="160">
        <v>0</v>
      </c>
      <c r="MF33" s="123">
        <v>0</v>
      </c>
      <c r="MG33" s="124">
        <v>0</v>
      </c>
      <c r="MH33" s="163"/>
      <c r="MI33" s="123">
        <v>62805</v>
      </c>
      <c r="MJ33" s="123">
        <v>2768933</v>
      </c>
      <c r="MK33" s="123">
        <v>5277880</v>
      </c>
      <c r="ML33" s="123">
        <v>7621669</v>
      </c>
      <c r="MM33" s="123">
        <v>4986751</v>
      </c>
      <c r="MN33" s="124">
        <v>20718038</v>
      </c>
      <c r="MO33" s="161">
        <v>20718038</v>
      </c>
      <c r="MP33" s="160">
        <v>0</v>
      </c>
      <c r="MQ33" s="123">
        <v>0</v>
      </c>
      <c r="MR33" s="124">
        <v>0</v>
      </c>
      <c r="MS33" s="163">
        <v>0</v>
      </c>
      <c r="MT33" s="123">
        <v>0</v>
      </c>
      <c r="MU33" s="123">
        <v>422316</v>
      </c>
      <c r="MV33" s="123">
        <v>2981245</v>
      </c>
      <c r="MW33" s="123">
        <v>4597379</v>
      </c>
      <c r="MX33" s="123">
        <v>3388684</v>
      </c>
      <c r="MY33" s="124">
        <v>11389624</v>
      </c>
      <c r="MZ33" s="161">
        <v>11389624</v>
      </c>
      <c r="NA33" s="160">
        <v>0</v>
      </c>
      <c r="NB33" s="123">
        <v>0</v>
      </c>
      <c r="NC33" s="124">
        <v>0</v>
      </c>
      <c r="ND33" s="163"/>
      <c r="NE33" s="123">
        <v>62805</v>
      </c>
      <c r="NF33" s="123">
        <v>2346617</v>
      </c>
      <c r="NG33" s="123">
        <v>2296635</v>
      </c>
      <c r="NH33" s="123">
        <v>3024290</v>
      </c>
      <c r="NI33" s="123">
        <v>1598067</v>
      </c>
      <c r="NJ33" s="124">
        <v>9328414</v>
      </c>
      <c r="NK33" s="354">
        <v>9328414</v>
      </c>
      <c r="NL33" s="160">
        <v>0</v>
      </c>
      <c r="NM33" s="123">
        <v>0</v>
      </c>
      <c r="NN33" s="124">
        <v>0</v>
      </c>
      <c r="NO33" s="163"/>
      <c r="NP33" s="123">
        <v>0</v>
      </c>
      <c r="NQ33" s="123">
        <v>0</v>
      </c>
      <c r="NR33" s="123">
        <v>0</v>
      </c>
      <c r="NS33" s="123">
        <v>0</v>
      </c>
      <c r="NT33" s="123">
        <v>0</v>
      </c>
      <c r="NU33" s="124">
        <v>0</v>
      </c>
      <c r="NV33" s="125">
        <v>0</v>
      </c>
      <c r="NW33" s="160">
        <v>0</v>
      </c>
      <c r="NX33" s="123">
        <v>0</v>
      </c>
      <c r="NY33" s="124">
        <v>0</v>
      </c>
      <c r="NZ33" s="163"/>
      <c r="OA33" s="123">
        <v>0</v>
      </c>
      <c r="OB33" s="123">
        <v>0</v>
      </c>
      <c r="OC33" s="123">
        <v>0</v>
      </c>
      <c r="OD33" s="123">
        <v>0</v>
      </c>
      <c r="OE33" s="123">
        <v>0</v>
      </c>
      <c r="OF33" s="124">
        <v>0</v>
      </c>
      <c r="OG33" s="125">
        <v>0</v>
      </c>
      <c r="OH33" s="160">
        <v>147696</v>
      </c>
      <c r="OI33" s="123">
        <v>481611</v>
      </c>
      <c r="OJ33" s="159">
        <v>629307</v>
      </c>
      <c r="OK33" s="122">
        <v>0</v>
      </c>
      <c r="OL33" s="123">
        <v>5836966</v>
      </c>
      <c r="OM33" s="123">
        <v>12384386</v>
      </c>
      <c r="ON33" s="123">
        <v>14215532</v>
      </c>
      <c r="OO33" s="123">
        <v>14656746</v>
      </c>
      <c r="OP33" s="123">
        <v>12490096</v>
      </c>
      <c r="OQ33" s="124">
        <v>59583726</v>
      </c>
      <c r="OR33" s="161">
        <v>60213033</v>
      </c>
    </row>
    <row r="34" spans="1:408" ht="18.75" customHeight="1" x14ac:dyDescent="0.2">
      <c r="A34" s="63" t="s">
        <v>29</v>
      </c>
      <c r="B34" s="113">
        <v>436146</v>
      </c>
      <c r="C34" s="117">
        <v>1134305</v>
      </c>
      <c r="D34" s="116">
        <v>1570451</v>
      </c>
      <c r="E34" s="112">
        <v>0</v>
      </c>
      <c r="F34" s="117">
        <v>7270835</v>
      </c>
      <c r="G34" s="117">
        <v>11002347</v>
      </c>
      <c r="H34" s="117">
        <v>7959341</v>
      </c>
      <c r="I34" s="117">
        <v>9763867</v>
      </c>
      <c r="J34" s="117">
        <v>6232115</v>
      </c>
      <c r="K34" s="201">
        <v>42228505</v>
      </c>
      <c r="L34" s="119">
        <v>43798956</v>
      </c>
      <c r="M34" s="113">
        <v>104995</v>
      </c>
      <c r="N34" s="117">
        <v>374471</v>
      </c>
      <c r="O34" s="116">
        <v>479466</v>
      </c>
      <c r="P34" s="113">
        <v>0</v>
      </c>
      <c r="Q34" s="117">
        <v>1545841</v>
      </c>
      <c r="R34" s="117">
        <v>2609639</v>
      </c>
      <c r="S34" s="117">
        <v>1690212</v>
      </c>
      <c r="T34" s="117">
        <v>2698742</v>
      </c>
      <c r="U34" s="117">
        <v>2157152</v>
      </c>
      <c r="V34" s="116">
        <v>10701586</v>
      </c>
      <c r="W34" s="119">
        <v>11181052</v>
      </c>
      <c r="X34" s="113">
        <v>0</v>
      </c>
      <c r="Y34" s="117">
        <v>0</v>
      </c>
      <c r="Z34" s="116">
        <v>0</v>
      </c>
      <c r="AA34" s="113">
        <v>0</v>
      </c>
      <c r="AB34" s="117">
        <v>827251</v>
      </c>
      <c r="AC34" s="117">
        <v>1343295</v>
      </c>
      <c r="AD34" s="117">
        <v>984326</v>
      </c>
      <c r="AE34" s="117">
        <v>1615203</v>
      </c>
      <c r="AF34" s="117">
        <v>1258071</v>
      </c>
      <c r="AG34" s="116">
        <v>6028146</v>
      </c>
      <c r="AH34" s="119">
        <v>6028146</v>
      </c>
      <c r="AI34" s="113">
        <v>0</v>
      </c>
      <c r="AJ34" s="117">
        <v>0</v>
      </c>
      <c r="AK34" s="116">
        <v>0</v>
      </c>
      <c r="AL34" s="113">
        <v>0</v>
      </c>
      <c r="AM34" s="117">
        <v>0</v>
      </c>
      <c r="AN34" s="117">
        <v>85896</v>
      </c>
      <c r="AO34" s="117">
        <v>28392</v>
      </c>
      <c r="AP34" s="117">
        <v>187600</v>
      </c>
      <c r="AQ34" s="117">
        <v>329441</v>
      </c>
      <c r="AR34" s="116">
        <v>631329</v>
      </c>
      <c r="AS34" s="119">
        <v>631329</v>
      </c>
      <c r="AT34" s="113">
        <v>71038</v>
      </c>
      <c r="AU34" s="117">
        <v>314288</v>
      </c>
      <c r="AV34" s="116">
        <v>385326</v>
      </c>
      <c r="AW34" s="113">
        <v>0</v>
      </c>
      <c r="AX34" s="117">
        <v>513397</v>
      </c>
      <c r="AY34" s="117">
        <v>722412</v>
      </c>
      <c r="AZ34" s="117">
        <v>586888</v>
      </c>
      <c r="BA34" s="117">
        <v>512397</v>
      </c>
      <c r="BB34" s="117">
        <v>394232</v>
      </c>
      <c r="BC34" s="116">
        <v>2729326</v>
      </c>
      <c r="BD34" s="119">
        <v>3114652</v>
      </c>
      <c r="BE34" s="113">
        <v>0</v>
      </c>
      <c r="BF34" s="117">
        <v>33804</v>
      </c>
      <c r="BG34" s="115">
        <v>33804</v>
      </c>
      <c r="BH34" s="114">
        <v>0</v>
      </c>
      <c r="BI34" s="117">
        <v>68832</v>
      </c>
      <c r="BJ34" s="117">
        <v>159271</v>
      </c>
      <c r="BK34" s="117">
        <v>0</v>
      </c>
      <c r="BL34" s="117">
        <v>137336</v>
      </c>
      <c r="BM34" s="117">
        <v>25965</v>
      </c>
      <c r="BN34" s="116">
        <v>391404</v>
      </c>
      <c r="BO34" s="119">
        <v>425208</v>
      </c>
      <c r="BP34" s="113">
        <v>33957</v>
      </c>
      <c r="BQ34" s="117">
        <v>26379</v>
      </c>
      <c r="BR34" s="116">
        <v>60336</v>
      </c>
      <c r="BS34" s="113">
        <v>0</v>
      </c>
      <c r="BT34" s="117">
        <v>136361</v>
      </c>
      <c r="BU34" s="117">
        <v>298765</v>
      </c>
      <c r="BV34" s="117">
        <v>90606</v>
      </c>
      <c r="BW34" s="117">
        <v>246206</v>
      </c>
      <c r="BX34" s="117">
        <v>149443</v>
      </c>
      <c r="BY34" s="116">
        <v>921381</v>
      </c>
      <c r="BZ34" s="119">
        <v>981717</v>
      </c>
      <c r="CA34" s="113">
        <v>88776</v>
      </c>
      <c r="CB34" s="117">
        <v>165421</v>
      </c>
      <c r="CC34" s="116">
        <v>254197</v>
      </c>
      <c r="CD34" s="113">
        <v>0</v>
      </c>
      <c r="CE34" s="117">
        <v>2983098</v>
      </c>
      <c r="CF34" s="117">
        <v>3538602</v>
      </c>
      <c r="CG34" s="117">
        <v>2700028</v>
      </c>
      <c r="CH34" s="117">
        <v>2825738</v>
      </c>
      <c r="CI34" s="117">
        <v>1163227</v>
      </c>
      <c r="CJ34" s="116">
        <v>13210693</v>
      </c>
      <c r="CK34" s="119">
        <v>13464890</v>
      </c>
      <c r="CL34" s="113">
        <v>0</v>
      </c>
      <c r="CM34" s="117">
        <v>0</v>
      </c>
      <c r="CN34" s="116">
        <v>0</v>
      </c>
      <c r="CO34" s="114">
        <v>0</v>
      </c>
      <c r="CP34" s="117">
        <v>1941171</v>
      </c>
      <c r="CQ34" s="117">
        <v>2863785</v>
      </c>
      <c r="CR34" s="117">
        <v>2114051</v>
      </c>
      <c r="CS34" s="117">
        <v>2395518</v>
      </c>
      <c r="CT34" s="117">
        <v>565876</v>
      </c>
      <c r="CU34" s="116">
        <v>9880401</v>
      </c>
      <c r="CV34" s="119">
        <v>9880401</v>
      </c>
      <c r="CW34" s="113">
        <v>88776</v>
      </c>
      <c r="CX34" s="117">
        <v>165421</v>
      </c>
      <c r="CY34" s="116">
        <v>254197</v>
      </c>
      <c r="CZ34" s="113">
        <v>0</v>
      </c>
      <c r="DA34" s="117">
        <v>1041927</v>
      </c>
      <c r="DB34" s="117">
        <v>674817</v>
      </c>
      <c r="DC34" s="117">
        <v>585977</v>
      </c>
      <c r="DD34" s="117">
        <v>430220</v>
      </c>
      <c r="DE34" s="117">
        <v>597351</v>
      </c>
      <c r="DF34" s="116">
        <v>3330292</v>
      </c>
      <c r="DG34" s="119">
        <v>3584489</v>
      </c>
      <c r="DH34" s="113">
        <v>0</v>
      </c>
      <c r="DI34" s="117">
        <v>18423</v>
      </c>
      <c r="DJ34" s="115">
        <v>18423</v>
      </c>
      <c r="DK34" s="114">
        <v>0</v>
      </c>
      <c r="DL34" s="117">
        <v>244602</v>
      </c>
      <c r="DM34" s="117">
        <v>1062877</v>
      </c>
      <c r="DN34" s="117">
        <v>1419267</v>
      </c>
      <c r="DO34" s="117">
        <v>1434492</v>
      </c>
      <c r="DP34" s="117">
        <v>946368</v>
      </c>
      <c r="DQ34" s="116">
        <v>5107606</v>
      </c>
      <c r="DR34" s="119">
        <v>5126029</v>
      </c>
      <c r="DS34" s="113">
        <v>0</v>
      </c>
      <c r="DT34" s="117">
        <v>0</v>
      </c>
      <c r="DU34" s="116">
        <v>0</v>
      </c>
      <c r="DV34" s="113">
        <v>0</v>
      </c>
      <c r="DW34" s="117">
        <v>244602</v>
      </c>
      <c r="DX34" s="117">
        <v>653019</v>
      </c>
      <c r="DY34" s="117">
        <v>1385306</v>
      </c>
      <c r="DZ34" s="117">
        <v>1081427</v>
      </c>
      <c r="EA34" s="117">
        <v>862092</v>
      </c>
      <c r="EB34" s="116">
        <v>4226446</v>
      </c>
      <c r="EC34" s="119">
        <v>4226446</v>
      </c>
      <c r="ED34" s="113">
        <v>0</v>
      </c>
      <c r="EE34" s="115">
        <v>18423</v>
      </c>
      <c r="EF34" s="116">
        <v>18423</v>
      </c>
      <c r="EG34" s="113">
        <v>0</v>
      </c>
      <c r="EH34" s="117">
        <v>0</v>
      </c>
      <c r="EI34" s="117">
        <v>409858</v>
      </c>
      <c r="EJ34" s="117">
        <v>33961</v>
      </c>
      <c r="EK34" s="117">
        <v>353065</v>
      </c>
      <c r="EL34" s="117">
        <v>84276</v>
      </c>
      <c r="EM34" s="115">
        <v>881160</v>
      </c>
      <c r="EN34" s="119">
        <v>899583</v>
      </c>
      <c r="EO34" s="113">
        <v>0</v>
      </c>
      <c r="EP34" s="117">
        <v>0</v>
      </c>
      <c r="EQ34" s="115">
        <v>0</v>
      </c>
      <c r="ER34" s="114">
        <v>0</v>
      </c>
      <c r="ES34" s="117">
        <v>0</v>
      </c>
      <c r="ET34" s="117">
        <v>0</v>
      </c>
      <c r="EU34" s="117">
        <v>0</v>
      </c>
      <c r="EV34" s="117">
        <v>0</v>
      </c>
      <c r="EW34" s="117">
        <v>0</v>
      </c>
      <c r="EX34" s="116">
        <v>0</v>
      </c>
      <c r="EY34" s="119">
        <v>0</v>
      </c>
      <c r="EZ34" s="113">
        <v>0</v>
      </c>
      <c r="FA34" s="117">
        <v>0</v>
      </c>
      <c r="FB34" s="115">
        <v>0</v>
      </c>
      <c r="FC34" s="387"/>
      <c r="FD34" s="117">
        <v>0</v>
      </c>
      <c r="FE34" s="117">
        <v>0</v>
      </c>
      <c r="FF34" s="117">
        <v>0</v>
      </c>
      <c r="FG34" s="117">
        <v>0</v>
      </c>
      <c r="FH34" s="117">
        <v>0</v>
      </c>
      <c r="FI34" s="116">
        <v>0</v>
      </c>
      <c r="FJ34" s="119">
        <v>0</v>
      </c>
      <c r="FK34" s="113">
        <v>126875</v>
      </c>
      <c r="FL34" s="117">
        <v>391790</v>
      </c>
      <c r="FM34" s="116">
        <v>518665</v>
      </c>
      <c r="FN34" s="113">
        <v>0</v>
      </c>
      <c r="FO34" s="117">
        <v>374688</v>
      </c>
      <c r="FP34" s="117">
        <v>851817</v>
      </c>
      <c r="FQ34" s="117">
        <v>697369</v>
      </c>
      <c r="FR34" s="117">
        <v>834371</v>
      </c>
      <c r="FS34" s="117">
        <v>677295</v>
      </c>
      <c r="FT34" s="116">
        <v>3435540</v>
      </c>
      <c r="FU34" s="119">
        <v>3954205</v>
      </c>
      <c r="FV34" s="118">
        <v>126875</v>
      </c>
      <c r="FW34" s="117">
        <v>214580</v>
      </c>
      <c r="FX34" s="115">
        <v>341455</v>
      </c>
      <c r="FY34" s="114">
        <v>0</v>
      </c>
      <c r="FZ34" s="117">
        <v>321660</v>
      </c>
      <c r="GA34" s="117">
        <v>851817</v>
      </c>
      <c r="GB34" s="117">
        <v>517369</v>
      </c>
      <c r="GC34" s="117">
        <v>796083</v>
      </c>
      <c r="GD34" s="117">
        <v>517295</v>
      </c>
      <c r="GE34" s="116">
        <v>3004224</v>
      </c>
      <c r="GF34" s="351">
        <v>3345679</v>
      </c>
      <c r="GG34" s="118">
        <v>0</v>
      </c>
      <c r="GH34" s="117">
        <v>0</v>
      </c>
      <c r="GI34" s="115">
        <v>0</v>
      </c>
      <c r="GJ34" s="114">
        <v>0</v>
      </c>
      <c r="GK34" s="117">
        <v>19008</v>
      </c>
      <c r="GL34" s="117">
        <v>0</v>
      </c>
      <c r="GM34" s="117">
        <v>0</v>
      </c>
      <c r="GN34" s="117">
        <v>38288</v>
      </c>
      <c r="GO34" s="117">
        <v>0</v>
      </c>
      <c r="GP34" s="116">
        <v>57296</v>
      </c>
      <c r="GQ34" s="119">
        <v>57296</v>
      </c>
      <c r="GR34" s="113">
        <v>0</v>
      </c>
      <c r="GS34" s="117">
        <v>177210</v>
      </c>
      <c r="GT34" s="116">
        <v>177210</v>
      </c>
      <c r="GU34" s="113">
        <v>0</v>
      </c>
      <c r="GV34" s="117">
        <v>34020</v>
      </c>
      <c r="GW34" s="117">
        <v>0</v>
      </c>
      <c r="GX34" s="117">
        <v>180000</v>
      </c>
      <c r="GY34" s="117">
        <v>0</v>
      </c>
      <c r="GZ34" s="117">
        <v>160000</v>
      </c>
      <c r="HA34" s="115">
        <v>374020</v>
      </c>
      <c r="HB34" s="119">
        <v>551230</v>
      </c>
      <c r="HC34" s="113">
        <v>0</v>
      </c>
      <c r="HD34" s="117">
        <v>0</v>
      </c>
      <c r="HE34" s="115">
        <v>0</v>
      </c>
      <c r="HF34" s="114">
        <v>0</v>
      </c>
      <c r="HG34" s="117">
        <v>987755</v>
      </c>
      <c r="HH34" s="117">
        <v>1704546</v>
      </c>
      <c r="HI34" s="117">
        <v>609123</v>
      </c>
      <c r="HJ34" s="117">
        <v>1334348</v>
      </c>
      <c r="HK34" s="117">
        <v>948591</v>
      </c>
      <c r="HL34" s="116">
        <v>5584363</v>
      </c>
      <c r="HM34" s="112">
        <v>5584363</v>
      </c>
      <c r="HN34" s="118">
        <v>115500</v>
      </c>
      <c r="HO34" s="117">
        <v>184200</v>
      </c>
      <c r="HP34" s="116">
        <v>299700</v>
      </c>
      <c r="HQ34" s="113">
        <v>0</v>
      </c>
      <c r="HR34" s="117">
        <v>1134851</v>
      </c>
      <c r="HS34" s="117">
        <v>1234866</v>
      </c>
      <c r="HT34" s="117">
        <v>843342</v>
      </c>
      <c r="HU34" s="117">
        <v>636176</v>
      </c>
      <c r="HV34" s="117">
        <v>339482</v>
      </c>
      <c r="HW34" s="115">
        <v>4188717</v>
      </c>
      <c r="HX34" s="119">
        <v>4488417</v>
      </c>
      <c r="HY34" s="168">
        <v>44901</v>
      </c>
      <c r="HZ34" s="153">
        <v>80091</v>
      </c>
      <c r="IA34" s="168">
        <v>124992</v>
      </c>
      <c r="IB34" s="152">
        <v>0</v>
      </c>
      <c r="IC34" s="153">
        <v>1711143</v>
      </c>
      <c r="ID34" s="154">
        <v>2941212</v>
      </c>
      <c r="IE34" s="155">
        <v>2644874</v>
      </c>
      <c r="IF34" s="153">
        <v>2227424</v>
      </c>
      <c r="IG34" s="155">
        <v>2024448</v>
      </c>
      <c r="IH34" s="156">
        <v>11549101</v>
      </c>
      <c r="II34" s="168">
        <v>11674093</v>
      </c>
      <c r="IJ34" s="262">
        <v>0</v>
      </c>
      <c r="IK34" s="269">
        <v>0</v>
      </c>
      <c r="IL34" s="270">
        <v>0</v>
      </c>
      <c r="IM34" s="158"/>
      <c r="IN34" s="123">
        <v>0</v>
      </c>
      <c r="IO34" s="123">
        <v>0</v>
      </c>
      <c r="IP34" s="123">
        <v>0</v>
      </c>
      <c r="IQ34" s="123">
        <v>0</v>
      </c>
      <c r="IR34" s="123">
        <v>0</v>
      </c>
      <c r="IS34" s="159">
        <v>0</v>
      </c>
      <c r="IT34" s="354">
        <v>0</v>
      </c>
      <c r="IU34" s="160">
        <v>0</v>
      </c>
      <c r="IV34" s="123">
        <v>0</v>
      </c>
      <c r="IW34" s="124">
        <v>0</v>
      </c>
      <c r="IX34" s="162"/>
      <c r="IY34" s="123">
        <v>0</v>
      </c>
      <c r="IZ34" s="123">
        <v>0</v>
      </c>
      <c r="JA34" s="123">
        <v>0</v>
      </c>
      <c r="JB34" s="123">
        <v>0</v>
      </c>
      <c r="JC34" s="123">
        <v>0</v>
      </c>
      <c r="JD34" s="124">
        <v>0</v>
      </c>
      <c r="JE34" s="125">
        <v>0</v>
      </c>
      <c r="JF34" s="160">
        <v>0</v>
      </c>
      <c r="JG34" s="123">
        <v>0</v>
      </c>
      <c r="JH34" s="159">
        <v>0</v>
      </c>
      <c r="JI34" s="122">
        <v>0</v>
      </c>
      <c r="JJ34" s="123">
        <v>831135</v>
      </c>
      <c r="JK34" s="123">
        <v>875037</v>
      </c>
      <c r="JL34" s="123">
        <v>261594</v>
      </c>
      <c r="JM34" s="123">
        <v>202298</v>
      </c>
      <c r="JN34" s="123">
        <v>0</v>
      </c>
      <c r="JO34" s="124">
        <v>2170064</v>
      </c>
      <c r="JP34" s="354">
        <v>2170064</v>
      </c>
      <c r="JQ34" s="160">
        <v>0</v>
      </c>
      <c r="JR34" s="123">
        <v>0</v>
      </c>
      <c r="JS34" s="159">
        <v>0</v>
      </c>
      <c r="JT34" s="122">
        <v>0</v>
      </c>
      <c r="JU34" s="123">
        <v>0</v>
      </c>
      <c r="JV34" s="123">
        <v>94959</v>
      </c>
      <c r="JW34" s="123">
        <v>253808</v>
      </c>
      <c r="JX34" s="123">
        <v>56304</v>
      </c>
      <c r="JY34" s="123">
        <v>0</v>
      </c>
      <c r="JZ34" s="124">
        <v>405071</v>
      </c>
      <c r="KA34" s="354">
        <v>405071</v>
      </c>
      <c r="KB34" s="265">
        <v>44901</v>
      </c>
      <c r="KC34" s="259">
        <v>80091</v>
      </c>
      <c r="KD34" s="124">
        <v>124992</v>
      </c>
      <c r="KE34" s="122">
        <v>0</v>
      </c>
      <c r="KF34" s="123">
        <v>366198</v>
      </c>
      <c r="KG34" s="123">
        <v>523530</v>
      </c>
      <c r="KH34" s="123">
        <v>730575</v>
      </c>
      <c r="KI34" s="123">
        <v>867987</v>
      </c>
      <c r="KJ34" s="123">
        <v>298341</v>
      </c>
      <c r="KK34" s="124">
        <v>2786631</v>
      </c>
      <c r="KL34" s="161">
        <v>2911623</v>
      </c>
      <c r="KM34" s="262">
        <v>0</v>
      </c>
      <c r="KN34" s="269">
        <v>0</v>
      </c>
      <c r="KO34" s="270">
        <v>0</v>
      </c>
      <c r="KP34" s="158"/>
      <c r="KQ34" s="123">
        <v>513810</v>
      </c>
      <c r="KR34" s="123">
        <v>1340100</v>
      </c>
      <c r="KS34" s="123">
        <v>551916</v>
      </c>
      <c r="KT34" s="123">
        <v>280629</v>
      </c>
      <c r="KU34" s="123">
        <v>572040</v>
      </c>
      <c r="KV34" s="124">
        <v>3258495</v>
      </c>
      <c r="KW34" s="354">
        <v>3258495</v>
      </c>
      <c r="KX34" s="160">
        <v>0</v>
      </c>
      <c r="KY34" s="123">
        <v>0</v>
      </c>
      <c r="KZ34" s="124">
        <v>0</v>
      </c>
      <c r="LA34" s="163"/>
      <c r="LB34" s="123">
        <v>0</v>
      </c>
      <c r="LC34" s="123">
        <v>0</v>
      </c>
      <c r="LD34" s="123">
        <v>0</v>
      </c>
      <c r="LE34" s="123">
        <v>0</v>
      </c>
      <c r="LF34" s="123">
        <v>0</v>
      </c>
      <c r="LG34" s="124">
        <v>0</v>
      </c>
      <c r="LH34" s="125">
        <v>0</v>
      </c>
      <c r="LI34" s="160">
        <v>0</v>
      </c>
      <c r="LJ34" s="123">
        <v>0</v>
      </c>
      <c r="LK34" s="124">
        <v>0</v>
      </c>
      <c r="LL34" s="163"/>
      <c r="LM34" s="123">
        <v>0</v>
      </c>
      <c r="LN34" s="123">
        <v>107586</v>
      </c>
      <c r="LO34" s="123">
        <v>846981</v>
      </c>
      <c r="LP34" s="123">
        <v>820206</v>
      </c>
      <c r="LQ34" s="123">
        <v>1154067</v>
      </c>
      <c r="LR34" s="124">
        <v>2928840</v>
      </c>
      <c r="LS34" s="354">
        <v>2928840</v>
      </c>
      <c r="LT34" s="160">
        <v>0</v>
      </c>
      <c r="LU34" s="123">
        <v>0</v>
      </c>
      <c r="LV34" s="124">
        <v>0</v>
      </c>
      <c r="LW34" s="163"/>
      <c r="LX34" s="123">
        <v>0</v>
      </c>
      <c r="LY34" s="123">
        <v>0</v>
      </c>
      <c r="LZ34" s="123">
        <v>0</v>
      </c>
      <c r="MA34" s="123">
        <v>0</v>
      </c>
      <c r="MB34" s="123">
        <v>0</v>
      </c>
      <c r="MC34" s="124">
        <v>0</v>
      </c>
      <c r="MD34" s="125">
        <v>0</v>
      </c>
      <c r="ME34" s="160">
        <v>0</v>
      </c>
      <c r="MF34" s="123">
        <v>0</v>
      </c>
      <c r="MG34" s="124">
        <v>0</v>
      </c>
      <c r="MH34" s="163"/>
      <c r="MI34" s="123">
        <v>732265</v>
      </c>
      <c r="MJ34" s="123">
        <v>2573887</v>
      </c>
      <c r="MK34" s="123">
        <v>6764158</v>
      </c>
      <c r="ML34" s="123">
        <v>13871836</v>
      </c>
      <c r="MM34" s="123">
        <v>9201222</v>
      </c>
      <c r="MN34" s="124">
        <v>33143368</v>
      </c>
      <c r="MO34" s="161">
        <v>33143368</v>
      </c>
      <c r="MP34" s="160">
        <v>0</v>
      </c>
      <c r="MQ34" s="123">
        <v>0</v>
      </c>
      <c r="MR34" s="124">
        <v>0</v>
      </c>
      <c r="MS34" s="163">
        <v>0</v>
      </c>
      <c r="MT34" s="123">
        <v>0</v>
      </c>
      <c r="MU34" s="123">
        <v>250218</v>
      </c>
      <c r="MV34" s="123">
        <v>5069412</v>
      </c>
      <c r="MW34" s="123">
        <v>9103805</v>
      </c>
      <c r="MX34" s="123">
        <v>5842467</v>
      </c>
      <c r="MY34" s="124">
        <v>20265902</v>
      </c>
      <c r="MZ34" s="161">
        <v>20265902</v>
      </c>
      <c r="NA34" s="160">
        <v>0</v>
      </c>
      <c r="NB34" s="123">
        <v>0</v>
      </c>
      <c r="NC34" s="124">
        <v>0</v>
      </c>
      <c r="ND34" s="163"/>
      <c r="NE34" s="123">
        <v>732265</v>
      </c>
      <c r="NF34" s="123">
        <v>2323669</v>
      </c>
      <c r="NG34" s="123">
        <v>1694746</v>
      </c>
      <c r="NH34" s="123">
        <v>4768031</v>
      </c>
      <c r="NI34" s="123">
        <v>2568560</v>
      </c>
      <c r="NJ34" s="124">
        <v>12087271</v>
      </c>
      <c r="NK34" s="354">
        <v>12087271</v>
      </c>
      <c r="NL34" s="160">
        <v>0</v>
      </c>
      <c r="NM34" s="123">
        <v>0</v>
      </c>
      <c r="NN34" s="124">
        <v>0</v>
      </c>
      <c r="NO34" s="163"/>
      <c r="NP34" s="123">
        <v>0</v>
      </c>
      <c r="NQ34" s="123">
        <v>0</v>
      </c>
      <c r="NR34" s="123">
        <v>0</v>
      </c>
      <c r="NS34" s="123">
        <v>0</v>
      </c>
      <c r="NT34" s="123">
        <v>370942</v>
      </c>
      <c r="NU34" s="124">
        <v>370942</v>
      </c>
      <c r="NV34" s="125">
        <v>370942</v>
      </c>
      <c r="NW34" s="160">
        <v>0</v>
      </c>
      <c r="NX34" s="123">
        <v>0</v>
      </c>
      <c r="NY34" s="124">
        <v>0</v>
      </c>
      <c r="NZ34" s="163"/>
      <c r="OA34" s="123">
        <v>0</v>
      </c>
      <c r="OB34" s="123">
        <v>0</v>
      </c>
      <c r="OC34" s="123">
        <v>0</v>
      </c>
      <c r="OD34" s="123">
        <v>0</v>
      </c>
      <c r="OE34" s="123">
        <v>419253</v>
      </c>
      <c r="OF34" s="124">
        <v>419253</v>
      </c>
      <c r="OG34" s="125">
        <v>419253</v>
      </c>
      <c r="OH34" s="160">
        <v>481047</v>
      </c>
      <c r="OI34" s="123">
        <v>1214396</v>
      </c>
      <c r="OJ34" s="159">
        <v>1695443</v>
      </c>
      <c r="OK34" s="122">
        <v>0</v>
      </c>
      <c r="OL34" s="123">
        <v>9714243</v>
      </c>
      <c r="OM34" s="123">
        <v>16517446</v>
      </c>
      <c r="ON34" s="123">
        <v>17368373</v>
      </c>
      <c r="OO34" s="123">
        <v>25863127</v>
      </c>
      <c r="OP34" s="123">
        <v>17457785</v>
      </c>
      <c r="OQ34" s="124">
        <v>86920974</v>
      </c>
      <c r="OR34" s="161">
        <v>88616417</v>
      </c>
    </row>
    <row r="35" spans="1:408" ht="18.75" customHeight="1" x14ac:dyDescent="0.2">
      <c r="A35" s="63" t="s">
        <v>30</v>
      </c>
      <c r="B35" s="113">
        <v>551642</v>
      </c>
      <c r="C35" s="117">
        <v>675658</v>
      </c>
      <c r="D35" s="202">
        <v>1227300</v>
      </c>
      <c r="E35" s="203">
        <v>0</v>
      </c>
      <c r="F35" s="204">
        <v>6420363</v>
      </c>
      <c r="G35" s="204">
        <v>8775130</v>
      </c>
      <c r="H35" s="204">
        <v>8724438</v>
      </c>
      <c r="I35" s="204">
        <v>7227301</v>
      </c>
      <c r="J35" s="204">
        <v>4070926</v>
      </c>
      <c r="K35" s="205">
        <v>35218158</v>
      </c>
      <c r="L35" s="119">
        <v>36445458</v>
      </c>
      <c r="M35" s="113">
        <v>233871</v>
      </c>
      <c r="N35" s="117">
        <v>214229</v>
      </c>
      <c r="O35" s="116">
        <v>448100</v>
      </c>
      <c r="P35" s="113">
        <v>0</v>
      </c>
      <c r="Q35" s="117">
        <v>1389115</v>
      </c>
      <c r="R35" s="117">
        <v>2319835</v>
      </c>
      <c r="S35" s="117">
        <v>2848065</v>
      </c>
      <c r="T35" s="117">
        <v>2657067</v>
      </c>
      <c r="U35" s="117">
        <v>2288090</v>
      </c>
      <c r="V35" s="116">
        <v>11502172</v>
      </c>
      <c r="W35" s="119">
        <v>11950272</v>
      </c>
      <c r="X35" s="113">
        <v>0</v>
      </c>
      <c r="Y35" s="117">
        <v>0</v>
      </c>
      <c r="Z35" s="116">
        <v>0</v>
      </c>
      <c r="AA35" s="113">
        <v>0</v>
      </c>
      <c r="AB35" s="117">
        <v>406069</v>
      </c>
      <c r="AC35" s="117">
        <v>1128406</v>
      </c>
      <c r="AD35" s="117">
        <v>1575745</v>
      </c>
      <c r="AE35" s="117">
        <v>1437515</v>
      </c>
      <c r="AF35" s="117">
        <v>1486070</v>
      </c>
      <c r="AG35" s="116">
        <v>6033805</v>
      </c>
      <c r="AH35" s="119">
        <v>6033805</v>
      </c>
      <c r="AI35" s="113">
        <v>0</v>
      </c>
      <c r="AJ35" s="117">
        <v>0</v>
      </c>
      <c r="AK35" s="116">
        <v>0</v>
      </c>
      <c r="AL35" s="113">
        <v>0</v>
      </c>
      <c r="AM35" s="117">
        <v>0</v>
      </c>
      <c r="AN35" s="117">
        <v>60840</v>
      </c>
      <c r="AO35" s="117">
        <v>60840</v>
      </c>
      <c r="AP35" s="117">
        <v>299407</v>
      </c>
      <c r="AQ35" s="117">
        <v>370660</v>
      </c>
      <c r="AR35" s="116">
        <v>791747</v>
      </c>
      <c r="AS35" s="119">
        <v>791747</v>
      </c>
      <c r="AT35" s="113">
        <v>209859</v>
      </c>
      <c r="AU35" s="117">
        <v>182657</v>
      </c>
      <c r="AV35" s="116">
        <v>392516</v>
      </c>
      <c r="AW35" s="113">
        <v>0</v>
      </c>
      <c r="AX35" s="117">
        <v>673314</v>
      </c>
      <c r="AY35" s="117">
        <v>856159</v>
      </c>
      <c r="AZ35" s="117">
        <v>788778</v>
      </c>
      <c r="BA35" s="117">
        <v>626248</v>
      </c>
      <c r="BB35" s="117">
        <v>246707</v>
      </c>
      <c r="BC35" s="116">
        <v>3191206</v>
      </c>
      <c r="BD35" s="119">
        <v>3583722</v>
      </c>
      <c r="BE35" s="113">
        <v>0</v>
      </c>
      <c r="BF35" s="117">
        <v>16902</v>
      </c>
      <c r="BG35" s="115">
        <v>16902</v>
      </c>
      <c r="BH35" s="114">
        <v>0</v>
      </c>
      <c r="BI35" s="117">
        <v>84150</v>
      </c>
      <c r="BJ35" s="117">
        <v>25812</v>
      </c>
      <c r="BK35" s="117">
        <v>51624</v>
      </c>
      <c r="BL35" s="117">
        <v>55302</v>
      </c>
      <c r="BM35" s="117">
        <v>0</v>
      </c>
      <c r="BN35" s="116">
        <v>216888</v>
      </c>
      <c r="BO35" s="119">
        <v>233790</v>
      </c>
      <c r="BP35" s="113">
        <v>24012</v>
      </c>
      <c r="BQ35" s="117">
        <v>14670</v>
      </c>
      <c r="BR35" s="116">
        <v>38682</v>
      </c>
      <c r="BS35" s="113">
        <v>0</v>
      </c>
      <c r="BT35" s="117">
        <v>225582</v>
      </c>
      <c r="BU35" s="117">
        <v>248618</v>
      </c>
      <c r="BV35" s="117">
        <v>371078</v>
      </c>
      <c r="BW35" s="117">
        <v>238595</v>
      </c>
      <c r="BX35" s="117">
        <v>184653</v>
      </c>
      <c r="BY35" s="116">
        <v>1268526</v>
      </c>
      <c r="BZ35" s="119">
        <v>1307208</v>
      </c>
      <c r="CA35" s="113">
        <v>22194</v>
      </c>
      <c r="CB35" s="117">
        <v>43649</v>
      </c>
      <c r="CC35" s="116">
        <v>65843</v>
      </c>
      <c r="CD35" s="113">
        <v>0</v>
      </c>
      <c r="CE35" s="117">
        <v>2456049</v>
      </c>
      <c r="CF35" s="117">
        <v>2180356</v>
      </c>
      <c r="CG35" s="117">
        <v>2158109</v>
      </c>
      <c r="CH35" s="117">
        <v>1804009</v>
      </c>
      <c r="CI35" s="117">
        <v>67173</v>
      </c>
      <c r="CJ35" s="116">
        <v>8665696</v>
      </c>
      <c r="CK35" s="119">
        <v>8731539</v>
      </c>
      <c r="CL35" s="113">
        <v>0</v>
      </c>
      <c r="CM35" s="117">
        <v>0</v>
      </c>
      <c r="CN35" s="116">
        <v>0</v>
      </c>
      <c r="CO35" s="114">
        <v>0</v>
      </c>
      <c r="CP35" s="117">
        <v>2085170</v>
      </c>
      <c r="CQ35" s="117">
        <v>1508843</v>
      </c>
      <c r="CR35" s="117">
        <v>2003528</v>
      </c>
      <c r="CS35" s="117">
        <v>1094665</v>
      </c>
      <c r="CT35" s="117">
        <v>67173</v>
      </c>
      <c r="CU35" s="116">
        <v>6759379</v>
      </c>
      <c r="CV35" s="119">
        <v>6759379</v>
      </c>
      <c r="CW35" s="113">
        <v>22194</v>
      </c>
      <c r="CX35" s="117">
        <v>43649</v>
      </c>
      <c r="CY35" s="116">
        <v>65843</v>
      </c>
      <c r="CZ35" s="113">
        <v>0</v>
      </c>
      <c r="DA35" s="117">
        <v>370879</v>
      </c>
      <c r="DB35" s="117">
        <v>671513</v>
      </c>
      <c r="DC35" s="117">
        <v>154581</v>
      </c>
      <c r="DD35" s="117">
        <v>709344</v>
      </c>
      <c r="DE35" s="117">
        <v>0</v>
      </c>
      <c r="DF35" s="116">
        <v>1906317</v>
      </c>
      <c r="DG35" s="119">
        <v>1972160</v>
      </c>
      <c r="DH35" s="113">
        <v>0</v>
      </c>
      <c r="DI35" s="117">
        <v>0</v>
      </c>
      <c r="DJ35" s="115">
        <v>0</v>
      </c>
      <c r="DK35" s="114">
        <v>0</v>
      </c>
      <c r="DL35" s="117">
        <v>281890</v>
      </c>
      <c r="DM35" s="117">
        <v>624594</v>
      </c>
      <c r="DN35" s="117">
        <v>1069910</v>
      </c>
      <c r="DO35" s="117">
        <v>1061019</v>
      </c>
      <c r="DP35" s="117">
        <v>616022</v>
      </c>
      <c r="DQ35" s="116">
        <v>3653435</v>
      </c>
      <c r="DR35" s="119">
        <v>3653435</v>
      </c>
      <c r="DS35" s="113">
        <v>0</v>
      </c>
      <c r="DT35" s="117">
        <v>0</v>
      </c>
      <c r="DU35" s="116">
        <v>0</v>
      </c>
      <c r="DV35" s="113">
        <v>0</v>
      </c>
      <c r="DW35" s="117">
        <v>281890</v>
      </c>
      <c r="DX35" s="117">
        <v>468294</v>
      </c>
      <c r="DY35" s="117">
        <v>1024314</v>
      </c>
      <c r="DZ35" s="117">
        <v>1061019</v>
      </c>
      <c r="EA35" s="117">
        <v>518878</v>
      </c>
      <c r="EB35" s="116">
        <v>3354395</v>
      </c>
      <c r="EC35" s="119">
        <v>3354395</v>
      </c>
      <c r="ED35" s="113">
        <v>0</v>
      </c>
      <c r="EE35" s="115">
        <v>0</v>
      </c>
      <c r="EF35" s="116">
        <v>0</v>
      </c>
      <c r="EG35" s="113">
        <v>0</v>
      </c>
      <c r="EH35" s="117">
        <v>0</v>
      </c>
      <c r="EI35" s="117">
        <v>156300</v>
      </c>
      <c r="EJ35" s="117">
        <v>45596</v>
      </c>
      <c r="EK35" s="117">
        <v>0</v>
      </c>
      <c r="EL35" s="117">
        <v>97144</v>
      </c>
      <c r="EM35" s="115">
        <v>299040</v>
      </c>
      <c r="EN35" s="119">
        <v>299040</v>
      </c>
      <c r="EO35" s="113">
        <v>0</v>
      </c>
      <c r="EP35" s="117">
        <v>0</v>
      </c>
      <c r="EQ35" s="115">
        <v>0</v>
      </c>
      <c r="ER35" s="114">
        <v>0</v>
      </c>
      <c r="ES35" s="117">
        <v>0</v>
      </c>
      <c r="ET35" s="117">
        <v>0</v>
      </c>
      <c r="EU35" s="117">
        <v>0</v>
      </c>
      <c r="EV35" s="117">
        <v>0</v>
      </c>
      <c r="EW35" s="117">
        <v>0</v>
      </c>
      <c r="EX35" s="116">
        <v>0</v>
      </c>
      <c r="EY35" s="119">
        <v>0</v>
      </c>
      <c r="EZ35" s="113">
        <v>0</v>
      </c>
      <c r="FA35" s="117">
        <v>0</v>
      </c>
      <c r="FB35" s="115">
        <v>0</v>
      </c>
      <c r="FC35" s="387"/>
      <c r="FD35" s="117">
        <v>0</v>
      </c>
      <c r="FE35" s="117">
        <v>0</v>
      </c>
      <c r="FF35" s="117">
        <v>0</v>
      </c>
      <c r="FG35" s="117">
        <v>0</v>
      </c>
      <c r="FH35" s="117">
        <v>0</v>
      </c>
      <c r="FI35" s="116">
        <v>0</v>
      </c>
      <c r="FJ35" s="119">
        <v>0</v>
      </c>
      <c r="FK35" s="113">
        <v>113060</v>
      </c>
      <c r="FL35" s="117">
        <v>283380</v>
      </c>
      <c r="FM35" s="116">
        <v>396440</v>
      </c>
      <c r="FN35" s="113">
        <v>0</v>
      </c>
      <c r="FO35" s="117">
        <v>292799</v>
      </c>
      <c r="FP35" s="117">
        <v>840059</v>
      </c>
      <c r="FQ35" s="117">
        <v>1060823</v>
      </c>
      <c r="FR35" s="117">
        <v>670108</v>
      </c>
      <c r="FS35" s="117">
        <v>298494</v>
      </c>
      <c r="FT35" s="116">
        <v>3162283</v>
      </c>
      <c r="FU35" s="119">
        <v>3558723</v>
      </c>
      <c r="FV35" s="118">
        <v>113060</v>
      </c>
      <c r="FW35" s="117">
        <v>153600</v>
      </c>
      <c r="FX35" s="115">
        <v>266660</v>
      </c>
      <c r="FY35" s="114">
        <v>0</v>
      </c>
      <c r="FZ35" s="117">
        <v>283439</v>
      </c>
      <c r="GA35" s="117">
        <v>832139</v>
      </c>
      <c r="GB35" s="117">
        <v>955451</v>
      </c>
      <c r="GC35" s="117">
        <v>601816</v>
      </c>
      <c r="GD35" s="117">
        <v>298494</v>
      </c>
      <c r="GE35" s="116">
        <v>2971339</v>
      </c>
      <c r="GF35" s="351">
        <v>3237999</v>
      </c>
      <c r="GG35" s="118">
        <v>0</v>
      </c>
      <c r="GH35" s="117">
        <v>31680</v>
      </c>
      <c r="GI35" s="115">
        <v>31680</v>
      </c>
      <c r="GJ35" s="114">
        <v>0</v>
      </c>
      <c r="GK35" s="117">
        <v>9360</v>
      </c>
      <c r="GL35" s="117">
        <v>7920</v>
      </c>
      <c r="GM35" s="117">
        <v>105372</v>
      </c>
      <c r="GN35" s="117">
        <v>68292</v>
      </c>
      <c r="GO35" s="117">
        <v>0</v>
      </c>
      <c r="GP35" s="116">
        <v>190944</v>
      </c>
      <c r="GQ35" s="119">
        <v>222624</v>
      </c>
      <c r="GR35" s="113">
        <v>0</v>
      </c>
      <c r="GS35" s="117">
        <v>98100</v>
      </c>
      <c r="GT35" s="116">
        <v>98100</v>
      </c>
      <c r="GU35" s="113">
        <v>0</v>
      </c>
      <c r="GV35" s="117">
        <v>0</v>
      </c>
      <c r="GW35" s="117">
        <v>0</v>
      </c>
      <c r="GX35" s="117">
        <v>0</v>
      </c>
      <c r="GY35" s="117">
        <v>0</v>
      </c>
      <c r="GZ35" s="117">
        <v>0</v>
      </c>
      <c r="HA35" s="115">
        <v>0</v>
      </c>
      <c r="HB35" s="119">
        <v>98100</v>
      </c>
      <c r="HC35" s="113">
        <v>58257</v>
      </c>
      <c r="HD35" s="117">
        <v>0</v>
      </c>
      <c r="HE35" s="115">
        <v>58257</v>
      </c>
      <c r="HF35" s="114">
        <v>0</v>
      </c>
      <c r="HG35" s="117">
        <v>924983</v>
      </c>
      <c r="HH35" s="117">
        <v>1844246</v>
      </c>
      <c r="HI35" s="117">
        <v>654145</v>
      </c>
      <c r="HJ35" s="117">
        <v>476377</v>
      </c>
      <c r="HK35" s="117">
        <v>527820</v>
      </c>
      <c r="HL35" s="116">
        <v>4427571</v>
      </c>
      <c r="HM35" s="112">
        <v>4485828</v>
      </c>
      <c r="HN35" s="118">
        <v>124260</v>
      </c>
      <c r="HO35" s="117">
        <v>134400</v>
      </c>
      <c r="HP35" s="116">
        <v>258660</v>
      </c>
      <c r="HQ35" s="113">
        <v>0</v>
      </c>
      <c r="HR35" s="117">
        <v>1075527</v>
      </c>
      <c r="HS35" s="117">
        <v>966040</v>
      </c>
      <c r="HT35" s="117">
        <v>933386</v>
      </c>
      <c r="HU35" s="117">
        <v>558721</v>
      </c>
      <c r="HV35" s="117">
        <v>273327</v>
      </c>
      <c r="HW35" s="115">
        <v>3807001</v>
      </c>
      <c r="HX35" s="119">
        <v>4065661</v>
      </c>
      <c r="HY35" s="149">
        <v>0</v>
      </c>
      <c r="HZ35" s="150">
        <v>0</v>
      </c>
      <c r="IA35" s="151">
        <v>0</v>
      </c>
      <c r="IB35" s="164">
        <v>0</v>
      </c>
      <c r="IC35" s="150">
        <v>3382686</v>
      </c>
      <c r="ID35" s="165">
        <v>2089261</v>
      </c>
      <c r="IE35" s="151">
        <v>3386583</v>
      </c>
      <c r="IF35" s="150">
        <v>1517718</v>
      </c>
      <c r="IG35" s="151">
        <v>450617</v>
      </c>
      <c r="IH35" s="166">
        <v>10826865</v>
      </c>
      <c r="II35" s="157">
        <v>10826865</v>
      </c>
      <c r="IJ35" s="262">
        <v>0</v>
      </c>
      <c r="IK35" s="269">
        <v>0</v>
      </c>
      <c r="IL35" s="270">
        <v>0</v>
      </c>
      <c r="IM35" s="158"/>
      <c r="IN35" s="123">
        <v>0</v>
      </c>
      <c r="IO35" s="123">
        <v>0</v>
      </c>
      <c r="IP35" s="123">
        <v>177669</v>
      </c>
      <c r="IQ35" s="123">
        <v>0</v>
      </c>
      <c r="IR35" s="123">
        <v>0</v>
      </c>
      <c r="IS35" s="159">
        <v>177669</v>
      </c>
      <c r="IT35" s="354">
        <v>177669</v>
      </c>
      <c r="IU35" s="160">
        <v>0</v>
      </c>
      <c r="IV35" s="123">
        <v>0</v>
      </c>
      <c r="IW35" s="124">
        <v>0</v>
      </c>
      <c r="IX35" s="162"/>
      <c r="IY35" s="123">
        <v>0</v>
      </c>
      <c r="IZ35" s="123">
        <v>0</v>
      </c>
      <c r="JA35" s="123">
        <v>0</v>
      </c>
      <c r="JB35" s="123">
        <v>0</v>
      </c>
      <c r="JC35" s="123">
        <v>0</v>
      </c>
      <c r="JD35" s="124">
        <v>0</v>
      </c>
      <c r="JE35" s="125">
        <v>0</v>
      </c>
      <c r="JF35" s="160">
        <v>0</v>
      </c>
      <c r="JG35" s="123">
        <v>0</v>
      </c>
      <c r="JH35" s="159">
        <v>0</v>
      </c>
      <c r="JI35" s="122">
        <v>0</v>
      </c>
      <c r="JJ35" s="123">
        <v>1238978</v>
      </c>
      <c r="JK35" s="123">
        <v>1331270</v>
      </c>
      <c r="JL35" s="123">
        <v>990424</v>
      </c>
      <c r="JM35" s="123">
        <v>198624</v>
      </c>
      <c r="JN35" s="123">
        <v>160785</v>
      </c>
      <c r="JO35" s="124">
        <v>3920081</v>
      </c>
      <c r="JP35" s="354">
        <v>3920081</v>
      </c>
      <c r="JQ35" s="160">
        <v>0</v>
      </c>
      <c r="JR35" s="123">
        <v>0</v>
      </c>
      <c r="JS35" s="159">
        <v>0</v>
      </c>
      <c r="JT35" s="122">
        <v>0</v>
      </c>
      <c r="JU35" s="123">
        <v>0</v>
      </c>
      <c r="JV35" s="123">
        <v>36925</v>
      </c>
      <c r="JW35" s="123">
        <v>128214</v>
      </c>
      <c r="JX35" s="123">
        <v>0</v>
      </c>
      <c r="JY35" s="123">
        <v>0</v>
      </c>
      <c r="JZ35" s="124">
        <v>165139</v>
      </c>
      <c r="KA35" s="354">
        <v>165139</v>
      </c>
      <c r="KB35" s="265">
        <v>0</v>
      </c>
      <c r="KC35" s="259">
        <v>0</v>
      </c>
      <c r="KD35" s="124">
        <v>0</v>
      </c>
      <c r="KE35" s="122">
        <v>0</v>
      </c>
      <c r="KF35" s="123">
        <v>0</v>
      </c>
      <c r="KG35" s="123">
        <v>0</v>
      </c>
      <c r="KH35" s="123">
        <v>264420</v>
      </c>
      <c r="KI35" s="123">
        <v>272043</v>
      </c>
      <c r="KJ35" s="123">
        <v>0</v>
      </c>
      <c r="KK35" s="124">
        <v>536463</v>
      </c>
      <c r="KL35" s="161">
        <v>536463</v>
      </c>
      <c r="KM35" s="262">
        <v>0</v>
      </c>
      <c r="KN35" s="269">
        <v>0</v>
      </c>
      <c r="KO35" s="270">
        <v>0</v>
      </c>
      <c r="KP35" s="158"/>
      <c r="KQ35" s="123">
        <v>2143708</v>
      </c>
      <c r="KR35" s="123">
        <v>721066</v>
      </c>
      <c r="KS35" s="123">
        <v>1825856</v>
      </c>
      <c r="KT35" s="123">
        <v>1047051</v>
      </c>
      <c r="KU35" s="123">
        <v>289832</v>
      </c>
      <c r="KV35" s="124">
        <v>6027513</v>
      </c>
      <c r="KW35" s="354">
        <v>6027513</v>
      </c>
      <c r="KX35" s="160">
        <v>0</v>
      </c>
      <c r="KY35" s="123">
        <v>0</v>
      </c>
      <c r="KZ35" s="124">
        <v>0</v>
      </c>
      <c r="LA35" s="163"/>
      <c r="LB35" s="123">
        <v>0</v>
      </c>
      <c r="LC35" s="123">
        <v>0</v>
      </c>
      <c r="LD35" s="123">
        <v>0</v>
      </c>
      <c r="LE35" s="123">
        <v>0</v>
      </c>
      <c r="LF35" s="123">
        <v>0</v>
      </c>
      <c r="LG35" s="124">
        <v>0</v>
      </c>
      <c r="LH35" s="125">
        <v>0</v>
      </c>
      <c r="LI35" s="160">
        <v>0</v>
      </c>
      <c r="LJ35" s="123">
        <v>0</v>
      </c>
      <c r="LK35" s="124">
        <v>0</v>
      </c>
      <c r="LL35" s="163"/>
      <c r="LM35" s="123">
        <v>0</v>
      </c>
      <c r="LN35" s="123">
        <v>0</v>
      </c>
      <c r="LO35" s="123">
        <v>0</v>
      </c>
      <c r="LP35" s="123">
        <v>0</v>
      </c>
      <c r="LQ35" s="123">
        <v>0</v>
      </c>
      <c r="LR35" s="124">
        <v>0</v>
      </c>
      <c r="LS35" s="354">
        <v>0</v>
      </c>
      <c r="LT35" s="160">
        <v>0</v>
      </c>
      <c r="LU35" s="123">
        <v>0</v>
      </c>
      <c r="LV35" s="124">
        <v>0</v>
      </c>
      <c r="LW35" s="163"/>
      <c r="LX35" s="123">
        <v>0</v>
      </c>
      <c r="LY35" s="123">
        <v>0</v>
      </c>
      <c r="LZ35" s="123">
        <v>0</v>
      </c>
      <c r="MA35" s="123">
        <v>0</v>
      </c>
      <c r="MB35" s="123">
        <v>0</v>
      </c>
      <c r="MC35" s="124">
        <v>0</v>
      </c>
      <c r="MD35" s="125">
        <v>0</v>
      </c>
      <c r="ME35" s="160">
        <v>0</v>
      </c>
      <c r="MF35" s="123">
        <v>0</v>
      </c>
      <c r="MG35" s="124">
        <v>0</v>
      </c>
      <c r="MH35" s="163"/>
      <c r="MI35" s="123">
        <v>1010021</v>
      </c>
      <c r="MJ35" s="123">
        <v>2824892</v>
      </c>
      <c r="MK35" s="123">
        <v>9039090</v>
      </c>
      <c r="ML35" s="123">
        <v>11849498</v>
      </c>
      <c r="MM35" s="123">
        <v>8450643</v>
      </c>
      <c r="MN35" s="124">
        <v>33174144</v>
      </c>
      <c r="MO35" s="161">
        <v>33174144</v>
      </c>
      <c r="MP35" s="160">
        <v>0</v>
      </c>
      <c r="MQ35" s="123">
        <v>0</v>
      </c>
      <c r="MR35" s="124">
        <v>0</v>
      </c>
      <c r="MS35" s="163">
        <v>0</v>
      </c>
      <c r="MT35" s="123">
        <v>227124</v>
      </c>
      <c r="MU35" s="123">
        <v>418230</v>
      </c>
      <c r="MV35" s="123">
        <v>5799286</v>
      </c>
      <c r="MW35" s="123">
        <v>5960633</v>
      </c>
      <c r="MX35" s="123">
        <v>5005530</v>
      </c>
      <c r="MY35" s="124">
        <v>17410803</v>
      </c>
      <c r="MZ35" s="161">
        <v>17410803</v>
      </c>
      <c r="NA35" s="160">
        <v>0</v>
      </c>
      <c r="NB35" s="123">
        <v>0</v>
      </c>
      <c r="NC35" s="124">
        <v>0</v>
      </c>
      <c r="ND35" s="163"/>
      <c r="NE35" s="123">
        <v>782897</v>
      </c>
      <c r="NF35" s="123">
        <v>2151926</v>
      </c>
      <c r="NG35" s="123">
        <v>3239804</v>
      </c>
      <c r="NH35" s="123">
        <v>5888865</v>
      </c>
      <c r="NI35" s="123">
        <v>2580518</v>
      </c>
      <c r="NJ35" s="124">
        <v>14644010</v>
      </c>
      <c r="NK35" s="354">
        <v>14644010</v>
      </c>
      <c r="NL35" s="160">
        <v>0</v>
      </c>
      <c r="NM35" s="123">
        <v>0</v>
      </c>
      <c r="NN35" s="124">
        <v>0</v>
      </c>
      <c r="NO35" s="163"/>
      <c r="NP35" s="123">
        <v>0</v>
      </c>
      <c r="NQ35" s="123">
        <v>0</v>
      </c>
      <c r="NR35" s="123">
        <v>0</v>
      </c>
      <c r="NS35" s="123">
        <v>0</v>
      </c>
      <c r="NT35" s="123">
        <v>0</v>
      </c>
      <c r="NU35" s="124">
        <v>0</v>
      </c>
      <c r="NV35" s="125">
        <v>0</v>
      </c>
      <c r="NW35" s="160">
        <v>0</v>
      </c>
      <c r="NX35" s="123">
        <v>0</v>
      </c>
      <c r="NY35" s="124">
        <v>0</v>
      </c>
      <c r="NZ35" s="163"/>
      <c r="OA35" s="123">
        <v>0</v>
      </c>
      <c r="OB35" s="123">
        <v>254736</v>
      </c>
      <c r="OC35" s="123">
        <v>0</v>
      </c>
      <c r="OD35" s="123">
        <v>0</v>
      </c>
      <c r="OE35" s="123">
        <v>864595</v>
      </c>
      <c r="OF35" s="124">
        <v>1119331</v>
      </c>
      <c r="OG35" s="125">
        <v>1119331</v>
      </c>
      <c r="OH35" s="160">
        <v>551642</v>
      </c>
      <c r="OI35" s="123">
        <v>675658</v>
      </c>
      <c r="OJ35" s="159">
        <v>1227300</v>
      </c>
      <c r="OK35" s="122">
        <v>0</v>
      </c>
      <c r="OL35" s="123">
        <v>10813070</v>
      </c>
      <c r="OM35" s="123">
        <v>13689283</v>
      </c>
      <c r="ON35" s="123">
        <v>21150111</v>
      </c>
      <c r="OO35" s="123">
        <v>20594517</v>
      </c>
      <c r="OP35" s="123">
        <v>12972186</v>
      </c>
      <c r="OQ35" s="124">
        <v>79219167</v>
      </c>
      <c r="OR35" s="161">
        <v>80446467</v>
      </c>
    </row>
    <row r="36" spans="1:408" ht="18.75" customHeight="1" x14ac:dyDescent="0.2">
      <c r="A36" s="63" t="s">
        <v>31</v>
      </c>
      <c r="B36" s="113">
        <v>479854</v>
      </c>
      <c r="C36" s="117">
        <v>828168</v>
      </c>
      <c r="D36" s="116">
        <v>1308022</v>
      </c>
      <c r="E36" s="112">
        <v>0</v>
      </c>
      <c r="F36" s="117">
        <v>7090266</v>
      </c>
      <c r="G36" s="117">
        <v>11009537</v>
      </c>
      <c r="H36" s="117">
        <v>8763008</v>
      </c>
      <c r="I36" s="117">
        <v>4755730</v>
      </c>
      <c r="J36" s="117">
        <v>4613913</v>
      </c>
      <c r="K36" s="201">
        <v>36232454</v>
      </c>
      <c r="L36" s="119">
        <v>37540476</v>
      </c>
      <c r="M36" s="113">
        <v>105247</v>
      </c>
      <c r="N36" s="117">
        <v>95254</v>
      </c>
      <c r="O36" s="116">
        <v>200501</v>
      </c>
      <c r="P36" s="113">
        <v>0</v>
      </c>
      <c r="Q36" s="117">
        <v>1291863</v>
      </c>
      <c r="R36" s="117">
        <v>1775181</v>
      </c>
      <c r="S36" s="117">
        <v>1902735</v>
      </c>
      <c r="T36" s="117">
        <v>1624407</v>
      </c>
      <c r="U36" s="117">
        <v>2238216</v>
      </c>
      <c r="V36" s="116">
        <v>8832402</v>
      </c>
      <c r="W36" s="119">
        <v>9032903</v>
      </c>
      <c r="X36" s="113">
        <v>0</v>
      </c>
      <c r="Y36" s="117">
        <v>0</v>
      </c>
      <c r="Z36" s="116">
        <v>0</v>
      </c>
      <c r="AA36" s="113">
        <v>0</v>
      </c>
      <c r="AB36" s="117">
        <v>656744</v>
      </c>
      <c r="AC36" s="117">
        <v>498357</v>
      </c>
      <c r="AD36" s="117">
        <v>666935</v>
      </c>
      <c r="AE36" s="117">
        <v>429783</v>
      </c>
      <c r="AF36" s="117">
        <v>1116077</v>
      </c>
      <c r="AG36" s="116">
        <v>3367896</v>
      </c>
      <c r="AH36" s="119">
        <v>3367896</v>
      </c>
      <c r="AI36" s="113">
        <v>0</v>
      </c>
      <c r="AJ36" s="117">
        <v>0</v>
      </c>
      <c r="AK36" s="116">
        <v>0</v>
      </c>
      <c r="AL36" s="113">
        <v>0</v>
      </c>
      <c r="AM36" s="117">
        <v>0</v>
      </c>
      <c r="AN36" s="117">
        <v>117957</v>
      </c>
      <c r="AO36" s="117">
        <v>283912</v>
      </c>
      <c r="AP36" s="117">
        <v>401544</v>
      </c>
      <c r="AQ36" s="117">
        <v>327236</v>
      </c>
      <c r="AR36" s="116">
        <v>1130649</v>
      </c>
      <c r="AS36" s="119">
        <v>1130649</v>
      </c>
      <c r="AT36" s="113">
        <v>55882</v>
      </c>
      <c r="AU36" s="117">
        <v>56538</v>
      </c>
      <c r="AV36" s="116">
        <v>112420</v>
      </c>
      <c r="AW36" s="113">
        <v>0</v>
      </c>
      <c r="AX36" s="117">
        <v>418038</v>
      </c>
      <c r="AY36" s="117">
        <v>686331</v>
      </c>
      <c r="AZ36" s="117">
        <v>616040</v>
      </c>
      <c r="BA36" s="117">
        <v>562923</v>
      </c>
      <c r="BB36" s="117">
        <v>558785</v>
      </c>
      <c r="BC36" s="116">
        <v>2842117</v>
      </c>
      <c r="BD36" s="119">
        <v>2954537</v>
      </c>
      <c r="BE36" s="113">
        <v>25353</v>
      </c>
      <c r="BF36" s="117">
        <v>38716</v>
      </c>
      <c r="BG36" s="115">
        <v>64069</v>
      </c>
      <c r="BH36" s="114">
        <v>0</v>
      </c>
      <c r="BI36" s="117">
        <v>76176</v>
      </c>
      <c r="BJ36" s="117">
        <v>248343</v>
      </c>
      <c r="BK36" s="117">
        <v>113590</v>
      </c>
      <c r="BL36" s="117">
        <v>126252</v>
      </c>
      <c r="BM36" s="117">
        <v>173727</v>
      </c>
      <c r="BN36" s="116">
        <v>738088</v>
      </c>
      <c r="BO36" s="119">
        <v>802157</v>
      </c>
      <c r="BP36" s="113">
        <v>24012</v>
      </c>
      <c r="BQ36" s="117">
        <v>0</v>
      </c>
      <c r="BR36" s="116">
        <v>24012</v>
      </c>
      <c r="BS36" s="113">
        <v>0</v>
      </c>
      <c r="BT36" s="117">
        <v>140905</v>
      </c>
      <c r="BU36" s="117">
        <v>224193</v>
      </c>
      <c r="BV36" s="117">
        <v>222258</v>
      </c>
      <c r="BW36" s="117">
        <v>103905</v>
      </c>
      <c r="BX36" s="117">
        <v>62391</v>
      </c>
      <c r="BY36" s="116">
        <v>753652</v>
      </c>
      <c r="BZ36" s="119">
        <v>777664</v>
      </c>
      <c r="CA36" s="113">
        <v>0</v>
      </c>
      <c r="CB36" s="117">
        <v>41517</v>
      </c>
      <c r="CC36" s="116">
        <v>41517</v>
      </c>
      <c r="CD36" s="113">
        <v>0</v>
      </c>
      <c r="CE36" s="117">
        <v>2399223</v>
      </c>
      <c r="CF36" s="117">
        <v>4283356</v>
      </c>
      <c r="CG36" s="117">
        <v>2413298</v>
      </c>
      <c r="CH36" s="117">
        <v>1137404</v>
      </c>
      <c r="CI36" s="117">
        <v>865762</v>
      </c>
      <c r="CJ36" s="116">
        <v>11099043</v>
      </c>
      <c r="CK36" s="119">
        <v>11140560</v>
      </c>
      <c r="CL36" s="113">
        <v>0</v>
      </c>
      <c r="CM36" s="117">
        <v>0</v>
      </c>
      <c r="CN36" s="116">
        <v>0</v>
      </c>
      <c r="CO36" s="114">
        <v>0</v>
      </c>
      <c r="CP36" s="117">
        <v>2291966</v>
      </c>
      <c r="CQ36" s="117">
        <v>3544658</v>
      </c>
      <c r="CR36" s="117">
        <v>2000964</v>
      </c>
      <c r="CS36" s="117">
        <v>954117</v>
      </c>
      <c r="CT36" s="117">
        <v>652924</v>
      </c>
      <c r="CU36" s="116">
        <v>9444629</v>
      </c>
      <c r="CV36" s="119">
        <v>9444629</v>
      </c>
      <c r="CW36" s="113">
        <v>0</v>
      </c>
      <c r="CX36" s="117">
        <v>41517</v>
      </c>
      <c r="CY36" s="116">
        <v>41517</v>
      </c>
      <c r="CZ36" s="113">
        <v>0</v>
      </c>
      <c r="DA36" s="117">
        <v>107257</v>
      </c>
      <c r="DB36" s="117">
        <v>738698</v>
      </c>
      <c r="DC36" s="117">
        <v>412334</v>
      </c>
      <c r="DD36" s="117">
        <v>183287</v>
      </c>
      <c r="DE36" s="117">
        <v>212838</v>
      </c>
      <c r="DF36" s="116">
        <v>1654414</v>
      </c>
      <c r="DG36" s="119">
        <v>1695931</v>
      </c>
      <c r="DH36" s="113">
        <v>0</v>
      </c>
      <c r="DI36" s="117">
        <v>0</v>
      </c>
      <c r="DJ36" s="115">
        <v>0</v>
      </c>
      <c r="DK36" s="114">
        <v>0</v>
      </c>
      <c r="DL36" s="117">
        <v>151583</v>
      </c>
      <c r="DM36" s="117">
        <v>681687</v>
      </c>
      <c r="DN36" s="117">
        <v>1089097</v>
      </c>
      <c r="DO36" s="117">
        <v>764504</v>
      </c>
      <c r="DP36" s="117">
        <v>461858</v>
      </c>
      <c r="DQ36" s="116">
        <v>3148729</v>
      </c>
      <c r="DR36" s="119">
        <v>3148729</v>
      </c>
      <c r="DS36" s="113">
        <v>0</v>
      </c>
      <c r="DT36" s="117">
        <v>0</v>
      </c>
      <c r="DU36" s="116">
        <v>0</v>
      </c>
      <c r="DV36" s="113">
        <v>0</v>
      </c>
      <c r="DW36" s="117">
        <v>151583</v>
      </c>
      <c r="DX36" s="117">
        <v>681687</v>
      </c>
      <c r="DY36" s="117">
        <v>1089097</v>
      </c>
      <c r="DZ36" s="117">
        <v>690751</v>
      </c>
      <c r="EA36" s="117">
        <v>401099</v>
      </c>
      <c r="EB36" s="116">
        <v>3014217</v>
      </c>
      <c r="EC36" s="119">
        <v>3014217</v>
      </c>
      <c r="ED36" s="113">
        <v>0</v>
      </c>
      <c r="EE36" s="115">
        <v>0</v>
      </c>
      <c r="EF36" s="116">
        <v>0</v>
      </c>
      <c r="EG36" s="113">
        <v>0</v>
      </c>
      <c r="EH36" s="117">
        <v>0</v>
      </c>
      <c r="EI36" s="117">
        <v>0</v>
      </c>
      <c r="EJ36" s="117">
        <v>0</v>
      </c>
      <c r="EK36" s="117">
        <v>73753</v>
      </c>
      <c r="EL36" s="117">
        <v>60759</v>
      </c>
      <c r="EM36" s="115">
        <v>134512</v>
      </c>
      <c r="EN36" s="119">
        <v>134512</v>
      </c>
      <c r="EO36" s="113">
        <v>0</v>
      </c>
      <c r="EP36" s="117">
        <v>0</v>
      </c>
      <c r="EQ36" s="115">
        <v>0</v>
      </c>
      <c r="ER36" s="114">
        <v>0</v>
      </c>
      <c r="ES36" s="117">
        <v>0</v>
      </c>
      <c r="ET36" s="117">
        <v>0</v>
      </c>
      <c r="EU36" s="117">
        <v>0</v>
      </c>
      <c r="EV36" s="117">
        <v>0</v>
      </c>
      <c r="EW36" s="117">
        <v>0</v>
      </c>
      <c r="EX36" s="116">
        <v>0</v>
      </c>
      <c r="EY36" s="119">
        <v>0</v>
      </c>
      <c r="EZ36" s="113">
        <v>0</v>
      </c>
      <c r="FA36" s="117">
        <v>0</v>
      </c>
      <c r="FB36" s="115">
        <v>0</v>
      </c>
      <c r="FC36" s="387"/>
      <c r="FD36" s="117">
        <v>0</v>
      </c>
      <c r="FE36" s="117">
        <v>0</v>
      </c>
      <c r="FF36" s="117">
        <v>0</v>
      </c>
      <c r="FG36" s="117">
        <v>0</v>
      </c>
      <c r="FH36" s="117">
        <v>0</v>
      </c>
      <c r="FI36" s="116">
        <v>0</v>
      </c>
      <c r="FJ36" s="119">
        <v>0</v>
      </c>
      <c r="FK36" s="113">
        <v>210454</v>
      </c>
      <c r="FL36" s="117">
        <v>293463</v>
      </c>
      <c r="FM36" s="116">
        <v>503917</v>
      </c>
      <c r="FN36" s="113">
        <v>0</v>
      </c>
      <c r="FO36" s="117">
        <v>587554</v>
      </c>
      <c r="FP36" s="117">
        <v>1157285</v>
      </c>
      <c r="FQ36" s="117">
        <v>687098</v>
      </c>
      <c r="FR36" s="117">
        <v>427407</v>
      </c>
      <c r="FS36" s="117">
        <v>518192</v>
      </c>
      <c r="FT36" s="116">
        <v>3377536</v>
      </c>
      <c r="FU36" s="119">
        <v>3881453</v>
      </c>
      <c r="FV36" s="118">
        <v>109254</v>
      </c>
      <c r="FW36" s="117">
        <v>293463</v>
      </c>
      <c r="FX36" s="115">
        <v>402717</v>
      </c>
      <c r="FY36" s="114">
        <v>0</v>
      </c>
      <c r="FZ36" s="117">
        <v>587554</v>
      </c>
      <c r="GA36" s="117">
        <v>1066709</v>
      </c>
      <c r="GB36" s="117">
        <v>634826</v>
      </c>
      <c r="GC36" s="117">
        <v>394935</v>
      </c>
      <c r="GD36" s="117">
        <v>518192</v>
      </c>
      <c r="GE36" s="116">
        <v>3202216</v>
      </c>
      <c r="GF36" s="351">
        <v>3604933</v>
      </c>
      <c r="GG36" s="118">
        <v>0</v>
      </c>
      <c r="GH36" s="117">
        <v>0</v>
      </c>
      <c r="GI36" s="115">
        <v>0</v>
      </c>
      <c r="GJ36" s="114">
        <v>0</v>
      </c>
      <c r="GK36" s="117">
        <v>0</v>
      </c>
      <c r="GL36" s="117">
        <v>0</v>
      </c>
      <c r="GM36" s="117">
        <v>52272</v>
      </c>
      <c r="GN36" s="117">
        <v>32472</v>
      </c>
      <c r="GO36" s="117">
        <v>0</v>
      </c>
      <c r="GP36" s="116">
        <v>84744</v>
      </c>
      <c r="GQ36" s="119">
        <v>84744</v>
      </c>
      <c r="GR36" s="113">
        <v>101200</v>
      </c>
      <c r="GS36" s="117">
        <v>0</v>
      </c>
      <c r="GT36" s="116">
        <v>101200</v>
      </c>
      <c r="GU36" s="113">
        <v>0</v>
      </c>
      <c r="GV36" s="117">
        <v>0</v>
      </c>
      <c r="GW36" s="117">
        <v>90576</v>
      </c>
      <c r="GX36" s="117">
        <v>0</v>
      </c>
      <c r="GY36" s="117">
        <v>0</v>
      </c>
      <c r="GZ36" s="117">
        <v>0</v>
      </c>
      <c r="HA36" s="115">
        <v>90576</v>
      </c>
      <c r="HB36" s="119">
        <v>191776</v>
      </c>
      <c r="HC36" s="113">
        <v>58257</v>
      </c>
      <c r="HD36" s="117">
        <v>195084</v>
      </c>
      <c r="HE36" s="115">
        <v>253341</v>
      </c>
      <c r="HF36" s="114">
        <v>0</v>
      </c>
      <c r="HG36" s="117">
        <v>1361198</v>
      </c>
      <c r="HH36" s="117">
        <v>1745764</v>
      </c>
      <c r="HI36" s="117">
        <v>1810855</v>
      </c>
      <c r="HJ36" s="117">
        <v>462537</v>
      </c>
      <c r="HK36" s="117">
        <v>208264</v>
      </c>
      <c r="HL36" s="116">
        <v>5588618</v>
      </c>
      <c r="HM36" s="112">
        <v>5841959</v>
      </c>
      <c r="HN36" s="118">
        <v>105896</v>
      </c>
      <c r="HO36" s="117">
        <v>202850</v>
      </c>
      <c r="HP36" s="116">
        <v>308746</v>
      </c>
      <c r="HQ36" s="113">
        <v>0</v>
      </c>
      <c r="HR36" s="117">
        <v>1298845</v>
      </c>
      <c r="HS36" s="117">
        <v>1366264</v>
      </c>
      <c r="HT36" s="117">
        <v>859925</v>
      </c>
      <c r="HU36" s="117">
        <v>339471</v>
      </c>
      <c r="HV36" s="117">
        <v>321621</v>
      </c>
      <c r="HW36" s="115">
        <v>4186126</v>
      </c>
      <c r="HX36" s="119">
        <v>4494872</v>
      </c>
      <c r="HY36" s="168">
        <v>0</v>
      </c>
      <c r="HZ36" s="153">
        <v>88207</v>
      </c>
      <c r="IA36" s="168">
        <v>88207</v>
      </c>
      <c r="IB36" s="152">
        <v>0</v>
      </c>
      <c r="IC36" s="153">
        <v>3489665</v>
      </c>
      <c r="ID36" s="154">
        <v>5305516</v>
      </c>
      <c r="IE36" s="155">
        <v>5722275</v>
      </c>
      <c r="IF36" s="153">
        <v>2871826</v>
      </c>
      <c r="IG36" s="155">
        <v>1826222</v>
      </c>
      <c r="IH36" s="156">
        <v>19215504</v>
      </c>
      <c r="II36" s="168">
        <v>19303711</v>
      </c>
      <c r="IJ36" s="262">
        <v>0</v>
      </c>
      <c r="IK36" s="269">
        <v>0</v>
      </c>
      <c r="IL36" s="270">
        <v>0</v>
      </c>
      <c r="IM36" s="158"/>
      <c r="IN36" s="123">
        <v>0</v>
      </c>
      <c r="IO36" s="123">
        <v>191219</v>
      </c>
      <c r="IP36" s="123">
        <v>0</v>
      </c>
      <c r="IQ36" s="123">
        <v>0</v>
      </c>
      <c r="IR36" s="123">
        <v>0</v>
      </c>
      <c r="IS36" s="159">
        <v>191219</v>
      </c>
      <c r="IT36" s="354">
        <v>191219</v>
      </c>
      <c r="IU36" s="160">
        <v>0</v>
      </c>
      <c r="IV36" s="123">
        <v>0</v>
      </c>
      <c r="IW36" s="124">
        <v>0</v>
      </c>
      <c r="IX36" s="162"/>
      <c r="IY36" s="123">
        <v>0</v>
      </c>
      <c r="IZ36" s="123">
        <v>0</v>
      </c>
      <c r="JA36" s="123">
        <v>0</v>
      </c>
      <c r="JB36" s="123">
        <v>0</v>
      </c>
      <c r="JC36" s="123">
        <v>0</v>
      </c>
      <c r="JD36" s="124">
        <v>0</v>
      </c>
      <c r="JE36" s="125">
        <v>0</v>
      </c>
      <c r="JF36" s="160">
        <v>0</v>
      </c>
      <c r="JG36" s="123">
        <v>0</v>
      </c>
      <c r="JH36" s="159">
        <v>0</v>
      </c>
      <c r="JI36" s="122">
        <v>0</v>
      </c>
      <c r="JJ36" s="123">
        <v>852910</v>
      </c>
      <c r="JK36" s="123">
        <v>555612</v>
      </c>
      <c r="JL36" s="123">
        <v>932478</v>
      </c>
      <c r="JM36" s="123">
        <v>6324</v>
      </c>
      <c r="JN36" s="123">
        <v>371583</v>
      </c>
      <c r="JO36" s="124">
        <v>2718907</v>
      </c>
      <c r="JP36" s="354">
        <v>2718907</v>
      </c>
      <c r="JQ36" s="160">
        <v>0</v>
      </c>
      <c r="JR36" s="123">
        <v>0</v>
      </c>
      <c r="JS36" s="159">
        <v>0</v>
      </c>
      <c r="JT36" s="122">
        <v>0</v>
      </c>
      <c r="JU36" s="123">
        <v>0</v>
      </c>
      <c r="JV36" s="123">
        <v>303327</v>
      </c>
      <c r="JW36" s="123">
        <v>122472</v>
      </c>
      <c r="JX36" s="123">
        <v>0</v>
      </c>
      <c r="JY36" s="123">
        <v>0</v>
      </c>
      <c r="JZ36" s="124">
        <v>425799</v>
      </c>
      <c r="KA36" s="354">
        <v>425799</v>
      </c>
      <c r="KB36" s="265">
        <v>0</v>
      </c>
      <c r="KC36" s="259">
        <v>88207</v>
      </c>
      <c r="KD36" s="124">
        <v>88207</v>
      </c>
      <c r="KE36" s="122">
        <v>0</v>
      </c>
      <c r="KF36" s="123">
        <v>768906</v>
      </c>
      <c r="KG36" s="123">
        <v>1755384</v>
      </c>
      <c r="KH36" s="123">
        <v>1046349</v>
      </c>
      <c r="KI36" s="123">
        <v>618475</v>
      </c>
      <c r="KJ36" s="123">
        <v>920962</v>
      </c>
      <c r="KK36" s="124">
        <v>5110076</v>
      </c>
      <c r="KL36" s="161">
        <v>5198283</v>
      </c>
      <c r="KM36" s="262">
        <v>0</v>
      </c>
      <c r="KN36" s="269">
        <v>0</v>
      </c>
      <c r="KO36" s="270">
        <v>0</v>
      </c>
      <c r="KP36" s="158"/>
      <c r="KQ36" s="123">
        <v>1867849</v>
      </c>
      <c r="KR36" s="123">
        <v>2499974</v>
      </c>
      <c r="KS36" s="123">
        <v>3620976</v>
      </c>
      <c r="KT36" s="123">
        <v>2247027</v>
      </c>
      <c r="KU36" s="123">
        <v>533677</v>
      </c>
      <c r="KV36" s="124">
        <v>10769503</v>
      </c>
      <c r="KW36" s="354">
        <v>10769503</v>
      </c>
      <c r="KX36" s="160">
        <v>0</v>
      </c>
      <c r="KY36" s="123">
        <v>0</v>
      </c>
      <c r="KZ36" s="124">
        <v>0</v>
      </c>
      <c r="LA36" s="163"/>
      <c r="LB36" s="123">
        <v>0</v>
      </c>
      <c r="LC36" s="123">
        <v>0</v>
      </c>
      <c r="LD36" s="123">
        <v>0</v>
      </c>
      <c r="LE36" s="123">
        <v>0</v>
      </c>
      <c r="LF36" s="123">
        <v>0</v>
      </c>
      <c r="LG36" s="124">
        <v>0</v>
      </c>
      <c r="LH36" s="125">
        <v>0</v>
      </c>
      <c r="LI36" s="160">
        <v>0</v>
      </c>
      <c r="LJ36" s="123">
        <v>0</v>
      </c>
      <c r="LK36" s="124">
        <v>0</v>
      </c>
      <c r="LL36" s="163"/>
      <c r="LM36" s="123">
        <v>0</v>
      </c>
      <c r="LN36" s="123">
        <v>0</v>
      </c>
      <c r="LO36" s="123">
        <v>0</v>
      </c>
      <c r="LP36" s="123">
        <v>0</v>
      </c>
      <c r="LQ36" s="123">
        <v>0</v>
      </c>
      <c r="LR36" s="124">
        <v>0</v>
      </c>
      <c r="LS36" s="354">
        <v>0</v>
      </c>
      <c r="LT36" s="160">
        <v>0</v>
      </c>
      <c r="LU36" s="123">
        <v>0</v>
      </c>
      <c r="LV36" s="124">
        <v>0</v>
      </c>
      <c r="LW36" s="163"/>
      <c r="LX36" s="123">
        <v>0</v>
      </c>
      <c r="LY36" s="123">
        <v>0</v>
      </c>
      <c r="LZ36" s="123">
        <v>0</v>
      </c>
      <c r="MA36" s="123">
        <v>0</v>
      </c>
      <c r="MB36" s="123">
        <v>0</v>
      </c>
      <c r="MC36" s="124">
        <v>0</v>
      </c>
      <c r="MD36" s="125">
        <v>0</v>
      </c>
      <c r="ME36" s="160">
        <v>0</v>
      </c>
      <c r="MF36" s="123">
        <v>0</v>
      </c>
      <c r="MG36" s="124">
        <v>0</v>
      </c>
      <c r="MH36" s="163"/>
      <c r="MI36" s="123">
        <v>508052</v>
      </c>
      <c r="MJ36" s="123">
        <v>4026135</v>
      </c>
      <c r="MK36" s="123">
        <v>9575875</v>
      </c>
      <c r="ML36" s="123">
        <v>9856395</v>
      </c>
      <c r="MM36" s="123">
        <v>7109082</v>
      </c>
      <c r="MN36" s="124">
        <v>31075539</v>
      </c>
      <c r="MO36" s="161">
        <v>31075539</v>
      </c>
      <c r="MP36" s="160">
        <v>0</v>
      </c>
      <c r="MQ36" s="123">
        <v>0</v>
      </c>
      <c r="MR36" s="124">
        <v>0</v>
      </c>
      <c r="MS36" s="163">
        <v>0</v>
      </c>
      <c r="MT36" s="123">
        <v>0</v>
      </c>
      <c r="MU36" s="123">
        <v>954554</v>
      </c>
      <c r="MV36" s="123">
        <v>6599541</v>
      </c>
      <c r="MW36" s="123">
        <v>5748880</v>
      </c>
      <c r="MX36" s="123">
        <v>5823141</v>
      </c>
      <c r="MY36" s="124">
        <v>19126116</v>
      </c>
      <c r="MZ36" s="161">
        <v>19126116</v>
      </c>
      <c r="NA36" s="160">
        <v>0</v>
      </c>
      <c r="NB36" s="123">
        <v>0</v>
      </c>
      <c r="NC36" s="124">
        <v>0</v>
      </c>
      <c r="ND36" s="163"/>
      <c r="NE36" s="123">
        <v>508052</v>
      </c>
      <c r="NF36" s="123">
        <v>3071581</v>
      </c>
      <c r="NG36" s="123">
        <v>2559785</v>
      </c>
      <c r="NH36" s="123">
        <v>3567711</v>
      </c>
      <c r="NI36" s="123">
        <v>930999</v>
      </c>
      <c r="NJ36" s="124">
        <v>10638128</v>
      </c>
      <c r="NK36" s="354">
        <v>10638128</v>
      </c>
      <c r="NL36" s="160">
        <v>0</v>
      </c>
      <c r="NM36" s="123">
        <v>0</v>
      </c>
      <c r="NN36" s="124">
        <v>0</v>
      </c>
      <c r="NO36" s="163"/>
      <c r="NP36" s="123">
        <v>0</v>
      </c>
      <c r="NQ36" s="123">
        <v>0</v>
      </c>
      <c r="NR36" s="123">
        <v>0</v>
      </c>
      <c r="NS36" s="123">
        <v>539804</v>
      </c>
      <c r="NT36" s="123">
        <v>0</v>
      </c>
      <c r="NU36" s="124">
        <v>539804</v>
      </c>
      <c r="NV36" s="125">
        <v>539804</v>
      </c>
      <c r="NW36" s="160">
        <v>0</v>
      </c>
      <c r="NX36" s="123">
        <v>0</v>
      </c>
      <c r="NY36" s="124">
        <v>0</v>
      </c>
      <c r="NZ36" s="163"/>
      <c r="OA36" s="123">
        <v>0</v>
      </c>
      <c r="OB36" s="123">
        <v>0</v>
      </c>
      <c r="OC36" s="123">
        <v>416549</v>
      </c>
      <c r="OD36" s="123">
        <v>0</v>
      </c>
      <c r="OE36" s="123">
        <v>354942</v>
      </c>
      <c r="OF36" s="124">
        <v>771491</v>
      </c>
      <c r="OG36" s="125">
        <v>771491</v>
      </c>
      <c r="OH36" s="160">
        <v>479854</v>
      </c>
      <c r="OI36" s="123">
        <v>916375</v>
      </c>
      <c r="OJ36" s="159">
        <v>1396229</v>
      </c>
      <c r="OK36" s="122">
        <v>0</v>
      </c>
      <c r="OL36" s="123">
        <v>11087983</v>
      </c>
      <c r="OM36" s="123">
        <v>20341188</v>
      </c>
      <c r="ON36" s="123">
        <v>24061158</v>
      </c>
      <c r="OO36" s="123">
        <v>17483951</v>
      </c>
      <c r="OP36" s="123">
        <v>13549217</v>
      </c>
      <c r="OQ36" s="124">
        <v>86523497</v>
      </c>
      <c r="OR36" s="161">
        <v>87919726</v>
      </c>
    </row>
    <row r="37" spans="1:408" ht="18.75" customHeight="1" x14ac:dyDescent="0.2">
      <c r="A37" s="63" t="s">
        <v>32</v>
      </c>
      <c r="B37" s="113">
        <v>616827</v>
      </c>
      <c r="C37" s="117">
        <v>966172</v>
      </c>
      <c r="D37" s="202">
        <v>1582999</v>
      </c>
      <c r="E37" s="203">
        <v>0</v>
      </c>
      <c r="F37" s="204">
        <v>9671469</v>
      </c>
      <c r="G37" s="204">
        <v>11392913</v>
      </c>
      <c r="H37" s="204">
        <v>8504148</v>
      </c>
      <c r="I37" s="204">
        <v>10002389</v>
      </c>
      <c r="J37" s="204">
        <v>5675668</v>
      </c>
      <c r="K37" s="205">
        <v>45246587</v>
      </c>
      <c r="L37" s="119">
        <v>46829586</v>
      </c>
      <c r="M37" s="113">
        <v>168636</v>
      </c>
      <c r="N37" s="117">
        <v>201530</v>
      </c>
      <c r="O37" s="116">
        <v>370166</v>
      </c>
      <c r="P37" s="113">
        <v>0</v>
      </c>
      <c r="Q37" s="117">
        <v>2864069</v>
      </c>
      <c r="R37" s="117">
        <v>1955164</v>
      </c>
      <c r="S37" s="117">
        <v>2319438</v>
      </c>
      <c r="T37" s="117">
        <v>3705805</v>
      </c>
      <c r="U37" s="117">
        <v>3008510</v>
      </c>
      <c r="V37" s="116">
        <v>13852986</v>
      </c>
      <c r="W37" s="119">
        <v>14223152</v>
      </c>
      <c r="X37" s="113">
        <v>0</v>
      </c>
      <c r="Y37" s="117">
        <v>0</v>
      </c>
      <c r="Z37" s="116">
        <v>0</v>
      </c>
      <c r="AA37" s="113">
        <v>0</v>
      </c>
      <c r="AB37" s="117">
        <v>1338531</v>
      </c>
      <c r="AC37" s="117">
        <v>813029</v>
      </c>
      <c r="AD37" s="117">
        <v>1423182</v>
      </c>
      <c r="AE37" s="117">
        <v>2264875</v>
      </c>
      <c r="AF37" s="117">
        <v>1498059</v>
      </c>
      <c r="AG37" s="116">
        <v>7337676</v>
      </c>
      <c r="AH37" s="119">
        <v>7337676</v>
      </c>
      <c r="AI37" s="113">
        <v>0</v>
      </c>
      <c r="AJ37" s="117">
        <v>0</v>
      </c>
      <c r="AK37" s="116">
        <v>0</v>
      </c>
      <c r="AL37" s="113">
        <v>0</v>
      </c>
      <c r="AM37" s="117">
        <v>0</v>
      </c>
      <c r="AN37" s="117">
        <v>10161</v>
      </c>
      <c r="AO37" s="117">
        <v>75678</v>
      </c>
      <c r="AP37" s="117">
        <v>281648</v>
      </c>
      <c r="AQ37" s="117">
        <v>669240</v>
      </c>
      <c r="AR37" s="116">
        <v>1036727</v>
      </c>
      <c r="AS37" s="119">
        <v>1036727</v>
      </c>
      <c r="AT37" s="113">
        <v>139863</v>
      </c>
      <c r="AU37" s="117">
        <v>150578</v>
      </c>
      <c r="AV37" s="116">
        <v>290441</v>
      </c>
      <c r="AW37" s="113">
        <v>0</v>
      </c>
      <c r="AX37" s="117">
        <v>1081837</v>
      </c>
      <c r="AY37" s="117">
        <v>868537</v>
      </c>
      <c r="AZ37" s="117">
        <v>527293</v>
      </c>
      <c r="BA37" s="117">
        <v>759579</v>
      </c>
      <c r="BB37" s="117">
        <v>555597</v>
      </c>
      <c r="BC37" s="116">
        <v>3792843</v>
      </c>
      <c r="BD37" s="119">
        <v>4083284</v>
      </c>
      <c r="BE37" s="113">
        <v>16902</v>
      </c>
      <c r="BF37" s="117">
        <v>33804</v>
      </c>
      <c r="BG37" s="115">
        <v>50706</v>
      </c>
      <c r="BH37" s="114">
        <v>0</v>
      </c>
      <c r="BI37" s="117">
        <v>320078</v>
      </c>
      <c r="BJ37" s="117">
        <v>46602</v>
      </c>
      <c r="BK37" s="117">
        <v>56404</v>
      </c>
      <c r="BL37" s="117">
        <v>43020</v>
      </c>
      <c r="BM37" s="117">
        <v>106830</v>
      </c>
      <c r="BN37" s="116">
        <v>572934</v>
      </c>
      <c r="BO37" s="119">
        <v>623640</v>
      </c>
      <c r="BP37" s="113">
        <v>11871</v>
      </c>
      <c r="BQ37" s="117">
        <v>17148</v>
      </c>
      <c r="BR37" s="116">
        <v>29019</v>
      </c>
      <c r="BS37" s="113">
        <v>0</v>
      </c>
      <c r="BT37" s="117">
        <v>123623</v>
      </c>
      <c r="BU37" s="117">
        <v>216835</v>
      </c>
      <c r="BV37" s="117">
        <v>236881</v>
      </c>
      <c r="BW37" s="117">
        <v>356683</v>
      </c>
      <c r="BX37" s="117">
        <v>178784</v>
      </c>
      <c r="BY37" s="116">
        <v>1112806</v>
      </c>
      <c r="BZ37" s="119">
        <v>1141825</v>
      </c>
      <c r="CA37" s="113">
        <v>0</v>
      </c>
      <c r="CB37" s="117">
        <v>0</v>
      </c>
      <c r="CC37" s="116">
        <v>0</v>
      </c>
      <c r="CD37" s="113">
        <v>0</v>
      </c>
      <c r="CE37" s="117">
        <v>3357835</v>
      </c>
      <c r="CF37" s="117">
        <v>4924084</v>
      </c>
      <c r="CG37" s="117">
        <v>2307711</v>
      </c>
      <c r="CH37" s="117">
        <v>2179259</v>
      </c>
      <c r="CI37" s="117">
        <v>612406</v>
      </c>
      <c r="CJ37" s="116">
        <v>13381295</v>
      </c>
      <c r="CK37" s="119">
        <v>13381295</v>
      </c>
      <c r="CL37" s="113">
        <v>0</v>
      </c>
      <c r="CM37" s="117">
        <v>0</v>
      </c>
      <c r="CN37" s="116">
        <v>0</v>
      </c>
      <c r="CO37" s="114">
        <v>0</v>
      </c>
      <c r="CP37" s="117">
        <v>2647609</v>
      </c>
      <c r="CQ37" s="117">
        <v>3931678</v>
      </c>
      <c r="CR37" s="117">
        <v>1987948</v>
      </c>
      <c r="CS37" s="117">
        <v>1756452</v>
      </c>
      <c r="CT37" s="117">
        <v>245502</v>
      </c>
      <c r="CU37" s="116">
        <v>10569189</v>
      </c>
      <c r="CV37" s="119">
        <v>10569189</v>
      </c>
      <c r="CW37" s="113">
        <v>0</v>
      </c>
      <c r="CX37" s="117">
        <v>0</v>
      </c>
      <c r="CY37" s="116">
        <v>0</v>
      </c>
      <c r="CZ37" s="113">
        <v>0</v>
      </c>
      <c r="DA37" s="117">
        <v>710226</v>
      </c>
      <c r="DB37" s="117">
        <v>992406</v>
      </c>
      <c r="DC37" s="117">
        <v>319763</v>
      </c>
      <c r="DD37" s="117">
        <v>422807</v>
      </c>
      <c r="DE37" s="117">
        <v>366904</v>
      </c>
      <c r="DF37" s="116">
        <v>2812106</v>
      </c>
      <c r="DG37" s="119">
        <v>2812106</v>
      </c>
      <c r="DH37" s="113">
        <v>18923</v>
      </c>
      <c r="DI37" s="117">
        <v>16264</v>
      </c>
      <c r="DJ37" s="115">
        <v>35187</v>
      </c>
      <c r="DK37" s="114">
        <v>0</v>
      </c>
      <c r="DL37" s="117">
        <v>279459</v>
      </c>
      <c r="DM37" s="117">
        <v>914698</v>
      </c>
      <c r="DN37" s="117">
        <v>1093755</v>
      </c>
      <c r="DO37" s="117">
        <v>1210358</v>
      </c>
      <c r="DP37" s="117">
        <v>484391</v>
      </c>
      <c r="DQ37" s="116">
        <v>3982661</v>
      </c>
      <c r="DR37" s="119">
        <v>4017848</v>
      </c>
      <c r="DS37" s="113">
        <v>18923</v>
      </c>
      <c r="DT37" s="117">
        <v>16264</v>
      </c>
      <c r="DU37" s="116">
        <v>35187</v>
      </c>
      <c r="DV37" s="113">
        <v>0</v>
      </c>
      <c r="DW37" s="117">
        <v>259047</v>
      </c>
      <c r="DX37" s="117">
        <v>650483</v>
      </c>
      <c r="DY37" s="117">
        <v>569431</v>
      </c>
      <c r="DZ37" s="117">
        <v>788098</v>
      </c>
      <c r="EA37" s="117">
        <v>98604</v>
      </c>
      <c r="EB37" s="116">
        <v>2365663</v>
      </c>
      <c r="EC37" s="119">
        <v>2400850</v>
      </c>
      <c r="ED37" s="113">
        <v>0</v>
      </c>
      <c r="EE37" s="115">
        <v>0</v>
      </c>
      <c r="EF37" s="116">
        <v>0</v>
      </c>
      <c r="EG37" s="113">
        <v>0</v>
      </c>
      <c r="EH37" s="117">
        <v>20412</v>
      </c>
      <c r="EI37" s="117">
        <v>264215</v>
      </c>
      <c r="EJ37" s="117">
        <v>524324</v>
      </c>
      <c r="EK37" s="117">
        <v>422260</v>
      </c>
      <c r="EL37" s="117">
        <v>385787</v>
      </c>
      <c r="EM37" s="115">
        <v>1616998</v>
      </c>
      <c r="EN37" s="119">
        <v>1616998</v>
      </c>
      <c r="EO37" s="113">
        <v>0</v>
      </c>
      <c r="EP37" s="117">
        <v>0</v>
      </c>
      <c r="EQ37" s="115">
        <v>0</v>
      </c>
      <c r="ER37" s="114">
        <v>0</v>
      </c>
      <c r="ES37" s="117">
        <v>0</v>
      </c>
      <c r="ET37" s="117">
        <v>0</v>
      </c>
      <c r="EU37" s="117">
        <v>0</v>
      </c>
      <c r="EV37" s="117">
        <v>0</v>
      </c>
      <c r="EW37" s="117">
        <v>0</v>
      </c>
      <c r="EX37" s="116">
        <v>0</v>
      </c>
      <c r="EY37" s="119">
        <v>0</v>
      </c>
      <c r="EZ37" s="113">
        <v>0</v>
      </c>
      <c r="FA37" s="117">
        <v>0</v>
      </c>
      <c r="FB37" s="115">
        <v>0</v>
      </c>
      <c r="FC37" s="387"/>
      <c r="FD37" s="117">
        <v>0</v>
      </c>
      <c r="FE37" s="117">
        <v>0</v>
      </c>
      <c r="FF37" s="117">
        <v>0</v>
      </c>
      <c r="FG37" s="117">
        <v>0</v>
      </c>
      <c r="FH37" s="117">
        <v>0</v>
      </c>
      <c r="FI37" s="116">
        <v>0</v>
      </c>
      <c r="FJ37" s="119">
        <v>0</v>
      </c>
      <c r="FK37" s="113">
        <v>125145</v>
      </c>
      <c r="FL37" s="117">
        <v>282884</v>
      </c>
      <c r="FM37" s="116">
        <v>408029</v>
      </c>
      <c r="FN37" s="113">
        <v>0</v>
      </c>
      <c r="FO37" s="117">
        <v>571573</v>
      </c>
      <c r="FP37" s="117">
        <v>1275062</v>
      </c>
      <c r="FQ37" s="117">
        <v>803896</v>
      </c>
      <c r="FR37" s="117">
        <v>694420</v>
      </c>
      <c r="FS37" s="117">
        <v>507246</v>
      </c>
      <c r="FT37" s="116">
        <v>3852197</v>
      </c>
      <c r="FU37" s="119">
        <v>4260226</v>
      </c>
      <c r="FV37" s="118">
        <v>125145</v>
      </c>
      <c r="FW37" s="117">
        <v>261500</v>
      </c>
      <c r="FX37" s="115">
        <v>386645</v>
      </c>
      <c r="FY37" s="114">
        <v>0</v>
      </c>
      <c r="FZ37" s="117">
        <v>571573</v>
      </c>
      <c r="GA37" s="117">
        <v>942422</v>
      </c>
      <c r="GB37" s="117">
        <v>668158</v>
      </c>
      <c r="GC37" s="117">
        <v>694420</v>
      </c>
      <c r="GD37" s="117">
        <v>507246</v>
      </c>
      <c r="GE37" s="116">
        <v>3383819</v>
      </c>
      <c r="GF37" s="351">
        <v>3770464</v>
      </c>
      <c r="GG37" s="118">
        <v>0</v>
      </c>
      <c r="GH37" s="117">
        <v>21384</v>
      </c>
      <c r="GI37" s="115">
        <v>21384</v>
      </c>
      <c r="GJ37" s="114">
        <v>0</v>
      </c>
      <c r="GK37" s="117">
        <v>0</v>
      </c>
      <c r="GL37" s="117">
        <v>103320</v>
      </c>
      <c r="GM37" s="117">
        <v>110988</v>
      </c>
      <c r="GN37" s="117">
        <v>0</v>
      </c>
      <c r="GO37" s="117">
        <v>0</v>
      </c>
      <c r="GP37" s="116">
        <v>214308</v>
      </c>
      <c r="GQ37" s="119">
        <v>235692</v>
      </c>
      <c r="GR37" s="113">
        <v>0</v>
      </c>
      <c r="GS37" s="117">
        <v>0</v>
      </c>
      <c r="GT37" s="116">
        <v>0</v>
      </c>
      <c r="GU37" s="113">
        <v>0</v>
      </c>
      <c r="GV37" s="117">
        <v>0</v>
      </c>
      <c r="GW37" s="117">
        <v>229320</v>
      </c>
      <c r="GX37" s="117">
        <v>24750</v>
      </c>
      <c r="GY37" s="117">
        <v>0</v>
      </c>
      <c r="GZ37" s="117">
        <v>0</v>
      </c>
      <c r="HA37" s="115">
        <v>254070</v>
      </c>
      <c r="HB37" s="119">
        <v>254070</v>
      </c>
      <c r="HC37" s="113">
        <v>182347</v>
      </c>
      <c r="HD37" s="117">
        <v>253451</v>
      </c>
      <c r="HE37" s="115">
        <v>435798</v>
      </c>
      <c r="HF37" s="114">
        <v>0</v>
      </c>
      <c r="HG37" s="117">
        <v>666283</v>
      </c>
      <c r="HH37" s="117">
        <v>902417</v>
      </c>
      <c r="HI37" s="117">
        <v>1222943</v>
      </c>
      <c r="HJ37" s="117">
        <v>1598335</v>
      </c>
      <c r="HK37" s="117">
        <v>723868</v>
      </c>
      <c r="HL37" s="116">
        <v>5113846</v>
      </c>
      <c r="HM37" s="112">
        <v>5549644</v>
      </c>
      <c r="HN37" s="118">
        <v>121776</v>
      </c>
      <c r="HO37" s="117">
        <v>212043</v>
      </c>
      <c r="HP37" s="116">
        <v>333819</v>
      </c>
      <c r="HQ37" s="113">
        <v>0</v>
      </c>
      <c r="HR37" s="117">
        <v>1932250</v>
      </c>
      <c r="HS37" s="117">
        <v>1421488</v>
      </c>
      <c r="HT37" s="117">
        <v>756405</v>
      </c>
      <c r="HU37" s="117">
        <v>614212</v>
      </c>
      <c r="HV37" s="117">
        <v>339247</v>
      </c>
      <c r="HW37" s="115">
        <v>5063602</v>
      </c>
      <c r="HX37" s="119">
        <v>5397421</v>
      </c>
      <c r="HY37" s="149">
        <v>0</v>
      </c>
      <c r="HZ37" s="150">
        <v>0</v>
      </c>
      <c r="IA37" s="151">
        <v>0</v>
      </c>
      <c r="IB37" s="164">
        <v>0</v>
      </c>
      <c r="IC37" s="150">
        <v>3578662</v>
      </c>
      <c r="ID37" s="165">
        <v>3996669</v>
      </c>
      <c r="IE37" s="151">
        <v>6971015</v>
      </c>
      <c r="IF37" s="150">
        <v>6525583</v>
      </c>
      <c r="IG37" s="151">
        <v>2490376</v>
      </c>
      <c r="IH37" s="166">
        <v>23562305</v>
      </c>
      <c r="II37" s="157">
        <v>23562305</v>
      </c>
      <c r="IJ37" s="262">
        <v>0</v>
      </c>
      <c r="IK37" s="269">
        <v>0</v>
      </c>
      <c r="IL37" s="270">
        <v>0</v>
      </c>
      <c r="IM37" s="158"/>
      <c r="IN37" s="123">
        <v>180623</v>
      </c>
      <c r="IO37" s="123">
        <v>67520</v>
      </c>
      <c r="IP37" s="123">
        <v>328248</v>
      </c>
      <c r="IQ37" s="123">
        <v>357210</v>
      </c>
      <c r="IR37" s="123">
        <v>0</v>
      </c>
      <c r="IS37" s="159">
        <v>933601</v>
      </c>
      <c r="IT37" s="354">
        <v>933601</v>
      </c>
      <c r="IU37" s="160">
        <v>0</v>
      </c>
      <c r="IV37" s="123">
        <v>0</v>
      </c>
      <c r="IW37" s="124">
        <v>0</v>
      </c>
      <c r="IX37" s="162"/>
      <c r="IY37" s="123">
        <v>0</v>
      </c>
      <c r="IZ37" s="123">
        <v>0</v>
      </c>
      <c r="JA37" s="123">
        <v>0</v>
      </c>
      <c r="JB37" s="123">
        <v>0</v>
      </c>
      <c r="JC37" s="123">
        <v>0</v>
      </c>
      <c r="JD37" s="124">
        <v>0</v>
      </c>
      <c r="JE37" s="125">
        <v>0</v>
      </c>
      <c r="JF37" s="160">
        <v>0</v>
      </c>
      <c r="JG37" s="123">
        <v>0</v>
      </c>
      <c r="JH37" s="159">
        <v>0</v>
      </c>
      <c r="JI37" s="122">
        <v>0</v>
      </c>
      <c r="JJ37" s="123">
        <v>2561634</v>
      </c>
      <c r="JK37" s="123">
        <v>1702452</v>
      </c>
      <c r="JL37" s="123">
        <v>979164</v>
      </c>
      <c r="JM37" s="123">
        <v>522880</v>
      </c>
      <c r="JN37" s="123">
        <v>94802</v>
      </c>
      <c r="JO37" s="124">
        <v>5860932</v>
      </c>
      <c r="JP37" s="354">
        <v>5860932</v>
      </c>
      <c r="JQ37" s="160">
        <v>0</v>
      </c>
      <c r="JR37" s="123">
        <v>0</v>
      </c>
      <c r="JS37" s="159">
        <v>0</v>
      </c>
      <c r="JT37" s="122">
        <v>0</v>
      </c>
      <c r="JU37" s="123">
        <v>130113</v>
      </c>
      <c r="JV37" s="123">
        <v>0</v>
      </c>
      <c r="JW37" s="123">
        <v>376119</v>
      </c>
      <c r="JX37" s="123">
        <v>0</v>
      </c>
      <c r="JY37" s="123">
        <v>260196</v>
      </c>
      <c r="JZ37" s="124">
        <v>766428</v>
      </c>
      <c r="KA37" s="354">
        <v>766428</v>
      </c>
      <c r="KB37" s="265">
        <v>0</v>
      </c>
      <c r="KC37" s="259">
        <v>0</v>
      </c>
      <c r="KD37" s="124">
        <v>0</v>
      </c>
      <c r="KE37" s="122">
        <v>0</v>
      </c>
      <c r="KF37" s="123">
        <v>124839</v>
      </c>
      <c r="KG37" s="123">
        <v>0</v>
      </c>
      <c r="KH37" s="123">
        <v>489645</v>
      </c>
      <c r="KI37" s="123">
        <v>527355</v>
      </c>
      <c r="KJ37" s="123">
        <v>0</v>
      </c>
      <c r="KK37" s="124">
        <v>1141839</v>
      </c>
      <c r="KL37" s="161">
        <v>1141839</v>
      </c>
      <c r="KM37" s="262">
        <v>0</v>
      </c>
      <c r="KN37" s="269">
        <v>0</v>
      </c>
      <c r="KO37" s="270">
        <v>0</v>
      </c>
      <c r="KP37" s="158"/>
      <c r="KQ37" s="123">
        <v>581453</v>
      </c>
      <c r="KR37" s="123">
        <v>2069022</v>
      </c>
      <c r="KS37" s="123">
        <v>2893392</v>
      </c>
      <c r="KT37" s="123">
        <v>1908360</v>
      </c>
      <c r="KU37" s="123">
        <v>1333721</v>
      </c>
      <c r="KV37" s="124">
        <v>8785948</v>
      </c>
      <c r="KW37" s="354">
        <v>8785948</v>
      </c>
      <c r="KX37" s="160">
        <v>0</v>
      </c>
      <c r="KY37" s="123">
        <v>0</v>
      </c>
      <c r="KZ37" s="124">
        <v>0</v>
      </c>
      <c r="LA37" s="163"/>
      <c r="LB37" s="123">
        <v>0</v>
      </c>
      <c r="LC37" s="123">
        <v>0</v>
      </c>
      <c r="LD37" s="123">
        <v>0</v>
      </c>
      <c r="LE37" s="123">
        <v>0</v>
      </c>
      <c r="LF37" s="123">
        <v>0</v>
      </c>
      <c r="LG37" s="124">
        <v>0</v>
      </c>
      <c r="LH37" s="125">
        <v>0</v>
      </c>
      <c r="LI37" s="160">
        <v>0</v>
      </c>
      <c r="LJ37" s="123">
        <v>0</v>
      </c>
      <c r="LK37" s="124">
        <v>0</v>
      </c>
      <c r="LL37" s="163"/>
      <c r="LM37" s="123">
        <v>0</v>
      </c>
      <c r="LN37" s="123">
        <v>157675</v>
      </c>
      <c r="LO37" s="123">
        <v>1904447</v>
      </c>
      <c r="LP37" s="123">
        <v>3209778</v>
      </c>
      <c r="LQ37" s="123">
        <v>801657</v>
      </c>
      <c r="LR37" s="124">
        <v>6073557</v>
      </c>
      <c r="LS37" s="354">
        <v>6073557</v>
      </c>
      <c r="LT37" s="160">
        <v>0</v>
      </c>
      <c r="LU37" s="123">
        <v>0</v>
      </c>
      <c r="LV37" s="124">
        <v>0</v>
      </c>
      <c r="LW37" s="163"/>
      <c r="LX37" s="123">
        <v>0</v>
      </c>
      <c r="LY37" s="123">
        <v>0</v>
      </c>
      <c r="LZ37" s="123">
        <v>0</v>
      </c>
      <c r="MA37" s="123">
        <v>0</v>
      </c>
      <c r="MB37" s="123">
        <v>0</v>
      </c>
      <c r="MC37" s="124">
        <v>0</v>
      </c>
      <c r="MD37" s="125">
        <v>0</v>
      </c>
      <c r="ME37" s="160">
        <v>0</v>
      </c>
      <c r="MF37" s="123">
        <v>0</v>
      </c>
      <c r="MG37" s="124">
        <v>0</v>
      </c>
      <c r="MH37" s="163"/>
      <c r="MI37" s="123">
        <v>942830</v>
      </c>
      <c r="MJ37" s="123">
        <v>2470906</v>
      </c>
      <c r="MK37" s="123">
        <v>6072218</v>
      </c>
      <c r="ML37" s="123">
        <v>9718843</v>
      </c>
      <c r="MM37" s="123">
        <v>4558055</v>
      </c>
      <c r="MN37" s="124">
        <v>23762852</v>
      </c>
      <c r="MO37" s="161">
        <v>23762852</v>
      </c>
      <c r="MP37" s="160">
        <v>0</v>
      </c>
      <c r="MQ37" s="123">
        <v>0</v>
      </c>
      <c r="MR37" s="124">
        <v>0</v>
      </c>
      <c r="MS37" s="163">
        <v>0</v>
      </c>
      <c r="MT37" s="123">
        <v>226386</v>
      </c>
      <c r="MU37" s="123">
        <v>222418</v>
      </c>
      <c r="MV37" s="123">
        <v>2322027</v>
      </c>
      <c r="MW37" s="123">
        <v>6251540</v>
      </c>
      <c r="MX37" s="123">
        <v>2259660</v>
      </c>
      <c r="MY37" s="124">
        <v>11282031</v>
      </c>
      <c r="MZ37" s="161">
        <v>11282031</v>
      </c>
      <c r="NA37" s="160">
        <v>0</v>
      </c>
      <c r="NB37" s="123">
        <v>0</v>
      </c>
      <c r="NC37" s="124">
        <v>0</v>
      </c>
      <c r="ND37" s="163"/>
      <c r="NE37" s="123">
        <v>716444</v>
      </c>
      <c r="NF37" s="123">
        <v>2248488</v>
      </c>
      <c r="NG37" s="123">
        <v>3750191</v>
      </c>
      <c r="NH37" s="123">
        <v>3467303</v>
      </c>
      <c r="NI37" s="123">
        <v>2298395</v>
      </c>
      <c r="NJ37" s="124">
        <v>12480821</v>
      </c>
      <c r="NK37" s="354">
        <v>12480821</v>
      </c>
      <c r="NL37" s="160">
        <v>0</v>
      </c>
      <c r="NM37" s="123">
        <v>0</v>
      </c>
      <c r="NN37" s="124">
        <v>0</v>
      </c>
      <c r="NO37" s="163"/>
      <c r="NP37" s="123">
        <v>0</v>
      </c>
      <c r="NQ37" s="123">
        <v>0</v>
      </c>
      <c r="NR37" s="123">
        <v>0</v>
      </c>
      <c r="NS37" s="123">
        <v>0</v>
      </c>
      <c r="NT37" s="123">
        <v>0</v>
      </c>
      <c r="NU37" s="124">
        <v>0</v>
      </c>
      <c r="NV37" s="125">
        <v>0</v>
      </c>
      <c r="NW37" s="160">
        <v>0</v>
      </c>
      <c r="NX37" s="123">
        <v>0</v>
      </c>
      <c r="NY37" s="124">
        <v>0</v>
      </c>
      <c r="NZ37" s="163"/>
      <c r="OA37" s="123">
        <v>0</v>
      </c>
      <c r="OB37" s="123">
        <v>0</v>
      </c>
      <c r="OC37" s="123">
        <v>0</v>
      </c>
      <c r="OD37" s="123">
        <v>0</v>
      </c>
      <c r="OE37" s="123">
        <v>0</v>
      </c>
      <c r="OF37" s="124">
        <v>0</v>
      </c>
      <c r="OG37" s="125">
        <v>0</v>
      </c>
      <c r="OH37" s="160">
        <v>616827</v>
      </c>
      <c r="OI37" s="123">
        <v>966172</v>
      </c>
      <c r="OJ37" s="159">
        <v>1582999</v>
      </c>
      <c r="OK37" s="122">
        <v>0</v>
      </c>
      <c r="OL37" s="123">
        <v>14192961</v>
      </c>
      <c r="OM37" s="123">
        <v>17860488</v>
      </c>
      <c r="ON37" s="123">
        <v>21547381</v>
      </c>
      <c r="OO37" s="123">
        <v>26246815</v>
      </c>
      <c r="OP37" s="123">
        <v>12724099</v>
      </c>
      <c r="OQ37" s="124">
        <v>92571744</v>
      </c>
      <c r="OR37" s="161">
        <v>94154743</v>
      </c>
    </row>
    <row r="38" spans="1:408" ht="18.75" customHeight="1" x14ac:dyDescent="0.2">
      <c r="A38" s="63" t="s">
        <v>33</v>
      </c>
      <c r="B38" s="113">
        <v>1429183</v>
      </c>
      <c r="C38" s="117">
        <v>2657709</v>
      </c>
      <c r="D38" s="116">
        <v>4086892</v>
      </c>
      <c r="E38" s="112">
        <v>0</v>
      </c>
      <c r="F38" s="117">
        <v>8062939</v>
      </c>
      <c r="G38" s="117">
        <v>8877157</v>
      </c>
      <c r="H38" s="117">
        <v>5602226</v>
      </c>
      <c r="I38" s="117">
        <v>5693833</v>
      </c>
      <c r="J38" s="117">
        <v>5258764</v>
      </c>
      <c r="K38" s="201">
        <v>33494919</v>
      </c>
      <c r="L38" s="119">
        <v>37581811</v>
      </c>
      <c r="M38" s="113">
        <v>410959</v>
      </c>
      <c r="N38" s="117">
        <v>1065897</v>
      </c>
      <c r="O38" s="116">
        <v>1476856</v>
      </c>
      <c r="P38" s="113">
        <v>0</v>
      </c>
      <c r="Q38" s="117">
        <v>2856512</v>
      </c>
      <c r="R38" s="117">
        <v>2398242</v>
      </c>
      <c r="S38" s="117">
        <v>1512062</v>
      </c>
      <c r="T38" s="117">
        <v>1979467</v>
      </c>
      <c r="U38" s="117">
        <v>2575261</v>
      </c>
      <c r="V38" s="116">
        <v>11321544</v>
      </c>
      <c r="W38" s="119">
        <v>12798400</v>
      </c>
      <c r="X38" s="113">
        <v>0</v>
      </c>
      <c r="Y38" s="117">
        <v>0</v>
      </c>
      <c r="Z38" s="116">
        <v>0</v>
      </c>
      <c r="AA38" s="113">
        <v>0</v>
      </c>
      <c r="AB38" s="117">
        <v>1052358</v>
      </c>
      <c r="AC38" s="117">
        <v>941630</v>
      </c>
      <c r="AD38" s="117">
        <v>610864</v>
      </c>
      <c r="AE38" s="117">
        <v>1083798</v>
      </c>
      <c r="AF38" s="117">
        <v>1509689</v>
      </c>
      <c r="AG38" s="116">
        <v>5198339</v>
      </c>
      <c r="AH38" s="119">
        <v>5198339</v>
      </c>
      <c r="AI38" s="113">
        <v>0</v>
      </c>
      <c r="AJ38" s="117">
        <v>0</v>
      </c>
      <c r="AK38" s="116">
        <v>0</v>
      </c>
      <c r="AL38" s="113">
        <v>0</v>
      </c>
      <c r="AM38" s="117">
        <v>0</v>
      </c>
      <c r="AN38" s="117">
        <v>234404</v>
      </c>
      <c r="AO38" s="117">
        <v>126630</v>
      </c>
      <c r="AP38" s="117">
        <v>175126</v>
      </c>
      <c r="AQ38" s="117">
        <v>329935</v>
      </c>
      <c r="AR38" s="116">
        <v>866095</v>
      </c>
      <c r="AS38" s="119">
        <v>866095</v>
      </c>
      <c r="AT38" s="113">
        <v>37113</v>
      </c>
      <c r="AU38" s="117">
        <v>36035</v>
      </c>
      <c r="AV38" s="116">
        <v>73148</v>
      </c>
      <c r="AW38" s="113">
        <v>0</v>
      </c>
      <c r="AX38" s="117">
        <v>439771</v>
      </c>
      <c r="AY38" s="117">
        <v>333847</v>
      </c>
      <c r="AZ38" s="117">
        <v>296822</v>
      </c>
      <c r="BA38" s="117">
        <v>329747</v>
      </c>
      <c r="BB38" s="117">
        <v>482085</v>
      </c>
      <c r="BC38" s="116">
        <v>1882272</v>
      </c>
      <c r="BD38" s="119">
        <v>1955420</v>
      </c>
      <c r="BE38" s="113">
        <v>229198</v>
      </c>
      <c r="BF38" s="117">
        <v>945505</v>
      </c>
      <c r="BG38" s="115">
        <v>1174703</v>
      </c>
      <c r="BH38" s="114">
        <v>0</v>
      </c>
      <c r="BI38" s="117">
        <v>1025823</v>
      </c>
      <c r="BJ38" s="117">
        <v>521281</v>
      </c>
      <c r="BK38" s="117">
        <v>207224</v>
      </c>
      <c r="BL38" s="117">
        <v>217609</v>
      </c>
      <c r="BM38" s="117">
        <v>130828</v>
      </c>
      <c r="BN38" s="116">
        <v>2102765</v>
      </c>
      <c r="BO38" s="119">
        <v>3277468</v>
      </c>
      <c r="BP38" s="113">
        <v>144648</v>
      </c>
      <c r="BQ38" s="117">
        <v>84357</v>
      </c>
      <c r="BR38" s="116">
        <v>229005</v>
      </c>
      <c r="BS38" s="113">
        <v>0</v>
      </c>
      <c r="BT38" s="117">
        <v>338560</v>
      </c>
      <c r="BU38" s="117">
        <v>367080</v>
      </c>
      <c r="BV38" s="117">
        <v>270522</v>
      </c>
      <c r="BW38" s="117">
        <v>173187</v>
      </c>
      <c r="BX38" s="117">
        <v>122724</v>
      </c>
      <c r="BY38" s="116">
        <v>1272073</v>
      </c>
      <c r="BZ38" s="119">
        <v>1501078</v>
      </c>
      <c r="CA38" s="113">
        <v>239935</v>
      </c>
      <c r="CB38" s="117">
        <v>530905</v>
      </c>
      <c r="CC38" s="116">
        <v>770840</v>
      </c>
      <c r="CD38" s="113">
        <v>0</v>
      </c>
      <c r="CE38" s="117">
        <v>1247626</v>
      </c>
      <c r="CF38" s="117">
        <v>1220546</v>
      </c>
      <c r="CG38" s="117">
        <v>920470</v>
      </c>
      <c r="CH38" s="117">
        <v>670325</v>
      </c>
      <c r="CI38" s="117">
        <v>378047</v>
      </c>
      <c r="CJ38" s="116">
        <v>4437014</v>
      </c>
      <c r="CK38" s="119">
        <v>5207854</v>
      </c>
      <c r="CL38" s="113">
        <v>0</v>
      </c>
      <c r="CM38" s="117">
        <v>0</v>
      </c>
      <c r="CN38" s="116">
        <v>0</v>
      </c>
      <c r="CO38" s="114">
        <v>0</v>
      </c>
      <c r="CP38" s="117">
        <v>582473</v>
      </c>
      <c r="CQ38" s="117">
        <v>189091</v>
      </c>
      <c r="CR38" s="117">
        <v>438030</v>
      </c>
      <c r="CS38" s="117">
        <v>548638</v>
      </c>
      <c r="CT38" s="117">
        <v>81756</v>
      </c>
      <c r="CU38" s="116">
        <v>1839988</v>
      </c>
      <c r="CV38" s="119">
        <v>1839988</v>
      </c>
      <c r="CW38" s="113">
        <v>239935</v>
      </c>
      <c r="CX38" s="117">
        <v>530905</v>
      </c>
      <c r="CY38" s="116">
        <v>770840</v>
      </c>
      <c r="CZ38" s="113">
        <v>0</v>
      </c>
      <c r="DA38" s="117">
        <v>665153</v>
      </c>
      <c r="DB38" s="117">
        <v>1031455</v>
      </c>
      <c r="DC38" s="117">
        <v>482440</v>
      </c>
      <c r="DD38" s="117">
        <v>121687</v>
      </c>
      <c r="DE38" s="117">
        <v>296291</v>
      </c>
      <c r="DF38" s="116">
        <v>2597026</v>
      </c>
      <c r="DG38" s="119">
        <v>3367866</v>
      </c>
      <c r="DH38" s="113">
        <v>0</v>
      </c>
      <c r="DI38" s="117">
        <v>0</v>
      </c>
      <c r="DJ38" s="115">
        <v>0</v>
      </c>
      <c r="DK38" s="114">
        <v>0</v>
      </c>
      <c r="DL38" s="117">
        <v>378940</v>
      </c>
      <c r="DM38" s="117">
        <v>408656</v>
      </c>
      <c r="DN38" s="117">
        <v>448232</v>
      </c>
      <c r="DO38" s="117">
        <v>702325</v>
      </c>
      <c r="DP38" s="117">
        <v>0</v>
      </c>
      <c r="DQ38" s="116">
        <v>1938153</v>
      </c>
      <c r="DR38" s="119">
        <v>1938153</v>
      </c>
      <c r="DS38" s="113">
        <v>0</v>
      </c>
      <c r="DT38" s="117">
        <v>0</v>
      </c>
      <c r="DU38" s="116">
        <v>0</v>
      </c>
      <c r="DV38" s="113">
        <v>0</v>
      </c>
      <c r="DW38" s="117">
        <v>179692</v>
      </c>
      <c r="DX38" s="117">
        <v>196721</v>
      </c>
      <c r="DY38" s="117">
        <v>140705</v>
      </c>
      <c r="DZ38" s="117">
        <v>592823</v>
      </c>
      <c r="EA38" s="117">
        <v>0</v>
      </c>
      <c r="EB38" s="116">
        <v>1109941</v>
      </c>
      <c r="EC38" s="119">
        <v>1109941</v>
      </c>
      <c r="ED38" s="113">
        <v>0</v>
      </c>
      <c r="EE38" s="115">
        <v>0</v>
      </c>
      <c r="EF38" s="116">
        <v>0</v>
      </c>
      <c r="EG38" s="113">
        <v>0</v>
      </c>
      <c r="EH38" s="117">
        <v>199248</v>
      </c>
      <c r="EI38" s="117">
        <v>211935</v>
      </c>
      <c r="EJ38" s="117">
        <v>242457</v>
      </c>
      <c r="EK38" s="117">
        <v>109502</v>
      </c>
      <c r="EL38" s="117">
        <v>0</v>
      </c>
      <c r="EM38" s="115">
        <v>763142</v>
      </c>
      <c r="EN38" s="119">
        <v>763142</v>
      </c>
      <c r="EO38" s="113">
        <v>0</v>
      </c>
      <c r="EP38" s="117">
        <v>0</v>
      </c>
      <c r="EQ38" s="115">
        <v>0</v>
      </c>
      <c r="ER38" s="114">
        <v>0</v>
      </c>
      <c r="ES38" s="117">
        <v>0</v>
      </c>
      <c r="ET38" s="117">
        <v>0</v>
      </c>
      <c r="EU38" s="117">
        <v>0</v>
      </c>
      <c r="EV38" s="117">
        <v>0</v>
      </c>
      <c r="EW38" s="117">
        <v>0</v>
      </c>
      <c r="EX38" s="116">
        <v>0</v>
      </c>
      <c r="EY38" s="119">
        <v>0</v>
      </c>
      <c r="EZ38" s="113">
        <v>0</v>
      </c>
      <c r="FA38" s="117">
        <v>0</v>
      </c>
      <c r="FB38" s="115">
        <v>0</v>
      </c>
      <c r="FC38" s="387"/>
      <c r="FD38" s="117">
        <v>0</v>
      </c>
      <c r="FE38" s="117">
        <v>0</v>
      </c>
      <c r="FF38" s="117">
        <v>65070</v>
      </c>
      <c r="FG38" s="117">
        <v>0</v>
      </c>
      <c r="FH38" s="117">
        <v>0</v>
      </c>
      <c r="FI38" s="116">
        <v>65070</v>
      </c>
      <c r="FJ38" s="119">
        <v>65070</v>
      </c>
      <c r="FK38" s="113">
        <v>265720</v>
      </c>
      <c r="FL38" s="117">
        <v>260438</v>
      </c>
      <c r="FM38" s="116">
        <v>526158</v>
      </c>
      <c r="FN38" s="113">
        <v>0</v>
      </c>
      <c r="FO38" s="117">
        <v>513323</v>
      </c>
      <c r="FP38" s="117">
        <v>693771</v>
      </c>
      <c r="FQ38" s="117">
        <v>327721</v>
      </c>
      <c r="FR38" s="117">
        <v>246402</v>
      </c>
      <c r="FS38" s="117">
        <v>300556</v>
      </c>
      <c r="FT38" s="116">
        <v>2081773</v>
      </c>
      <c r="FU38" s="119">
        <v>2607931</v>
      </c>
      <c r="FV38" s="118">
        <v>179016</v>
      </c>
      <c r="FW38" s="117">
        <v>231008</v>
      </c>
      <c r="FX38" s="115">
        <v>410024</v>
      </c>
      <c r="FY38" s="114">
        <v>0</v>
      </c>
      <c r="FZ38" s="117">
        <v>440099</v>
      </c>
      <c r="GA38" s="117">
        <v>667041</v>
      </c>
      <c r="GB38" s="117">
        <v>327721</v>
      </c>
      <c r="GC38" s="117">
        <v>246402</v>
      </c>
      <c r="GD38" s="117">
        <v>300556</v>
      </c>
      <c r="GE38" s="116">
        <v>1981819</v>
      </c>
      <c r="GF38" s="351">
        <v>2391843</v>
      </c>
      <c r="GG38" s="118">
        <v>29304</v>
      </c>
      <c r="GH38" s="117">
        <v>29430</v>
      </c>
      <c r="GI38" s="115">
        <v>58734</v>
      </c>
      <c r="GJ38" s="114">
        <v>0</v>
      </c>
      <c r="GK38" s="117">
        <v>17424</v>
      </c>
      <c r="GL38" s="117">
        <v>26730</v>
      </c>
      <c r="GM38" s="117">
        <v>0</v>
      </c>
      <c r="GN38" s="117">
        <v>0</v>
      </c>
      <c r="GO38" s="117">
        <v>0</v>
      </c>
      <c r="GP38" s="116">
        <v>44154</v>
      </c>
      <c r="GQ38" s="119">
        <v>102888</v>
      </c>
      <c r="GR38" s="113">
        <v>57400</v>
      </c>
      <c r="GS38" s="117">
        <v>0</v>
      </c>
      <c r="GT38" s="116">
        <v>57400</v>
      </c>
      <c r="GU38" s="113">
        <v>0</v>
      </c>
      <c r="GV38" s="117">
        <v>55800</v>
      </c>
      <c r="GW38" s="117">
        <v>0</v>
      </c>
      <c r="GX38" s="117">
        <v>0</v>
      </c>
      <c r="GY38" s="117">
        <v>0</v>
      </c>
      <c r="GZ38" s="117">
        <v>0</v>
      </c>
      <c r="HA38" s="115">
        <v>55800</v>
      </c>
      <c r="HB38" s="119">
        <v>113200</v>
      </c>
      <c r="HC38" s="113">
        <v>319670</v>
      </c>
      <c r="HD38" s="117">
        <v>522283</v>
      </c>
      <c r="HE38" s="115">
        <v>841953</v>
      </c>
      <c r="HF38" s="114">
        <v>0</v>
      </c>
      <c r="HG38" s="117">
        <v>1756303</v>
      </c>
      <c r="HH38" s="117">
        <v>3359457</v>
      </c>
      <c r="HI38" s="117">
        <v>1950218</v>
      </c>
      <c r="HJ38" s="117">
        <v>1807185</v>
      </c>
      <c r="HK38" s="117">
        <v>1718949</v>
      </c>
      <c r="HL38" s="116">
        <v>10592112</v>
      </c>
      <c r="HM38" s="112">
        <v>11434065</v>
      </c>
      <c r="HN38" s="118">
        <v>192899</v>
      </c>
      <c r="HO38" s="117">
        <v>278186</v>
      </c>
      <c r="HP38" s="116">
        <v>471085</v>
      </c>
      <c r="HQ38" s="113">
        <v>0</v>
      </c>
      <c r="HR38" s="117">
        <v>1310235</v>
      </c>
      <c r="HS38" s="117">
        <v>796485</v>
      </c>
      <c r="HT38" s="117">
        <v>443523</v>
      </c>
      <c r="HU38" s="117">
        <v>288129</v>
      </c>
      <c r="HV38" s="117">
        <v>285951</v>
      </c>
      <c r="HW38" s="115">
        <v>3124323</v>
      </c>
      <c r="HX38" s="119">
        <v>3595408</v>
      </c>
      <c r="HY38" s="168">
        <v>0</v>
      </c>
      <c r="HZ38" s="153">
        <v>729247</v>
      </c>
      <c r="IA38" s="168">
        <v>729247</v>
      </c>
      <c r="IB38" s="164">
        <v>0</v>
      </c>
      <c r="IC38" s="150">
        <v>3319994</v>
      </c>
      <c r="ID38" s="165">
        <v>3042411</v>
      </c>
      <c r="IE38" s="151">
        <v>3768339</v>
      </c>
      <c r="IF38" s="150">
        <v>1504382</v>
      </c>
      <c r="IG38" s="151">
        <v>751792</v>
      </c>
      <c r="IH38" s="166">
        <v>12386918</v>
      </c>
      <c r="II38" s="168">
        <v>13116165</v>
      </c>
      <c r="IJ38" s="262">
        <v>0</v>
      </c>
      <c r="IK38" s="269">
        <v>0</v>
      </c>
      <c r="IL38" s="270">
        <v>0</v>
      </c>
      <c r="IM38" s="158"/>
      <c r="IN38" s="123">
        <v>0</v>
      </c>
      <c r="IO38" s="123">
        <v>0</v>
      </c>
      <c r="IP38" s="123">
        <v>0</v>
      </c>
      <c r="IQ38" s="123">
        <v>0</v>
      </c>
      <c r="IR38" s="123">
        <v>0</v>
      </c>
      <c r="IS38" s="159">
        <v>0</v>
      </c>
      <c r="IT38" s="354">
        <v>0</v>
      </c>
      <c r="IU38" s="160">
        <v>0</v>
      </c>
      <c r="IV38" s="123">
        <v>0</v>
      </c>
      <c r="IW38" s="124">
        <v>0</v>
      </c>
      <c r="IX38" s="162"/>
      <c r="IY38" s="123">
        <v>0</v>
      </c>
      <c r="IZ38" s="123">
        <v>0</v>
      </c>
      <c r="JA38" s="123">
        <v>0</v>
      </c>
      <c r="JB38" s="123">
        <v>0</v>
      </c>
      <c r="JC38" s="123">
        <v>0</v>
      </c>
      <c r="JD38" s="124">
        <v>0</v>
      </c>
      <c r="JE38" s="125">
        <v>0</v>
      </c>
      <c r="JF38" s="160">
        <v>0</v>
      </c>
      <c r="JG38" s="123">
        <v>0</v>
      </c>
      <c r="JH38" s="159">
        <v>0</v>
      </c>
      <c r="JI38" s="122">
        <v>0</v>
      </c>
      <c r="JJ38" s="123">
        <v>1712522</v>
      </c>
      <c r="JK38" s="123">
        <v>824320</v>
      </c>
      <c r="JL38" s="123">
        <v>443500</v>
      </c>
      <c r="JM38" s="123">
        <v>513417</v>
      </c>
      <c r="JN38" s="123">
        <v>117387</v>
      </c>
      <c r="JO38" s="124">
        <v>3611146</v>
      </c>
      <c r="JP38" s="354">
        <v>3611146</v>
      </c>
      <c r="JQ38" s="160">
        <v>0</v>
      </c>
      <c r="JR38" s="123">
        <v>0</v>
      </c>
      <c r="JS38" s="159">
        <v>0</v>
      </c>
      <c r="JT38" s="122">
        <v>0</v>
      </c>
      <c r="JU38" s="123">
        <v>0</v>
      </c>
      <c r="JV38" s="123">
        <v>0</v>
      </c>
      <c r="JW38" s="123">
        <v>0</v>
      </c>
      <c r="JX38" s="123">
        <v>0</v>
      </c>
      <c r="JY38" s="123">
        <v>0</v>
      </c>
      <c r="JZ38" s="124">
        <v>0</v>
      </c>
      <c r="KA38" s="354">
        <v>0</v>
      </c>
      <c r="KB38" s="265">
        <v>0</v>
      </c>
      <c r="KC38" s="259">
        <v>0</v>
      </c>
      <c r="KD38" s="124">
        <v>0</v>
      </c>
      <c r="KE38" s="122">
        <v>0</v>
      </c>
      <c r="KF38" s="123">
        <v>0</v>
      </c>
      <c r="KG38" s="123">
        <v>0</v>
      </c>
      <c r="KH38" s="123">
        <v>0</v>
      </c>
      <c r="KI38" s="123">
        <v>0</v>
      </c>
      <c r="KJ38" s="123">
        <v>0</v>
      </c>
      <c r="KK38" s="124">
        <v>0</v>
      </c>
      <c r="KL38" s="161">
        <v>0</v>
      </c>
      <c r="KM38" s="262">
        <v>0</v>
      </c>
      <c r="KN38" s="269">
        <v>729247</v>
      </c>
      <c r="KO38" s="270">
        <v>729247</v>
      </c>
      <c r="KP38" s="158"/>
      <c r="KQ38" s="123">
        <v>762228</v>
      </c>
      <c r="KR38" s="123">
        <v>562511</v>
      </c>
      <c r="KS38" s="123">
        <v>1883661</v>
      </c>
      <c r="KT38" s="123">
        <v>278132</v>
      </c>
      <c r="KU38" s="123">
        <v>283590</v>
      </c>
      <c r="KV38" s="124">
        <v>3770122</v>
      </c>
      <c r="KW38" s="354">
        <v>4499369</v>
      </c>
      <c r="KX38" s="160">
        <v>0</v>
      </c>
      <c r="KY38" s="123">
        <v>0</v>
      </c>
      <c r="KZ38" s="124">
        <v>0</v>
      </c>
      <c r="LA38" s="163"/>
      <c r="LB38" s="123">
        <v>0</v>
      </c>
      <c r="LC38" s="123">
        <v>0</v>
      </c>
      <c r="LD38" s="123">
        <v>0</v>
      </c>
      <c r="LE38" s="123">
        <v>0</v>
      </c>
      <c r="LF38" s="123">
        <v>0</v>
      </c>
      <c r="LG38" s="124">
        <v>0</v>
      </c>
      <c r="LH38" s="125">
        <v>0</v>
      </c>
      <c r="LI38" s="160">
        <v>0</v>
      </c>
      <c r="LJ38" s="123">
        <v>0</v>
      </c>
      <c r="LK38" s="124">
        <v>0</v>
      </c>
      <c r="LL38" s="163"/>
      <c r="LM38" s="123">
        <v>0</v>
      </c>
      <c r="LN38" s="123">
        <v>0</v>
      </c>
      <c r="LO38" s="123">
        <v>0</v>
      </c>
      <c r="LP38" s="123">
        <v>0</v>
      </c>
      <c r="LQ38" s="123">
        <v>0</v>
      </c>
      <c r="LR38" s="124">
        <v>0</v>
      </c>
      <c r="LS38" s="354">
        <v>0</v>
      </c>
      <c r="LT38" s="160">
        <v>0</v>
      </c>
      <c r="LU38" s="123">
        <v>0</v>
      </c>
      <c r="LV38" s="124">
        <v>0</v>
      </c>
      <c r="LW38" s="163"/>
      <c r="LX38" s="123">
        <v>845244</v>
      </c>
      <c r="LY38" s="123">
        <v>1655580</v>
      </c>
      <c r="LZ38" s="123">
        <v>1441178</v>
      </c>
      <c r="MA38" s="123">
        <v>712833</v>
      </c>
      <c r="MB38" s="123">
        <v>350815</v>
      </c>
      <c r="MC38" s="124">
        <v>5005650</v>
      </c>
      <c r="MD38" s="125">
        <v>5005650</v>
      </c>
      <c r="ME38" s="160">
        <v>0</v>
      </c>
      <c r="MF38" s="123">
        <v>0</v>
      </c>
      <c r="MG38" s="124">
        <v>0</v>
      </c>
      <c r="MH38" s="163"/>
      <c r="MI38" s="123">
        <v>3137865</v>
      </c>
      <c r="MJ38" s="123">
        <v>4781149</v>
      </c>
      <c r="MK38" s="123">
        <v>12898151</v>
      </c>
      <c r="ML38" s="123">
        <v>13143736</v>
      </c>
      <c r="MM38" s="123">
        <v>12319056</v>
      </c>
      <c r="MN38" s="124">
        <v>46279957</v>
      </c>
      <c r="MO38" s="161">
        <v>46279957</v>
      </c>
      <c r="MP38" s="160">
        <v>0</v>
      </c>
      <c r="MQ38" s="123">
        <v>0</v>
      </c>
      <c r="MR38" s="124">
        <v>0</v>
      </c>
      <c r="MS38" s="163">
        <v>0</v>
      </c>
      <c r="MT38" s="123">
        <v>0</v>
      </c>
      <c r="MU38" s="123">
        <v>1777136</v>
      </c>
      <c r="MV38" s="123">
        <v>7088420</v>
      </c>
      <c r="MW38" s="123">
        <v>6652753</v>
      </c>
      <c r="MX38" s="123">
        <v>7508595</v>
      </c>
      <c r="MY38" s="124">
        <v>23026904</v>
      </c>
      <c r="MZ38" s="161">
        <v>23026904</v>
      </c>
      <c r="NA38" s="160">
        <v>0</v>
      </c>
      <c r="NB38" s="123">
        <v>0</v>
      </c>
      <c r="NC38" s="124">
        <v>0</v>
      </c>
      <c r="ND38" s="163"/>
      <c r="NE38" s="123">
        <v>2603780</v>
      </c>
      <c r="NF38" s="123">
        <v>1635403</v>
      </c>
      <c r="NG38" s="123">
        <v>2971496</v>
      </c>
      <c r="NH38" s="123">
        <v>4926151</v>
      </c>
      <c r="NI38" s="123">
        <v>2710047</v>
      </c>
      <c r="NJ38" s="124">
        <v>14846877</v>
      </c>
      <c r="NK38" s="354">
        <v>14846877</v>
      </c>
      <c r="NL38" s="160">
        <v>0</v>
      </c>
      <c r="NM38" s="123">
        <v>0</v>
      </c>
      <c r="NN38" s="124">
        <v>0</v>
      </c>
      <c r="NO38" s="163"/>
      <c r="NP38" s="123">
        <v>0</v>
      </c>
      <c r="NQ38" s="123">
        <v>0</v>
      </c>
      <c r="NR38" s="123">
        <v>0</v>
      </c>
      <c r="NS38" s="123">
        <v>0</v>
      </c>
      <c r="NT38" s="123">
        <v>0</v>
      </c>
      <c r="NU38" s="124">
        <v>0</v>
      </c>
      <c r="NV38" s="125">
        <v>0</v>
      </c>
      <c r="NW38" s="160">
        <v>0</v>
      </c>
      <c r="NX38" s="123">
        <v>0</v>
      </c>
      <c r="NY38" s="124">
        <v>0</v>
      </c>
      <c r="NZ38" s="163"/>
      <c r="OA38" s="123">
        <v>534085</v>
      </c>
      <c r="OB38" s="123">
        <v>1368610</v>
      </c>
      <c r="OC38" s="123">
        <v>2838235</v>
      </c>
      <c r="OD38" s="123">
        <v>1564832</v>
      </c>
      <c r="OE38" s="123">
        <v>2100414</v>
      </c>
      <c r="OF38" s="124">
        <v>8406176</v>
      </c>
      <c r="OG38" s="125">
        <v>8406176</v>
      </c>
      <c r="OH38" s="160">
        <v>1429183</v>
      </c>
      <c r="OI38" s="123">
        <v>3386956</v>
      </c>
      <c r="OJ38" s="159">
        <v>4816139</v>
      </c>
      <c r="OK38" s="122">
        <v>0</v>
      </c>
      <c r="OL38" s="123">
        <v>14520798</v>
      </c>
      <c r="OM38" s="123">
        <v>16700717</v>
      </c>
      <c r="ON38" s="123">
        <v>22268716</v>
      </c>
      <c r="OO38" s="123">
        <v>20341951</v>
      </c>
      <c r="OP38" s="123">
        <v>18329612</v>
      </c>
      <c r="OQ38" s="124">
        <v>92161794</v>
      </c>
      <c r="OR38" s="161">
        <v>96977933</v>
      </c>
    </row>
    <row r="39" spans="1:408" ht="18.75" customHeight="1" x14ac:dyDescent="0.2">
      <c r="A39" s="63" t="s">
        <v>34</v>
      </c>
      <c r="B39" s="113">
        <v>625977</v>
      </c>
      <c r="C39" s="117">
        <v>899363</v>
      </c>
      <c r="D39" s="202">
        <v>1525340</v>
      </c>
      <c r="E39" s="203">
        <v>0</v>
      </c>
      <c r="F39" s="204">
        <v>7478520</v>
      </c>
      <c r="G39" s="204">
        <v>6468535</v>
      </c>
      <c r="H39" s="204">
        <v>4904607</v>
      </c>
      <c r="I39" s="204">
        <v>4492528</v>
      </c>
      <c r="J39" s="204">
        <v>2590045</v>
      </c>
      <c r="K39" s="205">
        <v>25934235</v>
      </c>
      <c r="L39" s="119">
        <v>27459575</v>
      </c>
      <c r="M39" s="113">
        <v>73764</v>
      </c>
      <c r="N39" s="117">
        <v>127075</v>
      </c>
      <c r="O39" s="116">
        <v>200839</v>
      </c>
      <c r="P39" s="113">
        <v>0</v>
      </c>
      <c r="Q39" s="117">
        <v>1280057</v>
      </c>
      <c r="R39" s="117">
        <v>1017317</v>
      </c>
      <c r="S39" s="117">
        <v>1301364</v>
      </c>
      <c r="T39" s="117">
        <v>719689</v>
      </c>
      <c r="U39" s="117">
        <v>1720571</v>
      </c>
      <c r="V39" s="116">
        <v>6038998</v>
      </c>
      <c r="W39" s="119">
        <v>6239837</v>
      </c>
      <c r="X39" s="113">
        <v>0</v>
      </c>
      <c r="Y39" s="117">
        <v>0</v>
      </c>
      <c r="Z39" s="116">
        <v>0</v>
      </c>
      <c r="AA39" s="113">
        <v>0</v>
      </c>
      <c r="AB39" s="117">
        <v>546585</v>
      </c>
      <c r="AC39" s="117">
        <v>366416</v>
      </c>
      <c r="AD39" s="117">
        <v>841676</v>
      </c>
      <c r="AE39" s="117">
        <v>424909</v>
      </c>
      <c r="AF39" s="117">
        <v>796172</v>
      </c>
      <c r="AG39" s="116">
        <v>2975758</v>
      </c>
      <c r="AH39" s="119">
        <v>2975758</v>
      </c>
      <c r="AI39" s="113">
        <v>0</v>
      </c>
      <c r="AJ39" s="117">
        <v>0</v>
      </c>
      <c r="AK39" s="116">
        <v>0</v>
      </c>
      <c r="AL39" s="113">
        <v>0</v>
      </c>
      <c r="AM39" s="117">
        <v>0</v>
      </c>
      <c r="AN39" s="117">
        <v>0</v>
      </c>
      <c r="AO39" s="117">
        <v>0</v>
      </c>
      <c r="AP39" s="117">
        <v>63315</v>
      </c>
      <c r="AQ39" s="117">
        <v>488565</v>
      </c>
      <c r="AR39" s="116">
        <v>551880</v>
      </c>
      <c r="AS39" s="119">
        <v>551880</v>
      </c>
      <c r="AT39" s="113">
        <v>24426</v>
      </c>
      <c r="AU39" s="117">
        <v>63076</v>
      </c>
      <c r="AV39" s="116">
        <v>87502</v>
      </c>
      <c r="AW39" s="113">
        <v>0</v>
      </c>
      <c r="AX39" s="117">
        <v>228870</v>
      </c>
      <c r="AY39" s="117">
        <v>270099</v>
      </c>
      <c r="AZ39" s="117">
        <v>132672</v>
      </c>
      <c r="BA39" s="117">
        <v>0</v>
      </c>
      <c r="BB39" s="117">
        <v>133695</v>
      </c>
      <c r="BC39" s="116">
        <v>765336</v>
      </c>
      <c r="BD39" s="119">
        <v>852838</v>
      </c>
      <c r="BE39" s="113">
        <v>0</v>
      </c>
      <c r="BF39" s="117">
        <v>28008</v>
      </c>
      <c r="BG39" s="115">
        <v>28008</v>
      </c>
      <c r="BH39" s="114">
        <v>0</v>
      </c>
      <c r="BI39" s="117">
        <v>216101</v>
      </c>
      <c r="BJ39" s="117">
        <v>125460</v>
      </c>
      <c r="BK39" s="117">
        <v>22536</v>
      </c>
      <c r="BL39" s="117">
        <v>33480</v>
      </c>
      <c r="BM39" s="117">
        <v>45072</v>
      </c>
      <c r="BN39" s="116">
        <v>442649</v>
      </c>
      <c r="BO39" s="119">
        <v>470657</v>
      </c>
      <c r="BP39" s="113">
        <v>49338</v>
      </c>
      <c r="BQ39" s="117">
        <v>35991</v>
      </c>
      <c r="BR39" s="116">
        <v>85329</v>
      </c>
      <c r="BS39" s="113">
        <v>0</v>
      </c>
      <c r="BT39" s="117">
        <v>288501</v>
      </c>
      <c r="BU39" s="117">
        <v>255342</v>
      </c>
      <c r="BV39" s="117">
        <v>304480</v>
      </c>
      <c r="BW39" s="117">
        <v>197985</v>
      </c>
      <c r="BX39" s="117">
        <v>257067</v>
      </c>
      <c r="BY39" s="116">
        <v>1303375</v>
      </c>
      <c r="BZ39" s="119">
        <v>1388704</v>
      </c>
      <c r="CA39" s="113">
        <v>24264</v>
      </c>
      <c r="CB39" s="117">
        <v>372204</v>
      </c>
      <c r="CC39" s="116">
        <v>396468</v>
      </c>
      <c r="CD39" s="113">
        <v>0</v>
      </c>
      <c r="CE39" s="117">
        <v>3294366</v>
      </c>
      <c r="CF39" s="117">
        <v>2658087</v>
      </c>
      <c r="CG39" s="117">
        <v>1689189</v>
      </c>
      <c r="CH39" s="117">
        <v>1781318</v>
      </c>
      <c r="CI39" s="117">
        <v>198648</v>
      </c>
      <c r="CJ39" s="116">
        <v>9621608</v>
      </c>
      <c r="CK39" s="119">
        <v>10018076</v>
      </c>
      <c r="CL39" s="113">
        <v>0</v>
      </c>
      <c r="CM39" s="117">
        <v>0</v>
      </c>
      <c r="CN39" s="116">
        <v>0</v>
      </c>
      <c r="CO39" s="114">
        <v>0</v>
      </c>
      <c r="CP39" s="117">
        <v>2708377</v>
      </c>
      <c r="CQ39" s="117">
        <v>2337597</v>
      </c>
      <c r="CR39" s="117">
        <v>1380541</v>
      </c>
      <c r="CS39" s="117">
        <v>1436213</v>
      </c>
      <c r="CT39" s="117">
        <v>198648</v>
      </c>
      <c r="CU39" s="116">
        <v>8061376</v>
      </c>
      <c r="CV39" s="119">
        <v>8061376</v>
      </c>
      <c r="CW39" s="113">
        <v>24264</v>
      </c>
      <c r="CX39" s="117">
        <v>372204</v>
      </c>
      <c r="CY39" s="116">
        <v>396468</v>
      </c>
      <c r="CZ39" s="113">
        <v>0</v>
      </c>
      <c r="DA39" s="117">
        <v>585989</v>
      </c>
      <c r="DB39" s="117">
        <v>320490</v>
      </c>
      <c r="DC39" s="117">
        <v>308648</v>
      </c>
      <c r="DD39" s="117">
        <v>345105</v>
      </c>
      <c r="DE39" s="117">
        <v>0</v>
      </c>
      <c r="DF39" s="116">
        <v>1560232</v>
      </c>
      <c r="DG39" s="119">
        <v>1956700</v>
      </c>
      <c r="DH39" s="113">
        <v>0</v>
      </c>
      <c r="DI39" s="117">
        <v>13572</v>
      </c>
      <c r="DJ39" s="115">
        <v>13572</v>
      </c>
      <c r="DK39" s="114">
        <v>0</v>
      </c>
      <c r="DL39" s="117">
        <v>163440</v>
      </c>
      <c r="DM39" s="117">
        <v>16227</v>
      </c>
      <c r="DN39" s="117">
        <v>56790</v>
      </c>
      <c r="DO39" s="117">
        <v>291323</v>
      </c>
      <c r="DP39" s="117">
        <v>0</v>
      </c>
      <c r="DQ39" s="116">
        <v>527780</v>
      </c>
      <c r="DR39" s="119">
        <v>541352</v>
      </c>
      <c r="DS39" s="113">
        <v>0</v>
      </c>
      <c r="DT39" s="117">
        <v>13572</v>
      </c>
      <c r="DU39" s="116">
        <v>13572</v>
      </c>
      <c r="DV39" s="113">
        <v>0</v>
      </c>
      <c r="DW39" s="117">
        <v>91026</v>
      </c>
      <c r="DX39" s="117">
        <v>16227</v>
      </c>
      <c r="DY39" s="117">
        <v>56790</v>
      </c>
      <c r="DZ39" s="117">
        <v>160184</v>
      </c>
      <c r="EA39" s="117">
        <v>0</v>
      </c>
      <c r="EB39" s="116">
        <v>324227</v>
      </c>
      <c r="EC39" s="119">
        <v>337799</v>
      </c>
      <c r="ED39" s="113">
        <v>0</v>
      </c>
      <c r="EE39" s="115">
        <v>0</v>
      </c>
      <c r="EF39" s="116">
        <v>0</v>
      </c>
      <c r="EG39" s="113">
        <v>0</v>
      </c>
      <c r="EH39" s="117">
        <v>72414</v>
      </c>
      <c r="EI39" s="117">
        <v>0</v>
      </c>
      <c r="EJ39" s="117">
        <v>0</v>
      </c>
      <c r="EK39" s="117">
        <v>131139</v>
      </c>
      <c r="EL39" s="117">
        <v>0</v>
      </c>
      <c r="EM39" s="115">
        <v>203553</v>
      </c>
      <c r="EN39" s="119">
        <v>203553</v>
      </c>
      <c r="EO39" s="113">
        <v>0</v>
      </c>
      <c r="EP39" s="117">
        <v>0</v>
      </c>
      <c r="EQ39" s="115">
        <v>0</v>
      </c>
      <c r="ER39" s="114">
        <v>0</v>
      </c>
      <c r="ES39" s="117">
        <v>0</v>
      </c>
      <c r="ET39" s="117">
        <v>0</v>
      </c>
      <c r="EU39" s="117">
        <v>0</v>
      </c>
      <c r="EV39" s="117">
        <v>0</v>
      </c>
      <c r="EW39" s="117">
        <v>0</v>
      </c>
      <c r="EX39" s="116">
        <v>0</v>
      </c>
      <c r="EY39" s="119">
        <v>0</v>
      </c>
      <c r="EZ39" s="113">
        <v>0</v>
      </c>
      <c r="FA39" s="117">
        <v>0</v>
      </c>
      <c r="FB39" s="115">
        <v>0</v>
      </c>
      <c r="FC39" s="387"/>
      <c r="FD39" s="117">
        <v>0</v>
      </c>
      <c r="FE39" s="117">
        <v>0</v>
      </c>
      <c r="FF39" s="117">
        <v>0</v>
      </c>
      <c r="FG39" s="117">
        <v>0</v>
      </c>
      <c r="FH39" s="117">
        <v>0</v>
      </c>
      <c r="FI39" s="116">
        <v>0</v>
      </c>
      <c r="FJ39" s="119">
        <v>0</v>
      </c>
      <c r="FK39" s="113">
        <v>212823</v>
      </c>
      <c r="FL39" s="117">
        <v>141055</v>
      </c>
      <c r="FM39" s="116">
        <v>353878</v>
      </c>
      <c r="FN39" s="113">
        <v>0</v>
      </c>
      <c r="FO39" s="117">
        <v>453690</v>
      </c>
      <c r="FP39" s="117">
        <v>780806</v>
      </c>
      <c r="FQ39" s="117">
        <v>407613</v>
      </c>
      <c r="FR39" s="117">
        <v>496021</v>
      </c>
      <c r="FS39" s="117">
        <v>232522</v>
      </c>
      <c r="FT39" s="116">
        <v>2370652</v>
      </c>
      <c r="FU39" s="119">
        <v>2724530</v>
      </c>
      <c r="FV39" s="118">
        <v>80460</v>
      </c>
      <c r="FW39" s="117">
        <v>141055</v>
      </c>
      <c r="FX39" s="115">
        <v>221515</v>
      </c>
      <c r="FY39" s="114">
        <v>0</v>
      </c>
      <c r="FZ39" s="117">
        <v>453690</v>
      </c>
      <c r="GA39" s="117">
        <v>493761</v>
      </c>
      <c r="GB39" s="117">
        <v>367073</v>
      </c>
      <c r="GC39" s="117">
        <v>416623</v>
      </c>
      <c r="GD39" s="117">
        <v>232522</v>
      </c>
      <c r="GE39" s="116">
        <v>1963669</v>
      </c>
      <c r="GF39" s="351">
        <v>2185184</v>
      </c>
      <c r="GG39" s="118">
        <v>0</v>
      </c>
      <c r="GH39" s="117">
        <v>0</v>
      </c>
      <c r="GI39" s="115">
        <v>0</v>
      </c>
      <c r="GJ39" s="114">
        <v>0</v>
      </c>
      <c r="GK39" s="117">
        <v>0</v>
      </c>
      <c r="GL39" s="117">
        <v>87615</v>
      </c>
      <c r="GM39" s="117">
        <v>40540</v>
      </c>
      <c r="GN39" s="117">
        <v>79398</v>
      </c>
      <c r="GO39" s="117">
        <v>0</v>
      </c>
      <c r="GP39" s="116">
        <v>207553</v>
      </c>
      <c r="GQ39" s="119">
        <v>207553</v>
      </c>
      <c r="GR39" s="113">
        <v>132363</v>
      </c>
      <c r="GS39" s="117">
        <v>0</v>
      </c>
      <c r="GT39" s="116">
        <v>132363</v>
      </c>
      <c r="GU39" s="113">
        <v>0</v>
      </c>
      <c r="GV39" s="117">
        <v>0</v>
      </c>
      <c r="GW39" s="117">
        <v>199430</v>
      </c>
      <c r="GX39" s="117">
        <v>0</v>
      </c>
      <c r="GY39" s="117">
        <v>0</v>
      </c>
      <c r="GZ39" s="117">
        <v>0</v>
      </c>
      <c r="HA39" s="115">
        <v>199430</v>
      </c>
      <c r="HB39" s="119">
        <v>331793</v>
      </c>
      <c r="HC39" s="113">
        <v>249426</v>
      </c>
      <c r="HD39" s="117">
        <v>106677</v>
      </c>
      <c r="HE39" s="115">
        <v>356103</v>
      </c>
      <c r="HF39" s="114">
        <v>0</v>
      </c>
      <c r="HG39" s="117">
        <v>1196181</v>
      </c>
      <c r="HH39" s="117">
        <v>1309289</v>
      </c>
      <c r="HI39" s="117">
        <v>1022570</v>
      </c>
      <c r="HJ39" s="117">
        <v>901499</v>
      </c>
      <c r="HK39" s="117">
        <v>264393</v>
      </c>
      <c r="HL39" s="116">
        <v>4693932</v>
      </c>
      <c r="HM39" s="112">
        <v>5050035</v>
      </c>
      <c r="HN39" s="118">
        <v>65700</v>
      </c>
      <c r="HO39" s="117">
        <v>138780</v>
      </c>
      <c r="HP39" s="116">
        <v>204480</v>
      </c>
      <c r="HQ39" s="113">
        <v>0</v>
      </c>
      <c r="HR39" s="117">
        <v>1090786</v>
      </c>
      <c r="HS39" s="117">
        <v>686809</v>
      </c>
      <c r="HT39" s="117">
        <v>427081</v>
      </c>
      <c r="HU39" s="117">
        <v>302678</v>
      </c>
      <c r="HV39" s="117">
        <v>173911</v>
      </c>
      <c r="HW39" s="115">
        <v>2681265</v>
      </c>
      <c r="HX39" s="119">
        <v>2885745</v>
      </c>
      <c r="HY39" s="149">
        <v>169344</v>
      </c>
      <c r="HZ39" s="150">
        <v>79686</v>
      </c>
      <c r="IA39" s="151">
        <v>249030</v>
      </c>
      <c r="IB39" s="164">
        <v>0</v>
      </c>
      <c r="IC39" s="150">
        <v>3817328</v>
      </c>
      <c r="ID39" s="165">
        <v>4461327</v>
      </c>
      <c r="IE39" s="151">
        <v>3419419</v>
      </c>
      <c r="IF39" s="150">
        <v>2241512</v>
      </c>
      <c r="IG39" s="151">
        <v>1335780</v>
      </c>
      <c r="IH39" s="166">
        <v>15275366</v>
      </c>
      <c r="II39" s="157">
        <v>15524396</v>
      </c>
      <c r="IJ39" s="262">
        <v>0</v>
      </c>
      <c r="IK39" s="269">
        <v>0</v>
      </c>
      <c r="IL39" s="270">
        <v>0</v>
      </c>
      <c r="IM39" s="158"/>
      <c r="IN39" s="123">
        <v>0</v>
      </c>
      <c r="IO39" s="123">
        <v>0</v>
      </c>
      <c r="IP39" s="123">
        <v>0</v>
      </c>
      <c r="IQ39" s="123">
        <v>0</v>
      </c>
      <c r="IR39" s="123">
        <v>0</v>
      </c>
      <c r="IS39" s="159">
        <v>0</v>
      </c>
      <c r="IT39" s="354">
        <v>0</v>
      </c>
      <c r="IU39" s="160">
        <v>0</v>
      </c>
      <c r="IV39" s="123">
        <v>0</v>
      </c>
      <c r="IW39" s="124">
        <v>0</v>
      </c>
      <c r="IX39" s="162"/>
      <c r="IY39" s="123">
        <v>0</v>
      </c>
      <c r="IZ39" s="123">
        <v>0</v>
      </c>
      <c r="JA39" s="123">
        <v>0</v>
      </c>
      <c r="JB39" s="123">
        <v>0</v>
      </c>
      <c r="JC39" s="123">
        <v>0</v>
      </c>
      <c r="JD39" s="124">
        <v>0</v>
      </c>
      <c r="JE39" s="125">
        <v>0</v>
      </c>
      <c r="JF39" s="160">
        <v>0</v>
      </c>
      <c r="JG39" s="123">
        <v>0</v>
      </c>
      <c r="JH39" s="159">
        <v>0</v>
      </c>
      <c r="JI39" s="122">
        <v>0</v>
      </c>
      <c r="JJ39" s="123">
        <v>1312208</v>
      </c>
      <c r="JK39" s="123">
        <v>322893</v>
      </c>
      <c r="JL39" s="123">
        <v>480942</v>
      </c>
      <c r="JM39" s="123">
        <v>92844</v>
      </c>
      <c r="JN39" s="123">
        <v>0</v>
      </c>
      <c r="JO39" s="124">
        <v>2208887</v>
      </c>
      <c r="JP39" s="354">
        <v>2208887</v>
      </c>
      <c r="JQ39" s="160">
        <v>0</v>
      </c>
      <c r="JR39" s="123">
        <v>0</v>
      </c>
      <c r="JS39" s="159">
        <v>0</v>
      </c>
      <c r="JT39" s="122">
        <v>0</v>
      </c>
      <c r="JU39" s="123">
        <v>0</v>
      </c>
      <c r="JV39" s="123">
        <v>0</v>
      </c>
      <c r="JW39" s="123">
        <v>0</v>
      </c>
      <c r="JX39" s="123">
        <v>68809</v>
      </c>
      <c r="JY39" s="123">
        <v>0</v>
      </c>
      <c r="JZ39" s="124">
        <v>68809</v>
      </c>
      <c r="KA39" s="354">
        <v>68809</v>
      </c>
      <c r="KB39" s="265">
        <v>169344</v>
      </c>
      <c r="KC39" s="259">
        <v>79686</v>
      </c>
      <c r="KD39" s="124">
        <v>249030</v>
      </c>
      <c r="KE39" s="122">
        <v>0</v>
      </c>
      <c r="KF39" s="123">
        <v>830340</v>
      </c>
      <c r="KG39" s="123">
        <v>1921752</v>
      </c>
      <c r="KH39" s="123">
        <v>738396</v>
      </c>
      <c r="KI39" s="123">
        <v>366961</v>
      </c>
      <c r="KJ39" s="123">
        <v>299952</v>
      </c>
      <c r="KK39" s="124">
        <v>4157401</v>
      </c>
      <c r="KL39" s="161">
        <v>4406431</v>
      </c>
      <c r="KM39" s="262">
        <v>0</v>
      </c>
      <c r="KN39" s="269">
        <v>0</v>
      </c>
      <c r="KO39" s="270">
        <v>0</v>
      </c>
      <c r="KP39" s="158"/>
      <c r="KQ39" s="123">
        <v>756459</v>
      </c>
      <c r="KR39" s="123">
        <v>526464</v>
      </c>
      <c r="KS39" s="123">
        <v>637245</v>
      </c>
      <c r="KT39" s="123">
        <v>1103580</v>
      </c>
      <c r="KU39" s="123">
        <v>843804</v>
      </c>
      <c r="KV39" s="124">
        <v>3867552</v>
      </c>
      <c r="KW39" s="354">
        <v>3867552</v>
      </c>
      <c r="KX39" s="160">
        <v>0</v>
      </c>
      <c r="KY39" s="123">
        <v>0</v>
      </c>
      <c r="KZ39" s="124">
        <v>0</v>
      </c>
      <c r="LA39" s="163"/>
      <c r="LB39" s="123">
        <v>0</v>
      </c>
      <c r="LC39" s="123">
        <v>0</v>
      </c>
      <c r="LD39" s="123">
        <v>0</v>
      </c>
      <c r="LE39" s="123">
        <v>0</v>
      </c>
      <c r="LF39" s="123">
        <v>0</v>
      </c>
      <c r="LG39" s="124">
        <v>0</v>
      </c>
      <c r="LH39" s="125">
        <v>0</v>
      </c>
      <c r="LI39" s="160">
        <v>0</v>
      </c>
      <c r="LJ39" s="123">
        <v>0</v>
      </c>
      <c r="LK39" s="124">
        <v>0</v>
      </c>
      <c r="LL39" s="163"/>
      <c r="LM39" s="123">
        <v>0</v>
      </c>
      <c r="LN39" s="123">
        <v>0</v>
      </c>
      <c r="LO39" s="123">
        <v>0</v>
      </c>
      <c r="LP39" s="123">
        <v>0</v>
      </c>
      <c r="LQ39" s="123">
        <v>0</v>
      </c>
      <c r="LR39" s="124">
        <v>0</v>
      </c>
      <c r="LS39" s="354">
        <v>0</v>
      </c>
      <c r="LT39" s="160">
        <v>0</v>
      </c>
      <c r="LU39" s="123">
        <v>0</v>
      </c>
      <c r="LV39" s="124">
        <v>0</v>
      </c>
      <c r="LW39" s="163"/>
      <c r="LX39" s="123">
        <v>918321</v>
      </c>
      <c r="LY39" s="123">
        <v>1690218</v>
      </c>
      <c r="LZ39" s="123">
        <v>1562836</v>
      </c>
      <c r="MA39" s="123">
        <v>609318</v>
      </c>
      <c r="MB39" s="123">
        <v>192024</v>
      </c>
      <c r="MC39" s="124">
        <v>4972717</v>
      </c>
      <c r="MD39" s="125">
        <v>4972717</v>
      </c>
      <c r="ME39" s="160">
        <v>0</v>
      </c>
      <c r="MF39" s="123">
        <v>0</v>
      </c>
      <c r="MG39" s="124">
        <v>0</v>
      </c>
      <c r="MH39" s="163"/>
      <c r="MI39" s="123">
        <v>1421449</v>
      </c>
      <c r="MJ39" s="123">
        <v>2756241</v>
      </c>
      <c r="MK39" s="123">
        <v>4824593</v>
      </c>
      <c r="ML39" s="123">
        <v>8580897</v>
      </c>
      <c r="MM39" s="123">
        <v>7039832</v>
      </c>
      <c r="MN39" s="124">
        <v>24623012</v>
      </c>
      <c r="MO39" s="161">
        <v>24623012</v>
      </c>
      <c r="MP39" s="160">
        <v>0</v>
      </c>
      <c r="MQ39" s="123">
        <v>0</v>
      </c>
      <c r="MR39" s="124">
        <v>0</v>
      </c>
      <c r="MS39" s="163">
        <v>0</v>
      </c>
      <c r="MT39" s="123">
        <v>0</v>
      </c>
      <c r="MU39" s="123">
        <v>0</v>
      </c>
      <c r="MV39" s="123">
        <v>1526500</v>
      </c>
      <c r="MW39" s="123">
        <v>5199723</v>
      </c>
      <c r="MX39" s="123">
        <v>5222316</v>
      </c>
      <c r="MY39" s="124">
        <v>11948539</v>
      </c>
      <c r="MZ39" s="161">
        <v>11948539</v>
      </c>
      <c r="NA39" s="160">
        <v>0</v>
      </c>
      <c r="NB39" s="123">
        <v>0</v>
      </c>
      <c r="NC39" s="124">
        <v>0</v>
      </c>
      <c r="ND39" s="163"/>
      <c r="NE39" s="123">
        <v>1421449</v>
      </c>
      <c r="NF39" s="123">
        <v>2504853</v>
      </c>
      <c r="NG39" s="123">
        <v>3298093</v>
      </c>
      <c r="NH39" s="123">
        <v>2710980</v>
      </c>
      <c r="NI39" s="123">
        <v>1817516</v>
      </c>
      <c r="NJ39" s="124">
        <v>11752891</v>
      </c>
      <c r="NK39" s="354">
        <v>11752891</v>
      </c>
      <c r="NL39" s="160">
        <v>0</v>
      </c>
      <c r="NM39" s="123">
        <v>0</v>
      </c>
      <c r="NN39" s="124">
        <v>0</v>
      </c>
      <c r="NO39" s="163"/>
      <c r="NP39" s="123">
        <v>0</v>
      </c>
      <c r="NQ39" s="123">
        <v>0</v>
      </c>
      <c r="NR39" s="123">
        <v>0</v>
      </c>
      <c r="NS39" s="123">
        <v>0</v>
      </c>
      <c r="NT39" s="123">
        <v>0</v>
      </c>
      <c r="NU39" s="124">
        <v>0</v>
      </c>
      <c r="NV39" s="125">
        <v>0</v>
      </c>
      <c r="NW39" s="160">
        <v>0</v>
      </c>
      <c r="NX39" s="123">
        <v>0</v>
      </c>
      <c r="NY39" s="124">
        <v>0</v>
      </c>
      <c r="NZ39" s="163"/>
      <c r="OA39" s="123">
        <v>0</v>
      </c>
      <c r="OB39" s="123">
        <v>251388</v>
      </c>
      <c r="OC39" s="123">
        <v>0</v>
      </c>
      <c r="OD39" s="123">
        <v>670194</v>
      </c>
      <c r="OE39" s="123">
        <v>0</v>
      </c>
      <c r="OF39" s="124">
        <v>921582</v>
      </c>
      <c r="OG39" s="125">
        <v>921582</v>
      </c>
      <c r="OH39" s="160">
        <v>795321</v>
      </c>
      <c r="OI39" s="123">
        <v>979049</v>
      </c>
      <c r="OJ39" s="159">
        <v>1774370</v>
      </c>
      <c r="OK39" s="122">
        <v>0</v>
      </c>
      <c r="OL39" s="123">
        <v>12717297</v>
      </c>
      <c r="OM39" s="123">
        <v>13686103</v>
      </c>
      <c r="ON39" s="123">
        <v>13148619</v>
      </c>
      <c r="OO39" s="123">
        <v>15314937</v>
      </c>
      <c r="OP39" s="123">
        <v>10965657</v>
      </c>
      <c r="OQ39" s="124">
        <v>65832613</v>
      </c>
      <c r="OR39" s="161">
        <v>67606983</v>
      </c>
    </row>
    <row r="40" spans="1:408" ht="18.75" customHeight="1" x14ac:dyDescent="0.2">
      <c r="A40" s="63" t="s">
        <v>35</v>
      </c>
      <c r="B40" s="113">
        <v>2319989</v>
      </c>
      <c r="C40" s="117">
        <v>4862269</v>
      </c>
      <c r="D40" s="116">
        <v>7182258</v>
      </c>
      <c r="E40" s="112">
        <v>0</v>
      </c>
      <c r="F40" s="117">
        <v>30204713</v>
      </c>
      <c r="G40" s="117">
        <v>26193907</v>
      </c>
      <c r="H40" s="117">
        <v>20598454</v>
      </c>
      <c r="I40" s="117">
        <v>19404936</v>
      </c>
      <c r="J40" s="117">
        <v>11809524</v>
      </c>
      <c r="K40" s="201">
        <v>108211534</v>
      </c>
      <c r="L40" s="119">
        <v>115393792</v>
      </c>
      <c r="M40" s="113">
        <v>400094</v>
      </c>
      <c r="N40" s="117">
        <v>811719</v>
      </c>
      <c r="O40" s="116">
        <v>1211813</v>
      </c>
      <c r="P40" s="113">
        <v>0</v>
      </c>
      <c r="Q40" s="117">
        <v>6576166</v>
      </c>
      <c r="R40" s="117">
        <v>7069807</v>
      </c>
      <c r="S40" s="117">
        <v>5308234</v>
      </c>
      <c r="T40" s="117">
        <v>6237996</v>
      </c>
      <c r="U40" s="117">
        <v>6132503</v>
      </c>
      <c r="V40" s="116">
        <v>31324706</v>
      </c>
      <c r="W40" s="119">
        <v>32536519</v>
      </c>
      <c r="X40" s="113">
        <v>0</v>
      </c>
      <c r="Y40" s="117">
        <v>0</v>
      </c>
      <c r="Z40" s="116">
        <v>0</v>
      </c>
      <c r="AA40" s="113">
        <v>0</v>
      </c>
      <c r="AB40" s="117">
        <v>3377649</v>
      </c>
      <c r="AC40" s="117">
        <v>3658824</v>
      </c>
      <c r="AD40" s="117">
        <v>3194186</v>
      </c>
      <c r="AE40" s="117">
        <v>3745726</v>
      </c>
      <c r="AF40" s="117">
        <v>4067101</v>
      </c>
      <c r="AG40" s="116">
        <v>18043486</v>
      </c>
      <c r="AH40" s="119">
        <v>18043486</v>
      </c>
      <c r="AI40" s="113">
        <v>0</v>
      </c>
      <c r="AJ40" s="117">
        <v>0</v>
      </c>
      <c r="AK40" s="116">
        <v>0</v>
      </c>
      <c r="AL40" s="113">
        <v>0</v>
      </c>
      <c r="AM40" s="117">
        <v>0</v>
      </c>
      <c r="AN40" s="117">
        <v>316584</v>
      </c>
      <c r="AO40" s="117">
        <v>273294</v>
      </c>
      <c r="AP40" s="117">
        <v>607788</v>
      </c>
      <c r="AQ40" s="117">
        <v>941814</v>
      </c>
      <c r="AR40" s="116">
        <v>2139480</v>
      </c>
      <c r="AS40" s="119">
        <v>2139480</v>
      </c>
      <c r="AT40" s="113">
        <v>56322</v>
      </c>
      <c r="AU40" s="117">
        <v>283158</v>
      </c>
      <c r="AV40" s="116">
        <v>339480</v>
      </c>
      <c r="AW40" s="113">
        <v>0</v>
      </c>
      <c r="AX40" s="117">
        <v>1386741</v>
      </c>
      <c r="AY40" s="117">
        <v>1234655</v>
      </c>
      <c r="AZ40" s="117">
        <v>563863</v>
      </c>
      <c r="BA40" s="117">
        <v>605890</v>
      </c>
      <c r="BB40" s="117">
        <v>599867</v>
      </c>
      <c r="BC40" s="116">
        <v>4391016</v>
      </c>
      <c r="BD40" s="119">
        <v>4730496</v>
      </c>
      <c r="BE40" s="113">
        <v>33156</v>
      </c>
      <c r="BF40" s="117">
        <v>126144</v>
      </c>
      <c r="BG40" s="115">
        <v>159300</v>
      </c>
      <c r="BH40" s="114">
        <v>0</v>
      </c>
      <c r="BI40" s="117">
        <v>613734</v>
      </c>
      <c r="BJ40" s="117">
        <v>587420</v>
      </c>
      <c r="BK40" s="117">
        <v>152510</v>
      </c>
      <c r="BL40" s="117">
        <v>188874</v>
      </c>
      <c r="BM40" s="117">
        <v>105912</v>
      </c>
      <c r="BN40" s="116">
        <v>1648450</v>
      </c>
      <c r="BO40" s="119">
        <v>1807750</v>
      </c>
      <c r="BP40" s="113">
        <v>310616</v>
      </c>
      <c r="BQ40" s="117">
        <v>402417</v>
      </c>
      <c r="BR40" s="116">
        <v>713033</v>
      </c>
      <c r="BS40" s="113">
        <v>0</v>
      </c>
      <c r="BT40" s="117">
        <v>1198042</v>
      </c>
      <c r="BU40" s="117">
        <v>1272324</v>
      </c>
      <c r="BV40" s="117">
        <v>1124381</v>
      </c>
      <c r="BW40" s="117">
        <v>1089718</v>
      </c>
      <c r="BX40" s="117">
        <v>417809</v>
      </c>
      <c r="BY40" s="116">
        <v>5102274</v>
      </c>
      <c r="BZ40" s="119">
        <v>5815307</v>
      </c>
      <c r="CA40" s="113">
        <v>309243</v>
      </c>
      <c r="CB40" s="117">
        <v>1376656</v>
      </c>
      <c r="CC40" s="116">
        <v>1685899</v>
      </c>
      <c r="CD40" s="113">
        <v>0</v>
      </c>
      <c r="CE40" s="117">
        <v>10952362</v>
      </c>
      <c r="CF40" s="117">
        <v>8979610</v>
      </c>
      <c r="CG40" s="117">
        <v>6385577</v>
      </c>
      <c r="CH40" s="117">
        <v>3785721</v>
      </c>
      <c r="CI40" s="117">
        <v>1591932</v>
      </c>
      <c r="CJ40" s="116">
        <v>31695202</v>
      </c>
      <c r="CK40" s="119">
        <v>33381101</v>
      </c>
      <c r="CL40" s="113">
        <v>0</v>
      </c>
      <c r="CM40" s="117">
        <v>0</v>
      </c>
      <c r="CN40" s="116">
        <v>0</v>
      </c>
      <c r="CO40" s="114">
        <v>0</v>
      </c>
      <c r="CP40" s="117">
        <v>7958706</v>
      </c>
      <c r="CQ40" s="117">
        <v>7401614</v>
      </c>
      <c r="CR40" s="117">
        <v>5471308</v>
      </c>
      <c r="CS40" s="117">
        <v>2488354</v>
      </c>
      <c r="CT40" s="117">
        <v>1534938</v>
      </c>
      <c r="CU40" s="116">
        <v>24854920</v>
      </c>
      <c r="CV40" s="119">
        <v>24854920</v>
      </c>
      <c r="CW40" s="113">
        <v>309243</v>
      </c>
      <c r="CX40" s="117">
        <v>1376656</v>
      </c>
      <c r="CY40" s="116">
        <v>1685899</v>
      </c>
      <c r="CZ40" s="113">
        <v>0</v>
      </c>
      <c r="DA40" s="117">
        <v>2993656</v>
      </c>
      <c r="DB40" s="117">
        <v>1577996</v>
      </c>
      <c r="DC40" s="117">
        <v>914269</v>
      </c>
      <c r="DD40" s="117">
        <v>1297367</v>
      </c>
      <c r="DE40" s="117">
        <v>56994</v>
      </c>
      <c r="DF40" s="116">
        <v>6840282</v>
      </c>
      <c r="DG40" s="119">
        <v>8526181</v>
      </c>
      <c r="DH40" s="113">
        <v>0</v>
      </c>
      <c r="DI40" s="117">
        <v>103194</v>
      </c>
      <c r="DJ40" s="115">
        <v>103194</v>
      </c>
      <c r="DK40" s="114">
        <v>0</v>
      </c>
      <c r="DL40" s="117">
        <v>377235</v>
      </c>
      <c r="DM40" s="117">
        <v>824018</v>
      </c>
      <c r="DN40" s="117">
        <v>1143427</v>
      </c>
      <c r="DO40" s="117">
        <v>633762</v>
      </c>
      <c r="DP40" s="117">
        <v>408114</v>
      </c>
      <c r="DQ40" s="116">
        <v>3386556</v>
      </c>
      <c r="DR40" s="119">
        <v>3489750</v>
      </c>
      <c r="DS40" s="113">
        <v>0</v>
      </c>
      <c r="DT40" s="117">
        <v>0</v>
      </c>
      <c r="DU40" s="116">
        <v>0</v>
      </c>
      <c r="DV40" s="113">
        <v>0</v>
      </c>
      <c r="DW40" s="117">
        <v>308025</v>
      </c>
      <c r="DX40" s="117">
        <v>800195</v>
      </c>
      <c r="DY40" s="117">
        <v>1116981</v>
      </c>
      <c r="DZ40" s="117">
        <v>544743</v>
      </c>
      <c r="EA40" s="117">
        <v>408114</v>
      </c>
      <c r="EB40" s="116">
        <v>3178058</v>
      </c>
      <c r="EC40" s="119">
        <v>3178058</v>
      </c>
      <c r="ED40" s="113">
        <v>0</v>
      </c>
      <c r="EE40" s="115">
        <v>103194</v>
      </c>
      <c r="EF40" s="116">
        <v>103194</v>
      </c>
      <c r="EG40" s="113">
        <v>0</v>
      </c>
      <c r="EH40" s="117">
        <v>69210</v>
      </c>
      <c r="EI40" s="117">
        <v>23823</v>
      </c>
      <c r="EJ40" s="117">
        <v>26446</v>
      </c>
      <c r="EK40" s="117">
        <v>89019</v>
      </c>
      <c r="EL40" s="117">
        <v>0</v>
      </c>
      <c r="EM40" s="115">
        <v>208498</v>
      </c>
      <c r="EN40" s="119">
        <v>311692</v>
      </c>
      <c r="EO40" s="113">
        <v>0</v>
      </c>
      <c r="EP40" s="117">
        <v>0</v>
      </c>
      <c r="EQ40" s="115">
        <v>0</v>
      </c>
      <c r="ER40" s="114">
        <v>0</v>
      </c>
      <c r="ES40" s="117">
        <v>0</v>
      </c>
      <c r="ET40" s="117">
        <v>0</v>
      </c>
      <c r="EU40" s="117">
        <v>0</v>
      </c>
      <c r="EV40" s="117">
        <v>0</v>
      </c>
      <c r="EW40" s="117">
        <v>0</v>
      </c>
      <c r="EX40" s="116">
        <v>0</v>
      </c>
      <c r="EY40" s="119">
        <v>0</v>
      </c>
      <c r="EZ40" s="113">
        <v>0</v>
      </c>
      <c r="FA40" s="117">
        <v>0</v>
      </c>
      <c r="FB40" s="115">
        <v>0</v>
      </c>
      <c r="FC40" s="387"/>
      <c r="FD40" s="117">
        <v>0</v>
      </c>
      <c r="FE40" s="117">
        <v>0</v>
      </c>
      <c r="FF40" s="117">
        <v>0</v>
      </c>
      <c r="FG40" s="117">
        <v>0</v>
      </c>
      <c r="FH40" s="117">
        <v>0</v>
      </c>
      <c r="FI40" s="116">
        <v>0</v>
      </c>
      <c r="FJ40" s="119">
        <v>0</v>
      </c>
      <c r="FK40" s="113">
        <v>260256</v>
      </c>
      <c r="FL40" s="117">
        <v>517792</v>
      </c>
      <c r="FM40" s="116">
        <v>778048</v>
      </c>
      <c r="FN40" s="113">
        <v>0</v>
      </c>
      <c r="FO40" s="117">
        <v>1653429</v>
      </c>
      <c r="FP40" s="117">
        <v>1966592</v>
      </c>
      <c r="FQ40" s="117">
        <v>1069914</v>
      </c>
      <c r="FR40" s="117">
        <v>1242370</v>
      </c>
      <c r="FS40" s="117">
        <v>577318</v>
      </c>
      <c r="FT40" s="116">
        <v>6509623</v>
      </c>
      <c r="FU40" s="119">
        <v>7287671</v>
      </c>
      <c r="FV40" s="118">
        <v>141456</v>
      </c>
      <c r="FW40" s="117">
        <v>466356</v>
      </c>
      <c r="FX40" s="115">
        <v>607812</v>
      </c>
      <c r="FY40" s="114">
        <v>0</v>
      </c>
      <c r="FZ40" s="117">
        <v>939806</v>
      </c>
      <c r="GA40" s="117">
        <v>1863881</v>
      </c>
      <c r="GB40" s="117">
        <v>1033914</v>
      </c>
      <c r="GC40" s="117">
        <v>1183069</v>
      </c>
      <c r="GD40" s="117">
        <v>577318</v>
      </c>
      <c r="GE40" s="116">
        <v>5597988</v>
      </c>
      <c r="GF40" s="351">
        <v>6205800</v>
      </c>
      <c r="GG40" s="118">
        <v>0</v>
      </c>
      <c r="GH40" s="117">
        <v>51436</v>
      </c>
      <c r="GI40" s="115">
        <v>51436</v>
      </c>
      <c r="GJ40" s="114">
        <v>0</v>
      </c>
      <c r="GK40" s="117">
        <v>16483</v>
      </c>
      <c r="GL40" s="117">
        <v>38361</v>
      </c>
      <c r="GM40" s="117">
        <v>0</v>
      </c>
      <c r="GN40" s="117">
        <v>59301</v>
      </c>
      <c r="GO40" s="117">
        <v>0</v>
      </c>
      <c r="GP40" s="116">
        <v>114145</v>
      </c>
      <c r="GQ40" s="119">
        <v>165581</v>
      </c>
      <c r="GR40" s="113">
        <v>118800</v>
      </c>
      <c r="GS40" s="117">
        <v>0</v>
      </c>
      <c r="GT40" s="116">
        <v>118800</v>
      </c>
      <c r="GU40" s="113">
        <v>0</v>
      </c>
      <c r="GV40" s="117">
        <v>697140</v>
      </c>
      <c r="GW40" s="117">
        <v>64350</v>
      </c>
      <c r="GX40" s="117">
        <v>36000</v>
      </c>
      <c r="GY40" s="117">
        <v>0</v>
      </c>
      <c r="GZ40" s="117">
        <v>0</v>
      </c>
      <c r="HA40" s="115">
        <v>797490</v>
      </c>
      <c r="HB40" s="119">
        <v>916290</v>
      </c>
      <c r="HC40" s="113">
        <v>1151436</v>
      </c>
      <c r="HD40" s="117">
        <v>1579388</v>
      </c>
      <c r="HE40" s="115">
        <v>2730824</v>
      </c>
      <c r="HF40" s="114">
        <v>0</v>
      </c>
      <c r="HG40" s="117">
        <v>6586228</v>
      </c>
      <c r="HH40" s="117">
        <v>4811457</v>
      </c>
      <c r="HI40" s="117">
        <v>5194967</v>
      </c>
      <c r="HJ40" s="117">
        <v>6239404</v>
      </c>
      <c r="HK40" s="117">
        <v>2545482</v>
      </c>
      <c r="HL40" s="116">
        <v>25377538</v>
      </c>
      <c r="HM40" s="112">
        <v>28108362</v>
      </c>
      <c r="HN40" s="118">
        <v>198960</v>
      </c>
      <c r="HO40" s="117">
        <v>473520</v>
      </c>
      <c r="HP40" s="116">
        <v>672480</v>
      </c>
      <c r="HQ40" s="113">
        <v>0</v>
      </c>
      <c r="HR40" s="117">
        <v>4059293</v>
      </c>
      <c r="HS40" s="117">
        <v>2542423</v>
      </c>
      <c r="HT40" s="117">
        <v>1496335</v>
      </c>
      <c r="HU40" s="117">
        <v>1265683</v>
      </c>
      <c r="HV40" s="117">
        <v>554175</v>
      </c>
      <c r="HW40" s="115">
        <v>9917909</v>
      </c>
      <c r="HX40" s="119">
        <v>10590389</v>
      </c>
      <c r="HY40" s="168">
        <v>-2430</v>
      </c>
      <c r="HZ40" s="153">
        <v>483300</v>
      </c>
      <c r="IA40" s="168">
        <v>480870</v>
      </c>
      <c r="IB40" s="164">
        <v>0</v>
      </c>
      <c r="IC40" s="150">
        <v>5291539</v>
      </c>
      <c r="ID40" s="165">
        <v>6817535</v>
      </c>
      <c r="IE40" s="151">
        <v>8021345</v>
      </c>
      <c r="IF40" s="150">
        <v>5830591</v>
      </c>
      <c r="IG40" s="151">
        <v>2385175</v>
      </c>
      <c r="IH40" s="166">
        <v>28346185</v>
      </c>
      <c r="II40" s="168">
        <v>28827055</v>
      </c>
      <c r="IJ40" s="262">
        <v>0</v>
      </c>
      <c r="IK40" s="269">
        <v>0</v>
      </c>
      <c r="IL40" s="270">
        <v>0</v>
      </c>
      <c r="IM40" s="158"/>
      <c r="IN40" s="123">
        <v>0</v>
      </c>
      <c r="IO40" s="123">
        <v>73848</v>
      </c>
      <c r="IP40" s="123">
        <v>182169</v>
      </c>
      <c r="IQ40" s="123">
        <v>225720</v>
      </c>
      <c r="IR40" s="123">
        <v>0</v>
      </c>
      <c r="IS40" s="159">
        <v>481737</v>
      </c>
      <c r="IT40" s="354">
        <v>481737</v>
      </c>
      <c r="IU40" s="160">
        <v>0</v>
      </c>
      <c r="IV40" s="123">
        <v>0</v>
      </c>
      <c r="IW40" s="124">
        <v>0</v>
      </c>
      <c r="IX40" s="162"/>
      <c r="IY40" s="123">
        <v>0</v>
      </c>
      <c r="IZ40" s="123">
        <v>0</v>
      </c>
      <c r="JA40" s="123">
        <v>0</v>
      </c>
      <c r="JB40" s="123">
        <v>0</v>
      </c>
      <c r="JC40" s="123">
        <v>0</v>
      </c>
      <c r="JD40" s="124">
        <v>0</v>
      </c>
      <c r="JE40" s="125">
        <v>0</v>
      </c>
      <c r="JF40" s="160">
        <v>0</v>
      </c>
      <c r="JG40" s="123">
        <v>0</v>
      </c>
      <c r="JH40" s="159">
        <v>0</v>
      </c>
      <c r="JI40" s="122">
        <v>0</v>
      </c>
      <c r="JJ40" s="123">
        <v>1669486</v>
      </c>
      <c r="JK40" s="123">
        <v>1675701</v>
      </c>
      <c r="JL40" s="123">
        <v>1559754</v>
      </c>
      <c r="JM40" s="123">
        <v>1555663</v>
      </c>
      <c r="JN40" s="123">
        <v>438394</v>
      </c>
      <c r="JO40" s="124">
        <v>6898998</v>
      </c>
      <c r="JP40" s="354">
        <v>6898998</v>
      </c>
      <c r="JQ40" s="160">
        <v>0</v>
      </c>
      <c r="JR40" s="123">
        <v>0</v>
      </c>
      <c r="JS40" s="159">
        <v>0</v>
      </c>
      <c r="JT40" s="122">
        <v>0</v>
      </c>
      <c r="JU40" s="123">
        <v>0</v>
      </c>
      <c r="JV40" s="123">
        <v>0</v>
      </c>
      <c r="JW40" s="123">
        <v>0</v>
      </c>
      <c r="JX40" s="123">
        <v>0</v>
      </c>
      <c r="JY40" s="123">
        <v>0</v>
      </c>
      <c r="JZ40" s="124">
        <v>0</v>
      </c>
      <c r="KA40" s="354">
        <v>0</v>
      </c>
      <c r="KB40" s="265">
        <v>-2430</v>
      </c>
      <c r="KC40" s="259">
        <v>244440</v>
      </c>
      <c r="KD40" s="124">
        <v>242010</v>
      </c>
      <c r="KE40" s="122">
        <v>0</v>
      </c>
      <c r="KF40" s="123">
        <v>1089885</v>
      </c>
      <c r="KG40" s="123">
        <v>1256787</v>
      </c>
      <c r="KH40" s="123">
        <v>1447252</v>
      </c>
      <c r="KI40" s="123">
        <v>721980</v>
      </c>
      <c r="KJ40" s="123">
        <v>540711</v>
      </c>
      <c r="KK40" s="124">
        <v>5056615</v>
      </c>
      <c r="KL40" s="161">
        <v>5298625</v>
      </c>
      <c r="KM40" s="262">
        <v>0</v>
      </c>
      <c r="KN40" s="269">
        <v>238860</v>
      </c>
      <c r="KO40" s="270">
        <v>238860</v>
      </c>
      <c r="KP40" s="158"/>
      <c r="KQ40" s="123">
        <v>2532168</v>
      </c>
      <c r="KR40" s="123">
        <v>3811199</v>
      </c>
      <c r="KS40" s="123">
        <v>4832170</v>
      </c>
      <c r="KT40" s="123">
        <v>3327228</v>
      </c>
      <c r="KU40" s="123">
        <v>1406070</v>
      </c>
      <c r="KV40" s="124">
        <v>15908835</v>
      </c>
      <c r="KW40" s="354">
        <v>16147695</v>
      </c>
      <c r="KX40" s="160">
        <v>0</v>
      </c>
      <c r="KY40" s="123">
        <v>0</v>
      </c>
      <c r="KZ40" s="124">
        <v>0</v>
      </c>
      <c r="LA40" s="163"/>
      <c r="LB40" s="123">
        <v>0</v>
      </c>
      <c r="LC40" s="123">
        <v>0</v>
      </c>
      <c r="LD40" s="123">
        <v>0</v>
      </c>
      <c r="LE40" s="123">
        <v>0</v>
      </c>
      <c r="LF40" s="123">
        <v>0</v>
      </c>
      <c r="LG40" s="124">
        <v>0</v>
      </c>
      <c r="LH40" s="125">
        <v>0</v>
      </c>
      <c r="LI40" s="160">
        <v>0</v>
      </c>
      <c r="LJ40" s="123">
        <v>0</v>
      </c>
      <c r="LK40" s="124">
        <v>0</v>
      </c>
      <c r="LL40" s="163"/>
      <c r="LM40" s="123">
        <v>0</v>
      </c>
      <c r="LN40" s="123">
        <v>0</v>
      </c>
      <c r="LO40" s="123">
        <v>0</v>
      </c>
      <c r="LP40" s="123">
        <v>0</v>
      </c>
      <c r="LQ40" s="123">
        <v>0</v>
      </c>
      <c r="LR40" s="124">
        <v>0</v>
      </c>
      <c r="LS40" s="354">
        <v>0</v>
      </c>
      <c r="LT40" s="160">
        <v>0</v>
      </c>
      <c r="LU40" s="123">
        <v>0</v>
      </c>
      <c r="LV40" s="124">
        <v>0</v>
      </c>
      <c r="LW40" s="163"/>
      <c r="LX40" s="123">
        <v>0</v>
      </c>
      <c r="LY40" s="123">
        <v>0</v>
      </c>
      <c r="LZ40" s="123">
        <v>0</v>
      </c>
      <c r="MA40" s="123">
        <v>0</v>
      </c>
      <c r="MB40" s="123">
        <v>0</v>
      </c>
      <c r="MC40" s="124">
        <v>0</v>
      </c>
      <c r="MD40" s="125">
        <v>0</v>
      </c>
      <c r="ME40" s="160">
        <v>0</v>
      </c>
      <c r="MF40" s="123">
        <v>0</v>
      </c>
      <c r="MG40" s="124">
        <v>0</v>
      </c>
      <c r="MH40" s="163"/>
      <c r="MI40" s="123">
        <v>7194178</v>
      </c>
      <c r="MJ40" s="123">
        <v>8271598</v>
      </c>
      <c r="MK40" s="123">
        <v>15470360</v>
      </c>
      <c r="ML40" s="123">
        <v>20957372</v>
      </c>
      <c r="MM40" s="123">
        <v>16596009</v>
      </c>
      <c r="MN40" s="124">
        <v>68489517</v>
      </c>
      <c r="MO40" s="161">
        <v>68489517</v>
      </c>
      <c r="MP40" s="160">
        <v>0</v>
      </c>
      <c r="MQ40" s="123">
        <v>0</v>
      </c>
      <c r="MR40" s="124">
        <v>0</v>
      </c>
      <c r="MS40" s="163">
        <v>0</v>
      </c>
      <c r="MT40" s="123">
        <v>199125</v>
      </c>
      <c r="MU40" s="123">
        <v>440370</v>
      </c>
      <c r="MV40" s="123">
        <v>6353214</v>
      </c>
      <c r="MW40" s="123">
        <v>12934505</v>
      </c>
      <c r="MX40" s="123">
        <v>10434204</v>
      </c>
      <c r="MY40" s="124">
        <v>30361418</v>
      </c>
      <c r="MZ40" s="161">
        <v>30361418</v>
      </c>
      <c r="NA40" s="160">
        <v>0</v>
      </c>
      <c r="NB40" s="123">
        <v>0</v>
      </c>
      <c r="NC40" s="124">
        <v>0</v>
      </c>
      <c r="ND40" s="163"/>
      <c r="NE40" s="123">
        <v>6091156</v>
      </c>
      <c r="NF40" s="123">
        <v>7326940</v>
      </c>
      <c r="NG40" s="123">
        <v>7873265</v>
      </c>
      <c r="NH40" s="123">
        <v>5015238</v>
      </c>
      <c r="NI40" s="123">
        <v>2608461</v>
      </c>
      <c r="NJ40" s="124">
        <v>28915060</v>
      </c>
      <c r="NK40" s="354">
        <v>28915060</v>
      </c>
      <c r="NL40" s="160">
        <v>0</v>
      </c>
      <c r="NM40" s="123">
        <v>0</v>
      </c>
      <c r="NN40" s="124">
        <v>0</v>
      </c>
      <c r="NO40" s="163"/>
      <c r="NP40" s="123">
        <v>0</v>
      </c>
      <c r="NQ40" s="123">
        <v>0</v>
      </c>
      <c r="NR40" s="123">
        <v>0</v>
      </c>
      <c r="NS40" s="123">
        <v>0</v>
      </c>
      <c r="NT40" s="123">
        <v>0</v>
      </c>
      <c r="NU40" s="124">
        <v>0</v>
      </c>
      <c r="NV40" s="125">
        <v>0</v>
      </c>
      <c r="NW40" s="160">
        <v>0</v>
      </c>
      <c r="NX40" s="123">
        <v>0</v>
      </c>
      <c r="NY40" s="124">
        <v>0</v>
      </c>
      <c r="NZ40" s="163"/>
      <c r="OA40" s="123">
        <v>903897</v>
      </c>
      <c r="OB40" s="123">
        <v>504288</v>
      </c>
      <c r="OC40" s="123">
        <v>1243881</v>
      </c>
      <c r="OD40" s="123">
        <v>3007629</v>
      </c>
      <c r="OE40" s="123">
        <v>3553344</v>
      </c>
      <c r="OF40" s="124">
        <v>9213039</v>
      </c>
      <c r="OG40" s="125">
        <v>9213039</v>
      </c>
      <c r="OH40" s="160">
        <v>2317559</v>
      </c>
      <c r="OI40" s="123">
        <v>5345569</v>
      </c>
      <c r="OJ40" s="159">
        <v>7663128</v>
      </c>
      <c r="OK40" s="122">
        <v>0</v>
      </c>
      <c r="OL40" s="123">
        <v>42690430</v>
      </c>
      <c r="OM40" s="123">
        <v>41283040</v>
      </c>
      <c r="ON40" s="123">
        <v>44090159</v>
      </c>
      <c r="OO40" s="123">
        <v>46192899</v>
      </c>
      <c r="OP40" s="123">
        <v>30790708</v>
      </c>
      <c r="OQ40" s="124">
        <v>205047236</v>
      </c>
      <c r="OR40" s="161">
        <v>212710364</v>
      </c>
    </row>
    <row r="41" spans="1:408" ht="18.75" customHeight="1" x14ac:dyDescent="0.2">
      <c r="A41" s="63" t="s">
        <v>36</v>
      </c>
      <c r="B41" s="113">
        <v>1191173</v>
      </c>
      <c r="C41" s="117">
        <v>2795222</v>
      </c>
      <c r="D41" s="116">
        <v>3986395</v>
      </c>
      <c r="E41" s="112">
        <v>0</v>
      </c>
      <c r="F41" s="117">
        <v>21196700</v>
      </c>
      <c r="G41" s="117">
        <v>27877300</v>
      </c>
      <c r="H41" s="117">
        <v>26498187</v>
      </c>
      <c r="I41" s="117">
        <v>19184343</v>
      </c>
      <c r="J41" s="117">
        <v>13504044</v>
      </c>
      <c r="K41" s="201">
        <v>108260574</v>
      </c>
      <c r="L41" s="119">
        <v>112246969</v>
      </c>
      <c r="M41" s="113">
        <v>449094</v>
      </c>
      <c r="N41" s="117">
        <v>623406</v>
      </c>
      <c r="O41" s="116">
        <v>1072500</v>
      </c>
      <c r="P41" s="113">
        <v>0</v>
      </c>
      <c r="Q41" s="117">
        <v>5890207</v>
      </c>
      <c r="R41" s="117">
        <v>7911424</v>
      </c>
      <c r="S41" s="117">
        <v>8244489</v>
      </c>
      <c r="T41" s="117">
        <v>7914669</v>
      </c>
      <c r="U41" s="117">
        <v>7080892</v>
      </c>
      <c r="V41" s="116">
        <v>37041681</v>
      </c>
      <c r="W41" s="119">
        <v>38114181</v>
      </c>
      <c r="X41" s="113">
        <v>0</v>
      </c>
      <c r="Y41" s="117">
        <v>0</v>
      </c>
      <c r="Z41" s="116">
        <v>0</v>
      </c>
      <c r="AA41" s="113">
        <v>0</v>
      </c>
      <c r="AB41" s="117">
        <v>2770318</v>
      </c>
      <c r="AC41" s="117">
        <v>4263620</v>
      </c>
      <c r="AD41" s="117">
        <v>5276414</v>
      </c>
      <c r="AE41" s="117">
        <v>4751158</v>
      </c>
      <c r="AF41" s="117">
        <v>3938389</v>
      </c>
      <c r="AG41" s="116">
        <v>20999899</v>
      </c>
      <c r="AH41" s="119">
        <v>20999899</v>
      </c>
      <c r="AI41" s="113">
        <v>0</v>
      </c>
      <c r="AJ41" s="117">
        <v>0</v>
      </c>
      <c r="AK41" s="116">
        <v>0</v>
      </c>
      <c r="AL41" s="113">
        <v>0</v>
      </c>
      <c r="AM41" s="117">
        <v>261774</v>
      </c>
      <c r="AN41" s="117">
        <v>398809</v>
      </c>
      <c r="AO41" s="117">
        <v>130056</v>
      </c>
      <c r="AP41" s="117">
        <v>676535</v>
      </c>
      <c r="AQ41" s="117">
        <v>621197</v>
      </c>
      <c r="AR41" s="116">
        <v>2088371</v>
      </c>
      <c r="AS41" s="119">
        <v>2088371</v>
      </c>
      <c r="AT41" s="113">
        <v>326219</v>
      </c>
      <c r="AU41" s="117">
        <v>558018</v>
      </c>
      <c r="AV41" s="116">
        <v>884237</v>
      </c>
      <c r="AW41" s="113">
        <v>0</v>
      </c>
      <c r="AX41" s="117">
        <v>2395746</v>
      </c>
      <c r="AY41" s="117">
        <v>2391259</v>
      </c>
      <c r="AZ41" s="117">
        <v>1524952</v>
      </c>
      <c r="BA41" s="117">
        <v>1685952</v>
      </c>
      <c r="BB41" s="117">
        <v>1823977</v>
      </c>
      <c r="BC41" s="116">
        <v>9821886</v>
      </c>
      <c r="BD41" s="119">
        <v>10706123</v>
      </c>
      <c r="BE41" s="113">
        <v>78199</v>
      </c>
      <c r="BF41" s="117">
        <v>0</v>
      </c>
      <c r="BG41" s="115">
        <v>78199</v>
      </c>
      <c r="BH41" s="114">
        <v>0</v>
      </c>
      <c r="BI41" s="117">
        <v>0</v>
      </c>
      <c r="BJ41" s="117">
        <v>39661</v>
      </c>
      <c r="BK41" s="117">
        <v>18017</v>
      </c>
      <c r="BL41" s="117">
        <v>112521</v>
      </c>
      <c r="BM41" s="117">
        <v>85212</v>
      </c>
      <c r="BN41" s="116">
        <v>255411</v>
      </c>
      <c r="BO41" s="119">
        <v>333610</v>
      </c>
      <c r="BP41" s="113">
        <v>44676</v>
      </c>
      <c r="BQ41" s="117">
        <v>65388</v>
      </c>
      <c r="BR41" s="116">
        <v>110064</v>
      </c>
      <c r="BS41" s="113">
        <v>0</v>
      </c>
      <c r="BT41" s="117">
        <v>462369</v>
      </c>
      <c r="BU41" s="117">
        <v>818075</v>
      </c>
      <c r="BV41" s="117">
        <v>1295050</v>
      </c>
      <c r="BW41" s="117">
        <v>688503</v>
      </c>
      <c r="BX41" s="117">
        <v>612117</v>
      </c>
      <c r="BY41" s="116">
        <v>3876114</v>
      </c>
      <c r="BZ41" s="119">
        <v>3986178</v>
      </c>
      <c r="CA41" s="113">
        <v>112386</v>
      </c>
      <c r="CB41" s="117">
        <v>562186</v>
      </c>
      <c r="CC41" s="116">
        <v>674572</v>
      </c>
      <c r="CD41" s="113">
        <v>0</v>
      </c>
      <c r="CE41" s="117">
        <v>7010396</v>
      </c>
      <c r="CF41" s="117">
        <v>9984319</v>
      </c>
      <c r="CG41" s="117">
        <v>7080201</v>
      </c>
      <c r="CH41" s="117">
        <v>4396326</v>
      </c>
      <c r="CI41" s="117">
        <v>1690487</v>
      </c>
      <c r="CJ41" s="116">
        <v>30161729</v>
      </c>
      <c r="CK41" s="119">
        <v>30836301</v>
      </c>
      <c r="CL41" s="113">
        <v>0</v>
      </c>
      <c r="CM41" s="117">
        <v>0</v>
      </c>
      <c r="CN41" s="116">
        <v>0</v>
      </c>
      <c r="CO41" s="114">
        <v>0</v>
      </c>
      <c r="CP41" s="117">
        <v>5607375</v>
      </c>
      <c r="CQ41" s="117">
        <v>8336686</v>
      </c>
      <c r="CR41" s="117">
        <v>5544884</v>
      </c>
      <c r="CS41" s="117">
        <v>3673647</v>
      </c>
      <c r="CT41" s="117">
        <v>1636224</v>
      </c>
      <c r="CU41" s="116">
        <v>24798816</v>
      </c>
      <c r="CV41" s="119">
        <v>24798816</v>
      </c>
      <c r="CW41" s="113">
        <v>112386</v>
      </c>
      <c r="CX41" s="117">
        <v>562186</v>
      </c>
      <c r="CY41" s="116">
        <v>674572</v>
      </c>
      <c r="CZ41" s="113">
        <v>0</v>
      </c>
      <c r="DA41" s="117">
        <v>1403021</v>
      </c>
      <c r="DB41" s="117">
        <v>1647633</v>
      </c>
      <c r="DC41" s="117">
        <v>1535317</v>
      </c>
      <c r="DD41" s="117">
        <v>722679</v>
      </c>
      <c r="DE41" s="117">
        <v>54263</v>
      </c>
      <c r="DF41" s="116">
        <v>5362913</v>
      </c>
      <c r="DG41" s="119">
        <v>6037485</v>
      </c>
      <c r="DH41" s="113">
        <v>0</v>
      </c>
      <c r="DI41" s="117">
        <v>20703</v>
      </c>
      <c r="DJ41" s="115">
        <v>20703</v>
      </c>
      <c r="DK41" s="114">
        <v>0</v>
      </c>
      <c r="DL41" s="117">
        <v>1677181</v>
      </c>
      <c r="DM41" s="117">
        <v>1848890</v>
      </c>
      <c r="DN41" s="117">
        <v>3434820</v>
      </c>
      <c r="DO41" s="117">
        <v>2486308</v>
      </c>
      <c r="DP41" s="117">
        <v>1587945</v>
      </c>
      <c r="DQ41" s="116">
        <v>11035144</v>
      </c>
      <c r="DR41" s="119">
        <v>11055847</v>
      </c>
      <c r="DS41" s="113">
        <v>0</v>
      </c>
      <c r="DT41" s="117">
        <v>20703</v>
      </c>
      <c r="DU41" s="116">
        <v>20703</v>
      </c>
      <c r="DV41" s="113">
        <v>0</v>
      </c>
      <c r="DW41" s="117">
        <v>1677181</v>
      </c>
      <c r="DX41" s="117">
        <v>1674804</v>
      </c>
      <c r="DY41" s="117">
        <v>3395558</v>
      </c>
      <c r="DZ41" s="117">
        <v>2412115</v>
      </c>
      <c r="EA41" s="117">
        <v>1587945</v>
      </c>
      <c r="EB41" s="116">
        <v>10747603</v>
      </c>
      <c r="EC41" s="119">
        <v>10768306</v>
      </c>
      <c r="ED41" s="113">
        <v>0</v>
      </c>
      <c r="EE41" s="115">
        <v>0</v>
      </c>
      <c r="EF41" s="116">
        <v>0</v>
      </c>
      <c r="EG41" s="113">
        <v>0</v>
      </c>
      <c r="EH41" s="117">
        <v>0</v>
      </c>
      <c r="EI41" s="117">
        <v>174086</v>
      </c>
      <c r="EJ41" s="117">
        <v>39262</v>
      </c>
      <c r="EK41" s="117">
        <v>74193</v>
      </c>
      <c r="EL41" s="117">
        <v>0</v>
      </c>
      <c r="EM41" s="115">
        <v>287541</v>
      </c>
      <c r="EN41" s="119">
        <v>287541</v>
      </c>
      <c r="EO41" s="113">
        <v>0</v>
      </c>
      <c r="EP41" s="117">
        <v>0</v>
      </c>
      <c r="EQ41" s="115">
        <v>0</v>
      </c>
      <c r="ER41" s="114">
        <v>0</v>
      </c>
      <c r="ES41" s="117">
        <v>0</v>
      </c>
      <c r="ET41" s="117">
        <v>0</v>
      </c>
      <c r="EU41" s="117">
        <v>0</v>
      </c>
      <c r="EV41" s="117">
        <v>0</v>
      </c>
      <c r="EW41" s="117">
        <v>0</v>
      </c>
      <c r="EX41" s="116">
        <v>0</v>
      </c>
      <c r="EY41" s="119">
        <v>0</v>
      </c>
      <c r="EZ41" s="113">
        <v>0</v>
      </c>
      <c r="FA41" s="117">
        <v>0</v>
      </c>
      <c r="FB41" s="115">
        <v>0</v>
      </c>
      <c r="FC41" s="387"/>
      <c r="FD41" s="117">
        <v>0</v>
      </c>
      <c r="FE41" s="117">
        <v>0</v>
      </c>
      <c r="FF41" s="117">
        <v>0</v>
      </c>
      <c r="FG41" s="117">
        <v>0</v>
      </c>
      <c r="FH41" s="117">
        <v>0</v>
      </c>
      <c r="FI41" s="116">
        <v>0</v>
      </c>
      <c r="FJ41" s="119">
        <v>0</v>
      </c>
      <c r="FK41" s="113">
        <v>318548</v>
      </c>
      <c r="FL41" s="117">
        <v>967787</v>
      </c>
      <c r="FM41" s="116">
        <v>1286335</v>
      </c>
      <c r="FN41" s="113">
        <v>0</v>
      </c>
      <c r="FO41" s="117">
        <v>1518480</v>
      </c>
      <c r="FP41" s="117">
        <v>2096142</v>
      </c>
      <c r="FQ41" s="117">
        <v>1796929</v>
      </c>
      <c r="FR41" s="117">
        <v>1621261</v>
      </c>
      <c r="FS41" s="117">
        <v>852529</v>
      </c>
      <c r="FT41" s="116">
        <v>7885341</v>
      </c>
      <c r="FU41" s="119">
        <v>9171676</v>
      </c>
      <c r="FV41" s="118">
        <v>167903</v>
      </c>
      <c r="FW41" s="117">
        <v>580697</v>
      </c>
      <c r="FX41" s="115">
        <v>748600</v>
      </c>
      <c r="FY41" s="114">
        <v>0</v>
      </c>
      <c r="FZ41" s="117">
        <v>1387620</v>
      </c>
      <c r="GA41" s="117">
        <v>1906754</v>
      </c>
      <c r="GB41" s="117">
        <v>1571317</v>
      </c>
      <c r="GC41" s="117">
        <v>1597861</v>
      </c>
      <c r="GD41" s="117">
        <v>837085</v>
      </c>
      <c r="GE41" s="116">
        <v>7300637</v>
      </c>
      <c r="GF41" s="351">
        <v>8049237</v>
      </c>
      <c r="GG41" s="118">
        <v>56145</v>
      </c>
      <c r="GH41" s="117">
        <v>126360</v>
      </c>
      <c r="GI41" s="115">
        <v>182505</v>
      </c>
      <c r="GJ41" s="114">
        <v>0</v>
      </c>
      <c r="GK41" s="117">
        <v>43560</v>
      </c>
      <c r="GL41" s="117">
        <v>20988</v>
      </c>
      <c r="GM41" s="117">
        <v>18612</v>
      </c>
      <c r="GN41" s="117">
        <v>0</v>
      </c>
      <c r="GO41" s="117">
        <v>15444</v>
      </c>
      <c r="GP41" s="116">
        <v>98604</v>
      </c>
      <c r="GQ41" s="119">
        <v>281109</v>
      </c>
      <c r="GR41" s="113">
        <v>94500</v>
      </c>
      <c r="GS41" s="117">
        <v>260730</v>
      </c>
      <c r="GT41" s="116">
        <v>355230</v>
      </c>
      <c r="GU41" s="113">
        <v>0</v>
      </c>
      <c r="GV41" s="117">
        <v>87300</v>
      </c>
      <c r="GW41" s="117">
        <v>168400</v>
      </c>
      <c r="GX41" s="117">
        <v>207000</v>
      </c>
      <c r="GY41" s="117">
        <v>23400</v>
      </c>
      <c r="GZ41" s="117">
        <v>0</v>
      </c>
      <c r="HA41" s="115">
        <v>486100</v>
      </c>
      <c r="HB41" s="119">
        <v>841330</v>
      </c>
      <c r="HC41" s="113">
        <v>65481</v>
      </c>
      <c r="HD41" s="117">
        <v>100736</v>
      </c>
      <c r="HE41" s="115">
        <v>166217</v>
      </c>
      <c r="HF41" s="114">
        <v>0</v>
      </c>
      <c r="HG41" s="117">
        <v>1442846</v>
      </c>
      <c r="HH41" s="117">
        <v>2797510</v>
      </c>
      <c r="HI41" s="117">
        <v>3409397</v>
      </c>
      <c r="HJ41" s="117">
        <v>1244545</v>
      </c>
      <c r="HK41" s="117">
        <v>1305327</v>
      </c>
      <c r="HL41" s="116">
        <v>10199625</v>
      </c>
      <c r="HM41" s="112">
        <v>10365842</v>
      </c>
      <c r="HN41" s="118">
        <v>245664</v>
      </c>
      <c r="HO41" s="117">
        <v>520404</v>
      </c>
      <c r="HP41" s="116">
        <v>766068</v>
      </c>
      <c r="HQ41" s="113">
        <v>0</v>
      </c>
      <c r="HR41" s="117">
        <v>3657590</v>
      </c>
      <c r="HS41" s="117">
        <v>3239015</v>
      </c>
      <c r="HT41" s="117">
        <v>2532351</v>
      </c>
      <c r="HU41" s="117">
        <v>1521234</v>
      </c>
      <c r="HV41" s="117">
        <v>986864</v>
      </c>
      <c r="HW41" s="115">
        <v>11937054</v>
      </c>
      <c r="HX41" s="119">
        <v>12703122</v>
      </c>
      <c r="HY41" s="149">
        <v>46943</v>
      </c>
      <c r="HZ41" s="150">
        <v>84068</v>
      </c>
      <c r="IA41" s="151">
        <v>131011</v>
      </c>
      <c r="IB41" s="164">
        <v>0</v>
      </c>
      <c r="IC41" s="150">
        <v>4365677</v>
      </c>
      <c r="ID41" s="165">
        <v>5980212</v>
      </c>
      <c r="IE41" s="151">
        <v>8801298</v>
      </c>
      <c r="IF41" s="150">
        <v>4984814</v>
      </c>
      <c r="IG41" s="151">
        <v>4126620</v>
      </c>
      <c r="IH41" s="166">
        <v>28258621</v>
      </c>
      <c r="II41" s="157">
        <v>28389632</v>
      </c>
      <c r="IJ41" s="262">
        <v>0</v>
      </c>
      <c r="IK41" s="269">
        <v>0</v>
      </c>
      <c r="IL41" s="270">
        <v>0</v>
      </c>
      <c r="IM41" s="158"/>
      <c r="IN41" s="123">
        <v>0</v>
      </c>
      <c r="IO41" s="123">
        <v>0</v>
      </c>
      <c r="IP41" s="123">
        <v>0</v>
      </c>
      <c r="IQ41" s="123">
        <v>0</v>
      </c>
      <c r="IR41" s="123">
        <v>0</v>
      </c>
      <c r="IS41" s="159">
        <v>0</v>
      </c>
      <c r="IT41" s="354">
        <v>0</v>
      </c>
      <c r="IU41" s="160">
        <v>0</v>
      </c>
      <c r="IV41" s="123">
        <v>0</v>
      </c>
      <c r="IW41" s="124">
        <v>0</v>
      </c>
      <c r="IX41" s="162"/>
      <c r="IY41" s="123">
        <v>0</v>
      </c>
      <c r="IZ41" s="123">
        <v>0</v>
      </c>
      <c r="JA41" s="123">
        <v>0</v>
      </c>
      <c r="JB41" s="123">
        <v>0</v>
      </c>
      <c r="JC41" s="123">
        <v>0</v>
      </c>
      <c r="JD41" s="124">
        <v>0</v>
      </c>
      <c r="JE41" s="125">
        <v>0</v>
      </c>
      <c r="JF41" s="160">
        <v>0</v>
      </c>
      <c r="JG41" s="123">
        <v>0</v>
      </c>
      <c r="JH41" s="159">
        <v>0</v>
      </c>
      <c r="JI41" s="122">
        <v>0</v>
      </c>
      <c r="JJ41" s="123">
        <v>1963671</v>
      </c>
      <c r="JK41" s="123">
        <v>3663871</v>
      </c>
      <c r="JL41" s="123">
        <v>3863479</v>
      </c>
      <c r="JM41" s="123">
        <v>2163425</v>
      </c>
      <c r="JN41" s="123">
        <v>2640474</v>
      </c>
      <c r="JO41" s="124">
        <v>14294920</v>
      </c>
      <c r="JP41" s="354">
        <v>14294920</v>
      </c>
      <c r="JQ41" s="160">
        <v>0</v>
      </c>
      <c r="JR41" s="123">
        <v>0</v>
      </c>
      <c r="JS41" s="159">
        <v>0</v>
      </c>
      <c r="JT41" s="122">
        <v>0</v>
      </c>
      <c r="JU41" s="123">
        <v>0</v>
      </c>
      <c r="JV41" s="123">
        <v>0</v>
      </c>
      <c r="JW41" s="123">
        <v>0</v>
      </c>
      <c r="JX41" s="123">
        <v>0</v>
      </c>
      <c r="JY41" s="123">
        <v>0</v>
      </c>
      <c r="JZ41" s="124">
        <v>0</v>
      </c>
      <c r="KA41" s="354">
        <v>0</v>
      </c>
      <c r="KB41" s="265">
        <v>46943</v>
      </c>
      <c r="KC41" s="259">
        <v>84068</v>
      </c>
      <c r="KD41" s="124">
        <v>131011</v>
      </c>
      <c r="KE41" s="122">
        <v>0</v>
      </c>
      <c r="KF41" s="123">
        <v>1094386</v>
      </c>
      <c r="KG41" s="123">
        <v>950881</v>
      </c>
      <c r="KH41" s="123">
        <v>1409798</v>
      </c>
      <c r="KI41" s="123">
        <v>519795</v>
      </c>
      <c r="KJ41" s="123">
        <v>0</v>
      </c>
      <c r="KK41" s="124">
        <v>3974860</v>
      </c>
      <c r="KL41" s="161">
        <v>4105871</v>
      </c>
      <c r="KM41" s="262">
        <v>0</v>
      </c>
      <c r="KN41" s="269">
        <v>0</v>
      </c>
      <c r="KO41" s="270">
        <v>0</v>
      </c>
      <c r="KP41" s="158"/>
      <c r="KQ41" s="123">
        <v>1307620</v>
      </c>
      <c r="KR41" s="123">
        <v>1365460</v>
      </c>
      <c r="KS41" s="123">
        <v>3528021</v>
      </c>
      <c r="KT41" s="123">
        <v>2301594</v>
      </c>
      <c r="KU41" s="123">
        <v>1486146</v>
      </c>
      <c r="KV41" s="124">
        <v>9988841</v>
      </c>
      <c r="KW41" s="354">
        <v>9988841</v>
      </c>
      <c r="KX41" s="160">
        <v>0</v>
      </c>
      <c r="KY41" s="123">
        <v>0</v>
      </c>
      <c r="KZ41" s="124">
        <v>0</v>
      </c>
      <c r="LA41" s="163"/>
      <c r="LB41" s="123">
        <v>0</v>
      </c>
      <c r="LC41" s="123">
        <v>0</v>
      </c>
      <c r="LD41" s="123">
        <v>0</v>
      </c>
      <c r="LE41" s="123">
        <v>0</v>
      </c>
      <c r="LF41" s="123">
        <v>0</v>
      </c>
      <c r="LG41" s="124">
        <v>0</v>
      </c>
      <c r="LH41" s="125">
        <v>0</v>
      </c>
      <c r="LI41" s="160">
        <v>0</v>
      </c>
      <c r="LJ41" s="123">
        <v>0</v>
      </c>
      <c r="LK41" s="124">
        <v>0</v>
      </c>
      <c r="LL41" s="163"/>
      <c r="LM41" s="123">
        <v>0</v>
      </c>
      <c r="LN41" s="123">
        <v>0</v>
      </c>
      <c r="LO41" s="123">
        <v>0</v>
      </c>
      <c r="LP41" s="123">
        <v>0</v>
      </c>
      <c r="LQ41" s="123">
        <v>0</v>
      </c>
      <c r="LR41" s="124">
        <v>0</v>
      </c>
      <c r="LS41" s="354">
        <v>0</v>
      </c>
      <c r="LT41" s="160">
        <v>0</v>
      </c>
      <c r="LU41" s="123">
        <v>0</v>
      </c>
      <c r="LV41" s="124">
        <v>0</v>
      </c>
      <c r="LW41" s="163"/>
      <c r="LX41" s="123">
        <v>0</v>
      </c>
      <c r="LY41" s="123">
        <v>0</v>
      </c>
      <c r="LZ41" s="123">
        <v>0</v>
      </c>
      <c r="MA41" s="123">
        <v>0</v>
      </c>
      <c r="MB41" s="123">
        <v>0</v>
      </c>
      <c r="MC41" s="124">
        <v>0</v>
      </c>
      <c r="MD41" s="125">
        <v>0</v>
      </c>
      <c r="ME41" s="160">
        <v>0</v>
      </c>
      <c r="MF41" s="123">
        <v>0</v>
      </c>
      <c r="MG41" s="124">
        <v>0</v>
      </c>
      <c r="MH41" s="163"/>
      <c r="MI41" s="123">
        <v>4962937</v>
      </c>
      <c r="MJ41" s="123">
        <v>8655649</v>
      </c>
      <c r="MK41" s="123">
        <v>26660013</v>
      </c>
      <c r="ML41" s="123">
        <v>44606962</v>
      </c>
      <c r="MM41" s="123">
        <v>34172484</v>
      </c>
      <c r="MN41" s="124">
        <v>119058045</v>
      </c>
      <c r="MO41" s="161">
        <v>119058045</v>
      </c>
      <c r="MP41" s="160">
        <v>0</v>
      </c>
      <c r="MQ41" s="123">
        <v>0</v>
      </c>
      <c r="MR41" s="124">
        <v>0</v>
      </c>
      <c r="MS41" s="163">
        <v>0</v>
      </c>
      <c r="MT41" s="123">
        <v>0</v>
      </c>
      <c r="MU41" s="123">
        <v>973424</v>
      </c>
      <c r="MV41" s="123">
        <v>16183817</v>
      </c>
      <c r="MW41" s="123">
        <v>32484103</v>
      </c>
      <c r="MX41" s="123">
        <v>27796472</v>
      </c>
      <c r="MY41" s="124">
        <v>77437816</v>
      </c>
      <c r="MZ41" s="161">
        <v>77437816</v>
      </c>
      <c r="NA41" s="160">
        <v>0</v>
      </c>
      <c r="NB41" s="123">
        <v>0</v>
      </c>
      <c r="NC41" s="124">
        <v>0</v>
      </c>
      <c r="ND41" s="163"/>
      <c r="NE41" s="123">
        <v>4962937</v>
      </c>
      <c r="NF41" s="123">
        <v>7682225</v>
      </c>
      <c r="NG41" s="123">
        <v>10476196</v>
      </c>
      <c r="NH41" s="123">
        <v>10351906</v>
      </c>
      <c r="NI41" s="123">
        <v>5874531</v>
      </c>
      <c r="NJ41" s="124">
        <v>39347795</v>
      </c>
      <c r="NK41" s="354">
        <v>39347795</v>
      </c>
      <c r="NL41" s="160">
        <v>0</v>
      </c>
      <c r="NM41" s="123">
        <v>0</v>
      </c>
      <c r="NN41" s="124">
        <v>0</v>
      </c>
      <c r="NO41" s="163"/>
      <c r="NP41" s="123">
        <v>0</v>
      </c>
      <c r="NQ41" s="123">
        <v>0</v>
      </c>
      <c r="NR41" s="123">
        <v>0</v>
      </c>
      <c r="NS41" s="123">
        <v>326232</v>
      </c>
      <c r="NT41" s="123">
        <v>106438</v>
      </c>
      <c r="NU41" s="124">
        <v>432670</v>
      </c>
      <c r="NV41" s="125">
        <v>432670</v>
      </c>
      <c r="NW41" s="160">
        <v>0</v>
      </c>
      <c r="NX41" s="123">
        <v>0</v>
      </c>
      <c r="NY41" s="124">
        <v>0</v>
      </c>
      <c r="NZ41" s="163"/>
      <c r="OA41" s="123">
        <v>0</v>
      </c>
      <c r="OB41" s="123">
        <v>0</v>
      </c>
      <c r="OC41" s="123">
        <v>0</v>
      </c>
      <c r="OD41" s="123">
        <v>1444721</v>
      </c>
      <c r="OE41" s="123">
        <v>395043</v>
      </c>
      <c r="OF41" s="124">
        <v>1839764</v>
      </c>
      <c r="OG41" s="125">
        <v>1839764</v>
      </c>
      <c r="OH41" s="160">
        <v>1238116</v>
      </c>
      <c r="OI41" s="123">
        <v>2879290</v>
      </c>
      <c r="OJ41" s="159">
        <v>4117406</v>
      </c>
      <c r="OK41" s="122">
        <v>0</v>
      </c>
      <c r="OL41" s="123">
        <v>30525314</v>
      </c>
      <c r="OM41" s="123">
        <v>42513161</v>
      </c>
      <c r="ON41" s="123">
        <v>61959498</v>
      </c>
      <c r="OO41" s="123">
        <v>68776119</v>
      </c>
      <c r="OP41" s="123">
        <v>51803148</v>
      </c>
      <c r="OQ41" s="124">
        <v>255577240</v>
      </c>
      <c r="OR41" s="161">
        <v>259694646</v>
      </c>
    </row>
    <row r="42" spans="1:408" ht="18.75" customHeight="1" thickBot="1" x14ac:dyDescent="0.25">
      <c r="A42" s="64" t="s">
        <v>37</v>
      </c>
      <c r="B42" s="120">
        <v>125991</v>
      </c>
      <c r="C42" s="206">
        <v>132191</v>
      </c>
      <c r="D42" s="207">
        <v>258182</v>
      </c>
      <c r="E42" s="208">
        <v>0</v>
      </c>
      <c r="F42" s="206">
        <v>1710772</v>
      </c>
      <c r="G42" s="206">
        <v>1966468</v>
      </c>
      <c r="H42" s="206">
        <v>1958210</v>
      </c>
      <c r="I42" s="206">
        <v>1422219</v>
      </c>
      <c r="J42" s="206">
        <v>1114567</v>
      </c>
      <c r="K42" s="208">
        <v>8172236</v>
      </c>
      <c r="L42" s="209">
        <v>8430418</v>
      </c>
      <c r="M42" s="120">
        <v>0</v>
      </c>
      <c r="N42" s="206">
        <v>49841</v>
      </c>
      <c r="O42" s="207">
        <v>49841</v>
      </c>
      <c r="P42" s="120">
        <v>0</v>
      </c>
      <c r="Q42" s="206">
        <v>218280</v>
      </c>
      <c r="R42" s="206">
        <v>565409</v>
      </c>
      <c r="S42" s="206">
        <v>487084</v>
      </c>
      <c r="T42" s="206">
        <v>252578</v>
      </c>
      <c r="U42" s="206">
        <v>566156</v>
      </c>
      <c r="V42" s="207">
        <v>2089507</v>
      </c>
      <c r="W42" s="209">
        <v>2139348</v>
      </c>
      <c r="X42" s="120">
        <v>0</v>
      </c>
      <c r="Y42" s="206">
        <v>0</v>
      </c>
      <c r="Z42" s="207">
        <v>0</v>
      </c>
      <c r="AA42" s="120">
        <v>0</v>
      </c>
      <c r="AB42" s="206">
        <v>31421</v>
      </c>
      <c r="AC42" s="206">
        <v>238759</v>
      </c>
      <c r="AD42" s="206">
        <v>234439</v>
      </c>
      <c r="AE42" s="206">
        <v>28467</v>
      </c>
      <c r="AF42" s="206">
        <v>388702</v>
      </c>
      <c r="AG42" s="207">
        <v>921788</v>
      </c>
      <c r="AH42" s="209">
        <v>921788</v>
      </c>
      <c r="AI42" s="120">
        <v>0</v>
      </c>
      <c r="AJ42" s="206">
        <v>0</v>
      </c>
      <c r="AK42" s="207">
        <v>0</v>
      </c>
      <c r="AL42" s="120">
        <v>0</v>
      </c>
      <c r="AM42" s="206">
        <v>0</v>
      </c>
      <c r="AN42" s="206">
        <v>0</v>
      </c>
      <c r="AO42" s="206">
        <v>0</v>
      </c>
      <c r="AP42" s="206">
        <v>26379</v>
      </c>
      <c r="AQ42" s="206">
        <v>0</v>
      </c>
      <c r="AR42" s="207">
        <v>26379</v>
      </c>
      <c r="AS42" s="209">
        <v>26379</v>
      </c>
      <c r="AT42" s="120">
        <v>0</v>
      </c>
      <c r="AU42" s="206">
        <v>49841</v>
      </c>
      <c r="AV42" s="207">
        <v>49841</v>
      </c>
      <c r="AW42" s="120">
        <v>0</v>
      </c>
      <c r="AX42" s="206">
        <v>86198</v>
      </c>
      <c r="AY42" s="206">
        <v>267493</v>
      </c>
      <c r="AZ42" s="206">
        <v>94366</v>
      </c>
      <c r="BA42" s="206">
        <v>156444</v>
      </c>
      <c r="BB42" s="206">
        <v>128916</v>
      </c>
      <c r="BC42" s="207">
        <v>733417</v>
      </c>
      <c r="BD42" s="209">
        <v>783258</v>
      </c>
      <c r="BE42" s="120">
        <v>0</v>
      </c>
      <c r="BF42" s="206">
        <v>0</v>
      </c>
      <c r="BG42" s="211">
        <v>0</v>
      </c>
      <c r="BH42" s="210">
        <v>0</v>
      </c>
      <c r="BI42" s="206">
        <v>68369</v>
      </c>
      <c r="BJ42" s="206">
        <v>22536</v>
      </c>
      <c r="BK42" s="206">
        <v>90086</v>
      </c>
      <c r="BL42" s="206">
        <v>22871</v>
      </c>
      <c r="BM42" s="206">
        <v>0</v>
      </c>
      <c r="BN42" s="207">
        <v>203862</v>
      </c>
      <c r="BO42" s="209">
        <v>203862</v>
      </c>
      <c r="BP42" s="120">
        <v>0</v>
      </c>
      <c r="BQ42" s="206">
        <v>0</v>
      </c>
      <c r="BR42" s="207">
        <v>0</v>
      </c>
      <c r="BS42" s="120">
        <v>0</v>
      </c>
      <c r="BT42" s="206">
        <v>32292</v>
      </c>
      <c r="BU42" s="206">
        <v>36621</v>
      </c>
      <c r="BV42" s="206">
        <v>68193</v>
      </c>
      <c r="BW42" s="206">
        <v>18417</v>
      </c>
      <c r="BX42" s="206">
        <v>48538</v>
      </c>
      <c r="BY42" s="207">
        <v>204061</v>
      </c>
      <c r="BZ42" s="209">
        <v>204061</v>
      </c>
      <c r="CA42" s="120">
        <v>44476</v>
      </c>
      <c r="CB42" s="206">
        <v>0</v>
      </c>
      <c r="CC42" s="207">
        <v>44476</v>
      </c>
      <c r="CD42" s="120">
        <v>0</v>
      </c>
      <c r="CE42" s="206">
        <v>808746</v>
      </c>
      <c r="CF42" s="206">
        <v>560596</v>
      </c>
      <c r="CG42" s="206">
        <v>654158</v>
      </c>
      <c r="CH42" s="206">
        <v>562435</v>
      </c>
      <c r="CI42" s="206">
        <v>110927</v>
      </c>
      <c r="CJ42" s="207">
        <v>2696862</v>
      </c>
      <c r="CK42" s="209">
        <v>2741338</v>
      </c>
      <c r="CL42" s="120">
        <v>0</v>
      </c>
      <c r="CM42" s="206">
        <v>0</v>
      </c>
      <c r="CN42" s="207">
        <v>0</v>
      </c>
      <c r="CO42" s="210">
        <v>0</v>
      </c>
      <c r="CP42" s="206">
        <v>359670</v>
      </c>
      <c r="CQ42" s="206">
        <v>301035</v>
      </c>
      <c r="CR42" s="206">
        <v>389319</v>
      </c>
      <c r="CS42" s="206">
        <v>193683</v>
      </c>
      <c r="CT42" s="206">
        <v>110927</v>
      </c>
      <c r="CU42" s="207">
        <v>1354634</v>
      </c>
      <c r="CV42" s="209">
        <v>1354634</v>
      </c>
      <c r="CW42" s="120">
        <v>44476</v>
      </c>
      <c r="CX42" s="206">
        <v>0</v>
      </c>
      <c r="CY42" s="207">
        <v>44476</v>
      </c>
      <c r="CZ42" s="120">
        <v>0</v>
      </c>
      <c r="DA42" s="206">
        <v>449076</v>
      </c>
      <c r="DB42" s="206">
        <v>259561</v>
      </c>
      <c r="DC42" s="206">
        <v>264839</v>
      </c>
      <c r="DD42" s="206">
        <v>368752</v>
      </c>
      <c r="DE42" s="206">
        <v>0</v>
      </c>
      <c r="DF42" s="207">
        <v>1342228</v>
      </c>
      <c r="DG42" s="209">
        <v>1386704</v>
      </c>
      <c r="DH42" s="120">
        <v>0</v>
      </c>
      <c r="DI42" s="206">
        <v>0</v>
      </c>
      <c r="DJ42" s="211">
        <v>0</v>
      </c>
      <c r="DK42" s="210">
        <v>0</v>
      </c>
      <c r="DL42" s="206">
        <v>20015</v>
      </c>
      <c r="DM42" s="206">
        <v>27236</v>
      </c>
      <c r="DN42" s="206">
        <v>273520</v>
      </c>
      <c r="DO42" s="206">
        <v>178368</v>
      </c>
      <c r="DP42" s="206">
        <v>86834</v>
      </c>
      <c r="DQ42" s="207">
        <v>585973</v>
      </c>
      <c r="DR42" s="209">
        <v>585973</v>
      </c>
      <c r="DS42" s="120">
        <v>0</v>
      </c>
      <c r="DT42" s="206">
        <v>0</v>
      </c>
      <c r="DU42" s="207">
        <v>0</v>
      </c>
      <c r="DV42" s="120">
        <v>0</v>
      </c>
      <c r="DW42" s="206">
        <v>0</v>
      </c>
      <c r="DX42" s="206">
        <v>27236</v>
      </c>
      <c r="DY42" s="206">
        <v>218796</v>
      </c>
      <c r="DZ42" s="206">
        <v>0</v>
      </c>
      <c r="EA42" s="206">
        <v>86834</v>
      </c>
      <c r="EB42" s="207">
        <v>332866</v>
      </c>
      <c r="EC42" s="209">
        <v>332866</v>
      </c>
      <c r="ED42" s="120">
        <v>0</v>
      </c>
      <c r="EE42" s="211">
        <v>0</v>
      </c>
      <c r="EF42" s="207">
        <v>0</v>
      </c>
      <c r="EG42" s="120">
        <v>0</v>
      </c>
      <c r="EH42" s="206">
        <v>20015</v>
      </c>
      <c r="EI42" s="206">
        <v>0</v>
      </c>
      <c r="EJ42" s="206">
        <v>54724</v>
      </c>
      <c r="EK42" s="206">
        <v>178368</v>
      </c>
      <c r="EL42" s="206">
        <v>0</v>
      </c>
      <c r="EM42" s="211">
        <v>253107</v>
      </c>
      <c r="EN42" s="209">
        <v>253107</v>
      </c>
      <c r="EO42" s="120">
        <v>0</v>
      </c>
      <c r="EP42" s="206">
        <v>0</v>
      </c>
      <c r="EQ42" s="211">
        <v>0</v>
      </c>
      <c r="ER42" s="210">
        <v>0</v>
      </c>
      <c r="ES42" s="206">
        <v>0</v>
      </c>
      <c r="ET42" s="206">
        <v>0</v>
      </c>
      <c r="EU42" s="206">
        <v>0</v>
      </c>
      <c r="EV42" s="206">
        <v>0</v>
      </c>
      <c r="EW42" s="206">
        <v>0</v>
      </c>
      <c r="EX42" s="207">
        <v>0</v>
      </c>
      <c r="EY42" s="209">
        <v>0</v>
      </c>
      <c r="EZ42" s="120">
        <v>0</v>
      </c>
      <c r="FA42" s="206">
        <v>0</v>
      </c>
      <c r="FB42" s="211">
        <v>0</v>
      </c>
      <c r="FC42" s="388"/>
      <c r="FD42" s="206">
        <v>0</v>
      </c>
      <c r="FE42" s="206">
        <v>0</v>
      </c>
      <c r="FF42" s="206">
        <v>0</v>
      </c>
      <c r="FG42" s="206">
        <v>0</v>
      </c>
      <c r="FH42" s="206">
        <v>0</v>
      </c>
      <c r="FI42" s="207">
        <v>0</v>
      </c>
      <c r="FJ42" s="209">
        <v>0</v>
      </c>
      <c r="FK42" s="120">
        <v>43322</v>
      </c>
      <c r="FL42" s="206">
        <v>45846</v>
      </c>
      <c r="FM42" s="207">
        <v>89168</v>
      </c>
      <c r="FN42" s="120">
        <v>0</v>
      </c>
      <c r="FO42" s="206">
        <v>221318</v>
      </c>
      <c r="FP42" s="206">
        <v>405096</v>
      </c>
      <c r="FQ42" s="206">
        <v>244800</v>
      </c>
      <c r="FR42" s="206">
        <v>136766</v>
      </c>
      <c r="FS42" s="206">
        <v>115439</v>
      </c>
      <c r="FT42" s="207">
        <v>1123419</v>
      </c>
      <c r="FU42" s="209">
        <v>1212587</v>
      </c>
      <c r="FV42" s="212">
        <v>43322</v>
      </c>
      <c r="FW42" s="206">
        <v>45846</v>
      </c>
      <c r="FX42" s="211">
        <v>89168</v>
      </c>
      <c r="FY42" s="210">
        <v>0</v>
      </c>
      <c r="FZ42" s="206">
        <v>221318</v>
      </c>
      <c r="GA42" s="206">
        <v>405096</v>
      </c>
      <c r="GB42" s="206">
        <v>231480</v>
      </c>
      <c r="GC42" s="206">
        <v>136766</v>
      </c>
      <c r="GD42" s="206">
        <v>115439</v>
      </c>
      <c r="GE42" s="207">
        <v>1110099</v>
      </c>
      <c r="GF42" s="352">
        <v>1199267</v>
      </c>
      <c r="GG42" s="212">
        <v>0</v>
      </c>
      <c r="GH42" s="206">
        <v>0</v>
      </c>
      <c r="GI42" s="211">
        <v>0</v>
      </c>
      <c r="GJ42" s="210">
        <v>0</v>
      </c>
      <c r="GK42" s="206">
        <v>0</v>
      </c>
      <c r="GL42" s="206">
        <v>0</v>
      </c>
      <c r="GM42" s="206">
        <v>0</v>
      </c>
      <c r="GN42" s="206">
        <v>0</v>
      </c>
      <c r="GO42" s="206">
        <v>0</v>
      </c>
      <c r="GP42" s="207">
        <v>0</v>
      </c>
      <c r="GQ42" s="209">
        <v>0</v>
      </c>
      <c r="GR42" s="120">
        <v>0</v>
      </c>
      <c r="GS42" s="206">
        <v>0</v>
      </c>
      <c r="GT42" s="207">
        <v>0</v>
      </c>
      <c r="GU42" s="120">
        <v>0</v>
      </c>
      <c r="GV42" s="206">
        <v>0</v>
      </c>
      <c r="GW42" s="206">
        <v>0</v>
      </c>
      <c r="GX42" s="206">
        <v>13320</v>
      </c>
      <c r="GY42" s="206">
        <v>0</v>
      </c>
      <c r="GZ42" s="206">
        <v>0</v>
      </c>
      <c r="HA42" s="211">
        <v>13320</v>
      </c>
      <c r="HB42" s="209">
        <v>13320</v>
      </c>
      <c r="HC42" s="120">
        <v>0</v>
      </c>
      <c r="HD42" s="206">
        <v>0</v>
      </c>
      <c r="HE42" s="211">
        <v>0</v>
      </c>
      <c r="HF42" s="210">
        <v>0</v>
      </c>
      <c r="HG42" s="206">
        <v>0</v>
      </c>
      <c r="HH42" s="206">
        <v>0</v>
      </c>
      <c r="HI42" s="206">
        <v>0</v>
      </c>
      <c r="HJ42" s="206">
        <v>185008</v>
      </c>
      <c r="HK42" s="206">
        <v>154044</v>
      </c>
      <c r="HL42" s="207">
        <v>339052</v>
      </c>
      <c r="HM42" s="208">
        <v>339052</v>
      </c>
      <c r="HN42" s="212">
        <v>38193</v>
      </c>
      <c r="HO42" s="206">
        <v>36504</v>
      </c>
      <c r="HP42" s="207">
        <v>74697</v>
      </c>
      <c r="HQ42" s="120">
        <v>0</v>
      </c>
      <c r="HR42" s="206">
        <v>442413</v>
      </c>
      <c r="HS42" s="206">
        <v>408131</v>
      </c>
      <c r="HT42" s="206">
        <v>298648</v>
      </c>
      <c r="HU42" s="206">
        <v>107064</v>
      </c>
      <c r="HV42" s="206">
        <v>81167</v>
      </c>
      <c r="HW42" s="211">
        <v>1337423</v>
      </c>
      <c r="HX42" s="209">
        <v>1412120</v>
      </c>
      <c r="HY42" s="169">
        <v>0</v>
      </c>
      <c r="HZ42" s="170">
        <v>0</v>
      </c>
      <c r="IA42" s="171">
        <v>0</v>
      </c>
      <c r="IB42" s="172">
        <v>0</v>
      </c>
      <c r="IC42" s="173">
        <v>1051191</v>
      </c>
      <c r="ID42" s="174">
        <v>1238560</v>
      </c>
      <c r="IE42" s="175">
        <v>1728612</v>
      </c>
      <c r="IF42" s="173">
        <v>256466</v>
      </c>
      <c r="IG42" s="175">
        <v>619905</v>
      </c>
      <c r="IH42" s="176">
        <v>4894734</v>
      </c>
      <c r="II42" s="177">
        <v>4894734</v>
      </c>
      <c r="IJ42" s="263">
        <v>0</v>
      </c>
      <c r="IK42" s="271">
        <v>0</v>
      </c>
      <c r="IL42" s="272">
        <v>0</v>
      </c>
      <c r="IM42" s="178"/>
      <c r="IN42" s="179">
        <v>0</v>
      </c>
      <c r="IO42" s="179">
        <v>0</v>
      </c>
      <c r="IP42" s="179">
        <v>0</v>
      </c>
      <c r="IQ42" s="179">
        <v>0</v>
      </c>
      <c r="IR42" s="179">
        <v>264545</v>
      </c>
      <c r="IS42" s="180">
        <v>264545</v>
      </c>
      <c r="IT42" s="355">
        <v>264545</v>
      </c>
      <c r="IU42" s="181">
        <v>0</v>
      </c>
      <c r="IV42" s="179">
        <v>0</v>
      </c>
      <c r="IW42" s="183">
        <v>0</v>
      </c>
      <c r="IX42" s="186"/>
      <c r="IY42" s="179">
        <v>0</v>
      </c>
      <c r="IZ42" s="179">
        <v>0</v>
      </c>
      <c r="JA42" s="179">
        <v>0</v>
      </c>
      <c r="JB42" s="179">
        <v>0</v>
      </c>
      <c r="JC42" s="179">
        <v>0</v>
      </c>
      <c r="JD42" s="183">
        <v>0</v>
      </c>
      <c r="JE42" s="184">
        <v>0</v>
      </c>
      <c r="JF42" s="181">
        <v>0</v>
      </c>
      <c r="JG42" s="179">
        <v>0</v>
      </c>
      <c r="JH42" s="180">
        <v>0</v>
      </c>
      <c r="JI42" s="182">
        <v>0</v>
      </c>
      <c r="JJ42" s="179">
        <v>756607</v>
      </c>
      <c r="JK42" s="179">
        <v>962519</v>
      </c>
      <c r="JL42" s="179">
        <v>577812</v>
      </c>
      <c r="JM42" s="179">
        <v>0</v>
      </c>
      <c r="JN42" s="179">
        <v>355360</v>
      </c>
      <c r="JO42" s="183">
        <v>2652298</v>
      </c>
      <c r="JP42" s="355">
        <v>2652298</v>
      </c>
      <c r="JQ42" s="181">
        <v>0</v>
      </c>
      <c r="JR42" s="179">
        <v>0</v>
      </c>
      <c r="JS42" s="180">
        <v>0</v>
      </c>
      <c r="JT42" s="182">
        <v>0</v>
      </c>
      <c r="JU42" s="179">
        <v>36825</v>
      </c>
      <c r="JV42" s="179">
        <v>0</v>
      </c>
      <c r="JW42" s="179">
        <v>337834</v>
      </c>
      <c r="JX42" s="179">
        <v>256466</v>
      </c>
      <c r="JY42" s="179">
        <v>0</v>
      </c>
      <c r="JZ42" s="183">
        <v>631125</v>
      </c>
      <c r="KA42" s="355">
        <v>631125</v>
      </c>
      <c r="KB42" s="266">
        <v>0</v>
      </c>
      <c r="KC42" s="260">
        <v>0</v>
      </c>
      <c r="KD42" s="183">
        <v>0</v>
      </c>
      <c r="KE42" s="182">
        <v>0</v>
      </c>
      <c r="KF42" s="179">
        <v>0</v>
      </c>
      <c r="KG42" s="179">
        <v>0</v>
      </c>
      <c r="KH42" s="179">
        <v>0</v>
      </c>
      <c r="KI42" s="179">
        <v>0</v>
      </c>
      <c r="KJ42" s="179">
        <v>0</v>
      </c>
      <c r="KK42" s="183">
        <v>0</v>
      </c>
      <c r="KL42" s="185">
        <v>0</v>
      </c>
      <c r="KM42" s="263">
        <v>0</v>
      </c>
      <c r="KN42" s="271">
        <v>0</v>
      </c>
      <c r="KO42" s="272">
        <v>0</v>
      </c>
      <c r="KP42" s="178"/>
      <c r="KQ42" s="179">
        <v>257759</v>
      </c>
      <c r="KR42" s="179">
        <v>276041</v>
      </c>
      <c r="KS42" s="179">
        <v>812966</v>
      </c>
      <c r="KT42" s="179">
        <v>0</v>
      </c>
      <c r="KU42" s="179">
        <v>0</v>
      </c>
      <c r="KV42" s="183">
        <v>1346766</v>
      </c>
      <c r="KW42" s="355">
        <v>1346766</v>
      </c>
      <c r="KX42" s="181">
        <v>0</v>
      </c>
      <c r="KY42" s="179">
        <v>0</v>
      </c>
      <c r="KZ42" s="183">
        <v>0</v>
      </c>
      <c r="LA42" s="187"/>
      <c r="LB42" s="179">
        <v>0</v>
      </c>
      <c r="LC42" s="179">
        <v>0</v>
      </c>
      <c r="LD42" s="179">
        <v>0</v>
      </c>
      <c r="LE42" s="179">
        <v>0</v>
      </c>
      <c r="LF42" s="179">
        <v>0</v>
      </c>
      <c r="LG42" s="183">
        <v>0</v>
      </c>
      <c r="LH42" s="184">
        <v>0</v>
      </c>
      <c r="LI42" s="181">
        <v>0</v>
      </c>
      <c r="LJ42" s="179">
        <v>0</v>
      </c>
      <c r="LK42" s="183">
        <v>0</v>
      </c>
      <c r="LL42" s="187"/>
      <c r="LM42" s="179">
        <v>0</v>
      </c>
      <c r="LN42" s="179">
        <v>0</v>
      </c>
      <c r="LO42" s="179">
        <v>0</v>
      </c>
      <c r="LP42" s="179">
        <v>0</v>
      </c>
      <c r="LQ42" s="179">
        <v>0</v>
      </c>
      <c r="LR42" s="183">
        <v>0</v>
      </c>
      <c r="LS42" s="355">
        <v>0</v>
      </c>
      <c r="LT42" s="181">
        <v>0</v>
      </c>
      <c r="LU42" s="179">
        <v>0</v>
      </c>
      <c r="LV42" s="183">
        <v>0</v>
      </c>
      <c r="LW42" s="187"/>
      <c r="LX42" s="179">
        <v>0</v>
      </c>
      <c r="LY42" s="179">
        <v>0</v>
      </c>
      <c r="LZ42" s="179">
        <v>0</v>
      </c>
      <c r="MA42" s="179">
        <v>0</v>
      </c>
      <c r="MB42" s="179">
        <v>0</v>
      </c>
      <c r="MC42" s="183">
        <v>0</v>
      </c>
      <c r="MD42" s="184">
        <v>0</v>
      </c>
      <c r="ME42" s="181">
        <v>0</v>
      </c>
      <c r="MF42" s="179">
        <v>0</v>
      </c>
      <c r="MG42" s="183">
        <v>0</v>
      </c>
      <c r="MH42" s="187"/>
      <c r="MI42" s="179">
        <v>513828</v>
      </c>
      <c r="MJ42" s="179">
        <v>98084</v>
      </c>
      <c r="MK42" s="179">
        <v>4092667</v>
      </c>
      <c r="ML42" s="179">
        <v>3190162</v>
      </c>
      <c r="MM42" s="179">
        <v>2138903</v>
      </c>
      <c r="MN42" s="183">
        <v>10033644</v>
      </c>
      <c r="MO42" s="185">
        <v>10033644</v>
      </c>
      <c r="MP42" s="181">
        <v>0</v>
      </c>
      <c r="MQ42" s="179">
        <v>0</v>
      </c>
      <c r="MR42" s="183">
        <v>0</v>
      </c>
      <c r="MS42" s="187">
        <v>0</v>
      </c>
      <c r="MT42" s="179">
        <v>0</v>
      </c>
      <c r="MU42" s="179">
        <v>0</v>
      </c>
      <c r="MV42" s="179">
        <v>2575933</v>
      </c>
      <c r="MW42" s="179">
        <v>2493254</v>
      </c>
      <c r="MX42" s="179">
        <v>1796592</v>
      </c>
      <c r="MY42" s="183">
        <v>6865779</v>
      </c>
      <c r="MZ42" s="185">
        <v>6865779</v>
      </c>
      <c r="NA42" s="181">
        <v>0</v>
      </c>
      <c r="NB42" s="179">
        <v>0</v>
      </c>
      <c r="NC42" s="183">
        <v>0</v>
      </c>
      <c r="ND42" s="187"/>
      <c r="NE42" s="179">
        <v>513828</v>
      </c>
      <c r="NF42" s="179">
        <v>98084</v>
      </c>
      <c r="NG42" s="179">
        <v>1516734</v>
      </c>
      <c r="NH42" s="179">
        <v>320598</v>
      </c>
      <c r="NI42" s="179">
        <v>0</v>
      </c>
      <c r="NJ42" s="183">
        <v>2449244</v>
      </c>
      <c r="NK42" s="355">
        <v>2449244</v>
      </c>
      <c r="NL42" s="181">
        <v>0</v>
      </c>
      <c r="NM42" s="179">
        <v>0</v>
      </c>
      <c r="NN42" s="183">
        <v>0</v>
      </c>
      <c r="NO42" s="187"/>
      <c r="NP42" s="179">
        <v>0</v>
      </c>
      <c r="NQ42" s="179">
        <v>0</v>
      </c>
      <c r="NR42" s="179">
        <v>0</v>
      </c>
      <c r="NS42" s="179">
        <v>376310</v>
      </c>
      <c r="NT42" s="179">
        <v>0</v>
      </c>
      <c r="NU42" s="183">
        <v>376310</v>
      </c>
      <c r="NV42" s="184">
        <v>376310</v>
      </c>
      <c r="NW42" s="181">
        <v>0</v>
      </c>
      <c r="NX42" s="179">
        <v>0</v>
      </c>
      <c r="NY42" s="183">
        <v>0</v>
      </c>
      <c r="NZ42" s="187"/>
      <c r="OA42" s="179">
        <v>0</v>
      </c>
      <c r="OB42" s="179">
        <v>0</v>
      </c>
      <c r="OC42" s="179">
        <v>0</v>
      </c>
      <c r="OD42" s="179">
        <v>0</v>
      </c>
      <c r="OE42" s="179">
        <v>342311</v>
      </c>
      <c r="OF42" s="183">
        <v>342311</v>
      </c>
      <c r="OG42" s="184">
        <v>342311</v>
      </c>
      <c r="OH42" s="181">
        <v>125991</v>
      </c>
      <c r="OI42" s="179">
        <v>132191</v>
      </c>
      <c r="OJ42" s="180">
        <v>258182</v>
      </c>
      <c r="OK42" s="182">
        <v>0</v>
      </c>
      <c r="OL42" s="179">
        <v>3275791</v>
      </c>
      <c r="OM42" s="179">
        <v>3303112</v>
      </c>
      <c r="ON42" s="179">
        <v>7779489</v>
      </c>
      <c r="OO42" s="179">
        <v>4868847</v>
      </c>
      <c r="OP42" s="179">
        <v>3873375</v>
      </c>
      <c r="OQ42" s="183">
        <v>23100614</v>
      </c>
      <c r="OR42" s="185">
        <v>23358796</v>
      </c>
    </row>
    <row r="43" spans="1:408" x14ac:dyDescent="0.2">
      <c r="A43" s="1" t="s">
        <v>84</v>
      </c>
    </row>
  </sheetData>
  <mergeCells count="159">
    <mergeCell ref="FJ7:FJ8"/>
    <mergeCell ref="DH5:FJ5"/>
    <mergeCell ref="H1:I1"/>
    <mergeCell ref="GR6:HB6"/>
    <mergeCell ref="GG6:GQ6"/>
    <mergeCell ref="M6:W6"/>
    <mergeCell ref="CA6:CK6"/>
    <mergeCell ref="DH6:DR6"/>
    <mergeCell ref="DS6:EC6"/>
    <mergeCell ref="ED6:EN6"/>
    <mergeCell ref="EO6:EY6"/>
    <mergeCell ref="FK6:FU6"/>
    <mergeCell ref="FV6:GF6"/>
    <mergeCell ref="EZ6:FJ6"/>
    <mergeCell ref="CW6:DG6"/>
    <mergeCell ref="BP6:BZ6"/>
    <mergeCell ref="CL6:CV6"/>
    <mergeCell ref="AI6:AS6"/>
    <mergeCell ref="AT6:BD6"/>
    <mergeCell ref="BE6:BO6"/>
    <mergeCell ref="A4:A8"/>
    <mergeCell ref="B4:L6"/>
    <mergeCell ref="M4:HX4"/>
    <mergeCell ref="M5:BZ5"/>
    <mergeCell ref="CA5:DG5"/>
    <mergeCell ref="FK5:HB5"/>
    <mergeCell ref="HC5:HM6"/>
    <mergeCell ref="HN5:HX6"/>
    <mergeCell ref="X6:AH6"/>
    <mergeCell ref="P7:V7"/>
    <mergeCell ref="W7:W8"/>
    <mergeCell ref="X7:Z7"/>
    <mergeCell ref="AA7:AG7"/>
    <mergeCell ref="B7:D7"/>
    <mergeCell ref="E7:K7"/>
    <mergeCell ref="L7:L8"/>
    <mergeCell ref="M7:O7"/>
    <mergeCell ref="AT7:AV7"/>
    <mergeCell ref="AW7:BC7"/>
    <mergeCell ref="BD7:BD8"/>
    <mergeCell ref="AH7:AH8"/>
    <mergeCell ref="AI7:AK7"/>
    <mergeCell ref="AL7:AR7"/>
    <mergeCell ref="AS7:AS8"/>
    <mergeCell ref="HX7:HX8"/>
    <mergeCell ref="HF7:HL7"/>
    <mergeCell ref="HM7:HM8"/>
    <mergeCell ref="HN7:HP7"/>
    <mergeCell ref="HQ7:HW7"/>
    <mergeCell ref="FK7:FM7"/>
    <mergeCell ref="FN7:FT7"/>
    <mergeCell ref="ED7:EF7"/>
    <mergeCell ref="EG7:EM7"/>
    <mergeCell ref="EN7:EN8"/>
    <mergeCell ref="EO7:EQ7"/>
    <mergeCell ref="GR7:GT7"/>
    <mergeCell ref="GU7:HA7"/>
    <mergeCell ref="HB7:HB8"/>
    <mergeCell ref="HC7:HE7"/>
    <mergeCell ref="FU7:FU8"/>
    <mergeCell ref="FV7:FX7"/>
    <mergeCell ref="FY7:GE7"/>
    <mergeCell ref="GF7:GF8"/>
    <mergeCell ref="GQ7:GQ8"/>
    <mergeCell ref="GJ7:GP7"/>
    <mergeCell ref="GG7:GI7"/>
    <mergeCell ref="EZ7:FB7"/>
    <mergeCell ref="FC7:FI7"/>
    <mergeCell ref="F2:G2"/>
    <mergeCell ref="ER7:EX7"/>
    <mergeCell ref="EY7:EY8"/>
    <mergeCell ref="DR7:DR8"/>
    <mergeCell ref="DS7:DU7"/>
    <mergeCell ref="DV7:EB7"/>
    <mergeCell ref="EC7:EC8"/>
    <mergeCell ref="DK7:DQ7"/>
    <mergeCell ref="CL7:CN7"/>
    <mergeCell ref="CO7:CU7"/>
    <mergeCell ref="CV7:CV8"/>
    <mergeCell ref="CW7:CY7"/>
    <mergeCell ref="CZ7:DF7"/>
    <mergeCell ref="DG7:DG8"/>
    <mergeCell ref="DH7:DJ7"/>
    <mergeCell ref="CK7:CK8"/>
    <mergeCell ref="BH7:BN7"/>
    <mergeCell ref="BO7:BO8"/>
    <mergeCell ref="BP7:BR7"/>
    <mergeCell ref="BS7:BY7"/>
    <mergeCell ref="BE7:BG7"/>
    <mergeCell ref="BZ7:BZ8"/>
    <mergeCell ref="CA7:CC7"/>
    <mergeCell ref="CD7:CJ7"/>
    <mergeCell ref="IC1:ID1"/>
    <mergeCell ref="HY4:MD4"/>
    <mergeCell ref="JI7:JO7"/>
    <mergeCell ref="JP7:JP8"/>
    <mergeCell ref="JQ7:JS7"/>
    <mergeCell ref="JT7:JZ7"/>
    <mergeCell ref="KA7:KA8"/>
    <mergeCell ref="NW5:OG6"/>
    <mergeCell ref="LL7:LR7"/>
    <mergeCell ref="LS7:LS8"/>
    <mergeCell ref="LT7:LV7"/>
    <mergeCell ref="IT7:IT8"/>
    <mergeCell ref="IU7:IW7"/>
    <mergeCell ref="IX7:JD7"/>
    <mergeCell ref="JE7:JE8"/>
    <mergeCell ref="JF7:JH7"/>
    <mergeCell ref="HY7:IA7"/>
    <mergeCell ref="IB7:IH7"/>
    <mergeCell ref="II7:II8"/>
    <mergeCell ref="IJ7:IL7"/>
    <mergeCell ref="IM7:IS7"/>
    <mergeCell ref="KW7:KW8"/>
    <mergeCell ref="KX7:KZ7"/>
    <mergeCell ref="LA7:LG7"/>
    <mergeCell ref="OH4:OR6"/>
    <mergeCell ref="HY5:II6"/>
    <mergeCell ref="IJ5:IT6"/>
    <mergeCell ref="IU5:JE6"/>
    <mergeCell ref="JF5:JP6"/>
    <mergeCell ref="JQ5:KA6"/>
    <mergeCell ref="KB5:KL6"/>
    <mergeCell ref="KM5:KW6"/>
    <mergeCell ref="KX5:LH6"/>
    <mergeCell ref="LI5:LS6"/>
    <mergeCell ref="LT5:MD6"/>
    <mergeCell ref="ME5:MO6"/>
    <mergeCell ref="MP5:MZ6"/>
    <mergeCell ref="NA5:NK6"/>
    <mergeCell ref="NL5:NV6"/>
    <mergeCell ref="ME4:OG4"/>
    <mergeCell ref="LH7:LH8"/>
    <mergeCell ref="LI7:LK7"/>
    <mergeCell ref="KB7:KD7"/>
    <mergeCell ref="KE7:KK7"/>
    <mergeCell ref="KL7:KL8"/>
    <mergeCell ref="KM7:KO7"/>
    <mergeCell ref="KP7:KV7"/>
    <mergeCell ref="MP7:MR7"/>
    <mergeCell ref="MS7:MY7"/>
    <mergeCell ref="MZ7:MZ8"/>
    <mergeCell ref="NA7:NC7"/>
    <mergeCell ref="ND7:NJ7"/>
    <mergeCell ref="LW7:MC7"/>
    <mergeCell ref="MD7:MD8"/>
    <mergeCell ref="ME7:MG7"/>
    <mergeCell ref="MH7:MN7"/>
    <mergeCell ref="MO7:MO8"/>
    <mergeCell ref="NZ7:OF7"/>
    <mergeCell ref="OG7:OG8"/>
    <mergeCell ref="OH7:OJ7"/>
    <mergeCell ref="OK7:OQ7"/>
    <mergeCell ref="OR7:OR8"/>
    <mergeCell ref="NK7:NK8"/>
    <mergeCell ref="NL7:NN7"/>
    <mergeCell ref="NO7:NU7"/>
    <mergeCell ref="NV7:NV8"/>
    <mergeCell ref="NW7:NY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10"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58" customWidth="1"/>
    <col min="82" max="82" width="7.6640625" style="358" customWidth="1"/>
    <col min="83" max="83" width="9.88671875" style="358" customWidth="1"/>
    <col min="84" max="84" width="10" style="358" customWidth="1"/>
    <col min="85" max="85" width="9.77734375" style="358" customWidth="1"/>
    <col min="86" max="86" width="9.21875" style="358" customWidth="1"/>
    <col min="87" max="87" width="8.77734375" style="358" customWidth="1"/>
    <col min="88" max="88" width="9.88671875" style="358" customWidth="1"/>
    <col min="89" max="89" width="9.77734375" style="358"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58" customWidth="1"/>
    <col min="115" max="115" width="7.21875" style="358" customWidth="1"/>
    <col min="116" max="120" width="8.21875" style="358" customWidth="1"/>
    <col min="121" max="121" width="10.109375" style="358" customWidth="1"/>
    <col min="122" max="122" width="9.77734375" style="358"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58" customWidth="1"/>
    <col min="170" max="170" width="6.6640625" style="358" customWidth="1"/>
    <col min="171" max="175" width="8.21875" style="358" customWidth="1"/>
    <col min="176" max="176" width="10.109375" style="358" customWidth="1"/>
    <col min="177" max="177" width="9.88671875" style="358"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408">
        <f>第１表!F2</f>
        <v>4</v>
      </c>
      <c r="E1" s="286">
        <f>第１表!G2</f>
        <v>2</v>
      </c>
      <c r="F1" s="592">
        <f>IF(E1&lt;3,E1-2+12,E1-2)</f>
        <v>12</v>
      </c>
      <c r="G1" s="592"/>
      <c r="IA1" s="408"/>
      <c r="IB1" s="288"/>
      <c r="IC1" s="583"/>
      <c r="ID1" s="583"/>
    </row>
    <row r="2" spans="1:408" ht="21.75" customHeight="1" x14ac:dyDescent="0.2">
      <c r="A2" s="20" t="s">
        <v>147</v>
      </c>
      <c r="D2" s="285"/>
      <c r="E2" s="286"/>
      <c r="F2" s="380"/>
      <c r="G2" s="380"/>
      <c r="IA2" s="287"/>
      <c r="IB2" s="288"/>
      <c r="IC2" s="411"/>
      <c r="ID2" s="411"/>
    </row>
    <row r="3" spans="1:408" ht="24" customHeight="1" thickBot="1" x14ac:dyDescent="0.25">
      <c r="A3" s="20" t="s">
        <v>137</v>
      </c>
    </row>
    <row r="4" spans="1:408" ht="19.5" customHeight="1" thickBot="1" x14ac:dyDescent="0.25">
      <c r="A4" s="619" t="s">
        <v>42</v>
      </c>
      <c r="B4" s="622" t="s">
        <v>63</v>
      </c>
      <c r="C4" s="622"/>
      <c r="D4" s="622"/>
      <c r="E4" s="622"/>
      <c r="F4" s="622"/>
      <c r="G4" s="622"/>
      <c r="H4" s="622"/>
      <c r="I4" s="622"/>
      <c r="J4" s="622"/>
      <c r="K4" s="622"/>
      <c r="L4" s="622"/>
      <c r="M4" s="625"/>
      <c r="N4" s="625"/>
      <c r="O4" s="625"/>
      <c r="P4" s="625"/>
      <c r="Q4" s="625"/>
      <c r="R4" s="625"/>
      <c r="S4" s="625"/>
      <c r="T4" s="625"/>
      <c r="U4" s="625"/>
      <c r="V4" s="625"/>
      <c r="W4" s="625"/>
      <c r="X4" s="625"/>
      <c r="Y4" s="625"/>
      <c r="Z4" s="625"/>
      <c r="AA4" s="625"/>
      <c r="AB4" s="625"/>
      <c r="AC4" s="625"/>
      <c r="AD4" s="625"/>
      <c r="AE4" s="625"/>
      <c r="AF4" s="625"/>
      <c r="AG4" s="625"/>
      <c r="AH4" s="625"/>
      <c r="AI4" s="625"/>
      <c r="AJ4" s="625"/>
      <c r="AK4" s="625"/>
      <c r="AL4" s="625"/>
      <c r="AM4" s="625"/>
      <c r="AN4" s="625"/>
      <c r="AO4" s="625"/>
      <c r="AP4" s="625"/>
      <c r="AQ4" s="625"/>
      <c r="AR4" s="625"/>
      <c r="AS4" s="625"/>
      <c r="AT4" s="625"/>
      <c r="AU4" s="625"/>
      <c r="AV4" s="625"/>
      <c r="AW4" s="625"/>
      <c r="AX4" s="625"/>
      <c r="AY4" s="625"/>
      <c r="AZ4" s="625"/>
      <c r="BA4" s="625"/>
      <c r="BB4" s="625"/>
      <c r="BC4" s="625"/>
      <c r="BD4" s="625"/>
      <c r="BE4" s="625"/>
      <c r="BF4" s="625"/>
      <c r="BG4" s="625"/>
      <c r="BH4" s="625"/>
      <c r="BI4" s="625"/>
      <c r="BJ4" s="625"/>
      <c r="BK4" s="625"/>
      <c r="BL4" s="625"/>
      <c r="BM4" s="625"/>
      <c r="BN4" s="625"/>
      <c r="BO4" s="625"/>
      <c r="BP4" s="625"/>
      <c r="BQ4" s="625"/>
      <c r="BR4" s="625"/>
      <c r="BS4" s="625"/>
      <c r="BT4" s="625"/>
      <c r="BU4" s="625"/>
      <c r="BV4" s="625"/>
      <c r="BW4" s="625"/>
      <c r="BX4" s="625"/>
      <c r="BY4" s="625"/>
      <c r="BZ4" s="625"/>
      <c r="CA4" s="625"/>
      <c r="CB4" s="625"/>
      <c r="CC4" s="625"/>
      <c r="CD4" s="625"/>
      <c r="CE4" s="625"/>
      <c r="CF4" s="625"/>
      <c r="CG4" s="625"/>
      <c r="CH4" s="625"/>
      <c r="CI4" s="625"/>
      <c r="CJ4" s="625"/>
      <c r="CK4" s="625"/>
      <c r="CL4" s="625"/>
      <c r="CM4" s="625"/>
      <c r="CN4" s="625"/>
      <c r="CO4" s="625"/>
      <c r="CP4" s="625"/>
      <c r="CQ4" s="625"/>
      <c r="CR4" s="625"/>
      <c r="CS4" s="625"/>
      <c r="CT4" s="625"/>
      <c r="CU4" s="625"/>
      <c r="CV4" s="625"/>
      <c r="CW4" s="625"/>
      <c r="CX4" s="625"/>
      <c r="CY4" s="625"/>
      <c r="CZ4" s="625"/>
      <c r="DA4" s="625"/>
      <c r="DB4" s="625"/>
      <c r="DC4" s="625"/>
      <c r="DD4" s="625"/>
      <c r="DE4" s="625"/>
      <c r="DF4" s="625"/>
      <c r="DG4" s="625"/>
      <c r="DH4" s="625"/>
      <c r="DI4" s="625"/>
      <c r="DJ4" s="625"/>
      <c r="DK4" s="625"/>
      <c r="DL4" s="625"/>
      <c r="DM4" s="625"/>
      <c r="DN4" s="625"/>
      <c r="DO4" s="625"/>
      <c r="DP4" s="625"/>
      <c r="DQ4" s="625"/>
      <c r="DR4" s="625"/>
      <c r="DS4" s="625"/>
      <c r="DT4" s="625"/>
      <c r="DU4" s="625"/>
      <c r="DV4" s="625"/>
      <c r="DW4" s="625"/>
      <c r="DX4" s="625"/>
      <c r="DY4" s="625"/>
      <c r="DZ4" s="625"/>
      <c r="EA4" s="625"/>
      <c r="EB4" s="625"/>
      <c r="EC4" s="625"/>
      <c r="ED4" s="625"/>
      <c r="EE4" s="625"/>
      <c r="EF4" s="625"/>
      <c r="EG4" s="625"/>
      <c r="EH4" s="625"/>
      <c r="EI4" s="625"/>
      <c r="EJ4" s="625"/>
      <c r="EK4" s="625"/>
      <c r="EL4" s="625"/>
      <c r="EM4" s="625"/>
      <c r="EN4" s="625"/>
      <c r="EO4" s="625"/>
      <c r="EP4" s="625"/>
      <c r="EQ4" s="625"/>
      <c r="ER4" s="625"/>
      <c r="ES4" s="625"/>
      <c r="ET4" s="625"/>
      <c r="EU4" s="625"/>
      <c r="EV4" s="625"/>
      <c r="EW4" s="625"/>
      <c r="EX4" s="625"/>
      <c r="EY4" s="625"/>
      <c r="EZ4" s="625"/>
      <c r="FA4" s="625"/>
      <c r="FB4" s="625"/>
      <c r="FC4" s="625"/>
      <c r="FD4" s="625"/>
      <c r="FE4" s="625"/>
      <c r="FF4" s="625"/>
      <c r="FG4" s="625"/>
      <c r="FH4" s="625"/>
      <c r="FI4" s="625"/>
      <c r="FJ4" s="625"/>
      <c r="FK4" s="625"/>
      <c r="FL4" s="625"/>
      <c r="FM4" s="625"/>
      <c r="FN4" s="625"/>
      <c r="FO4" s="625"/>
      <c r="FP4" s="625"/>
      <c r="FQ4" s="625"/>
      <c r="FR4" s="625"/>
      <c r="FS4" s="625"/>
      <c r="FT4" s="625"/>
      <c r="FU4" s="625"/>
      <c r="FV4" s="625"/>
      <c r="FW4" s="625"/>
      <c r="FX4" s="625"/>
      <c r="FY4" s="625"/>
      <c r="FZ4" s="625"/>
      <c r="GA4" s="625"/>
      <c r="GB4" s="625"/>
      <c r="GC4" s="625"/>
      <c r="GD4" s="625"/>
      <c r="GE4" s="625"/>
      <c r="GF4" s="625"/>
      <c r="GG4" s="625"/>
      <c r="GH4" s="625"/>
      <c r="GI4" s="625"/>
      <c r="GJ4" s="625"/>
      <c r="GK4" s="625"/>
      <c r="GL4" s="625"/>
      <c r="GM4" s="625"/>
      <c r="GN4" s="625"/>
      <c r="GO4" s="625"/>
      <c r="GP4" s="625"/>
      <c r="GQ4" s="625"/>
      <c r="GR4" s="625"/>
      <c r="GS4" s="625"/>
      <c r="GT4" s="625"/>
      <c r="GU4" s="625"/>
      <c r="GV4" s="625"/>
      <c r="GW4" s="625"/>
      <c r="GX4" s="625"/>
      <c r="GY4" s="625"/>
      <c r="GZ4" s="625"/>
      <c r="HA4" s="625"/>
      <c r="HB4" s="625"/>
      <c r="HC4" s="625"/>
      <c r="HD4" s="625"/>
      <c r="HE4" s="625"/>
      <c r="HF4" s="625"/>
      <c r="HG4" s="625"/>
      <c r="HH4" s="625"/>
      <c r="HI4" s="625"/>
      <c r="HJ4" s="625"/>
      <c r="HK4" s="625"/>
      <c r="HL4" s="625"/>
      <c r="HM4" s="625"/>
      <c r="HN4" s="625"/>
      <c r="HO4" s="625"/>
      <c r="HP4" s="625"/>
      <c r="HQ4" s="625"/>
      <c r="HR4" s="625"/>
      <c r="HS4" s="625"/>
      <c r="HT4" s="625"/>
      <c r="HU4" s="625"/>
      <c r="HV4" s="625"/>
      <c r="HW4" s="625"/>
      <c r="HX4" s="626"/>
      <c r="HY4" s="580" t="s">
        <v>85</v>
      </c>
      <c r="HZ4" s="581"/>
      <c r="IA4" s="581"/>
      <c r="IB4" s="581"/>
      <c r="IC4" s="581"/>
      <c r="ID4" s="581"/>
      <c r="IE4" s="581"/>
      <c r="IF4" s="581"/>
      <c r="IG4" s="581"/>
      <c r="IH4" s="581"/>
      <c r="II4" s="581"/>
      <c r="IJ4" s="581"/>
      <c r="IK4" s="581"/>
      <c r="IL4" s="581"/>
      <c r="IM4" s="581"/>
      <c r="IN4" s="581"/>
      <c r="IO4" s="581"/>
      <c r="IP4" s="581"/>
      <c r="IQ4" s="581"/>
      <c r="IR4" s="581"/>
      <c r="IS4" s="581"/>
      <c r="IT4" s="581"/>
      <c r="IU4" s="581"/>
      <c r="IV4" s="581"/>
      <c r="IW4" s="581"/>
      <c r="IX4" s="581"/>
      <c r="IY4" s="581"/>
      <c r="IZ4" s="581"/>
      <c r="JA4" s="581"/>
      <c r="JB4" s="581"/>
      <c r="JC4" s="581"/>
      <c r="JD4" s="581"/>
      <c r="JE4" s="581"/>
      <c r="JF4" s="581"/>
      <c r="JG4" s="581"/>
      <c r="JH4" s="581"/>
      <c r="JI4" s="581"/>
      <c r="JJ4" s="581"/>
      <c r="JK4" s="581"/>
      <c r="JL4" s="581"/>
      <c r="JM4" s="581"/>
      <c r="JN4" s="581"/>
      <c r="JO4" s="581"/>
      <c r="JP4" s="581"/>
      <c r="JQ4" s="581"/>
      <c r="JR4" s="581"/>
      <c r="JS4" s="581"/>
      <c r="JT4" s="581"/>
      <c r="JU4" s="581"/>
      <c r="JV4" s="581"/>
      <c r="JW4" s="581"/>
      <c r="JX4" s="581"/>
      <c r="JY4" s="581"/>
      <c r="JZ4" s="581"/>
      <c r="KA4" s="581"/>
      <c r="KB4" s="581"/>
      <c r="KC4" s="581"/>
      <c r="KD4" s="581"/>
      <c r="KE4" s="581"/>
      <c r="KF4" s="581"/>
      <c r="KG4" s="581"/>
      <c r="KH4" s="581"/>
      <c r="KI4" s="581"/>
      <c r="KJ4" s="581"/>
      <c r="KK4" s="581"/>
      <c r="KL4" s="581"/>
      <c r="KM4" s="581"/>
      <c r="KN4" s="581"/>
      <c r="KO4" s="581"/>
      <c r="KP4" s="581"/>
      <c r="KQ4" s="581"/>
      <c r="KR4" s="581"/>
      <c r="KS4" s="581"/>
      <c r="KT4" s="581"/>
      <c r="KU4" s="581"/>
      <c r="KV4" s="581"/>
      <c r="KW4" s="581"/>
      <c r="KX4" s="581"/>
      <c r="KY4" s="581"/>
      <c r="KZ4" s="581"/>
      <c r="LA4" s="581"/>
      <c r="LB4" s="581"/>
      <c r="LC4" s="581"/>
      <c r="LD4" s="581"/>
      <c r="LE4" s="581"/>
      <c r="LF4" s="581"/>
      <c r="LG4" s="581"/>
      <c r="LH4" s="581"/>
      <c r="LI4" s="581"/>
      <c r="LJ4" s="581"/>
      <c r="LK4" s="581"/>
      <c r="LL4" s="581"/>
      <c r="LM4" s="581"/>
      <c r="LN4" s="581"/>
      <c r="LO4" s="581"/>
      <c r="LP4" s="581"/>
      <c r="LQ4" s="581"/>
      <c r="LR4" s="581"/>
      <c r="LS4" s="581"/>
      <c r="LT4" s="581"/>
      <c r="LU4" s="581"/>
      <c r="LV4" s="581"/>
      <c r="LW4" s="581"/>
      <c r="LX4" s="581"/>
      <c r="LY4" s="581"/>
      <c r="LZ4" s="581"/>
      <c r="MA4" s="581"/>
      <c r="MB4" s="581"/>
      <c r="MC4" s="581"/>
      <c r="MD4" s="582"/>
      <c r="ME4" s="580" t="s">
        <v>86</v>
      </c>
      <c r="MF4" s="581"/>
      <c r="MG4" s="581"/>
      <c r="MH4" s="581"/>
      <c r="MI4" s="581"/>
      <c r="MJ4" s="581"/>
      <c r="MK4" s="581"/>
      <c r="ML4" s="581"/>
      <c r="MM4" s="581"/>
      <c r="MN4" s="581"/>
      <c r="MO4" s="581"/>
      <c r="MP4" s="581"/>
      <c r="MQ4" s="581"/>
      <c r="MR4" s="581"/>
      <c r="MS4" s="581"/>
      <c r="MT4" s="581"/>
      <c r="MU4" s="581"/>
      <c r="MV4" s="581"/>
      <c r="MW4" s="581"/>
      <c r="MX4" s="581"/>
      <c r="MY4" s="581"/>
      <c r="MZ4" s="581"/>
      <c r="NA4" s="581"/>
      <c r="NB4" s="581"/>
      <c r="NC4" s="581"/>
      <c r="ND4" s="581"/>
      <c r="NE4" s="581"/>
      <c r="NF4" s="581"/>
      <c r="NG4" s="581"/>
      <c r="NH4" s="581"/>
      <c r="NI4" s="581"/>
      <c r="NJ4" s="581"/>
      <c r="NK4" s="581"/>
      <c r="NL4" s="581"/>
      <c r="NM4" s="581"/>
      <c r="NN4" s="581"/>
      <c r="NO4" s="581"/>
      <c r="NP4" s="581"/>
      <c r="NQ4" s="581"/>
      <c r="NR4" s="581"/>
      <c r="NS4" s="581"/>
      <c r="NT4" s="581"/>
      <c r="NU4" s="581"/>
      <c r="NV4" s="581"/>
      <c r="NW4" s="581"/>
      <c r="NX4" s="581"/>
      <c r="NY4" s="581"/>
      <c r="NZ4" s="581"/>
      <c r="OA4" s="581"/>
      <c r="OB4" s="581"/>
      <c r="OC4" s="581"/>
      <c r="OD4" s="581"/>
      <c r="OE4" s="581"/>
      <c r="OF4" s="581"/>
      <c r="OG4" s="582"/>
      <c r="OH4" s="536" t="s">
        <v>60</v>
      </c>
      <c r="OI4" s="445"/>
      <c r="OJ4" s="445"/>
      <c r="OK4" s="445"/>
      <c r="OL4" s="445"/>
      <c r="OM4" s="445"/>
      <c r="ON4" s="445"/>
      <c r="OO4" s="445"/>
      <c r="OP4" s="445"/>
      <c r="OQ4" s="445"/>
      <c r="OR4" s="446"/>
    </row>
    <row r="5" spans="1:408" ht="19.5" customHeight="1" thickBot="1" x14ac:dyDescent="0.25">
      <c r="A5" s="620"/>
      <c r="B5" s="623"/>
      <c r="C5" s="623"/>
      <c r="D5" s="623"/>
      <c r="E5" s="623"/>
      <c r="F5" s="623"/>
      <c r="G5" s="623"/>
      <c r="H5" s="623"/>
      <c r="I5" s="623"/>
      <c r="J5" s="623"/>
      <c r="K5" s="623"/>
      <c r="L5" s="623"/>
      <c r="M5" s="627" t="s">
        <v>64</v>
      </c>
      <c r="N5" s="628"/>
      <c r="O5" s="628"/>
      <c r="P5" s="628"/>
      <c r="Q5" s="628"/>
      <c r="R5" s="628"/>
      <c r="S5" s="628"/>
      <c r="T5" s="628"/>
      <c r="U5" s="628"/>
      <c r="V5" s="628"/>
      <c r="W5" s="628"/>
      <c r="X5" s="628"/>
      <c r="Y5" s="628"/>
      <c r="Z5" s="628"/>
      <c r="AA5" s="628"/>
      <c r="AB5" s="628"/>
      <c r="AC5" s="628"/>
      <c r="AD5" s="628"/>
      <c r="AE5" s="628"/>
      <c r="AF5" s="628"/>
      <c r="AG5" s="628"/>
      <c r="AH5" s="628"/>
      <c r="AI5" s="628"/>
      <c r="AJ5" s="628"/>
      <c r="AK5" s="628"/>
      <c r="AL5" s="628"/>
      <c r="AM5" s="628"/>
      <c r="AN5" s="628"/>
      <c r="AO5" s="628"/>
      <c r="AP5" s="628"/>
      <c r="AQ5" s="628"/>
      <c r="AR5" s="628"/>
      <c r="AS5" s="628"/>
      <c r="AT5" s="628"/>
      <c r="AU5" s="628"/>
      <c r="AV5" s="628"/>
      <c r="AW5" s="628"/>
      <c r="AX5" s="628"/>
      <c r="AY5" s="628"/>
      <c r="AZ5" s="628"/>
      <c r="BA5" s="628"/>
      <c r="BB5" s="628"/>
      <c r="BC5" s="628"/>
      <c r="BD5" s="628"/>
      <c r="BE5" s="628"/>
      <c r="BF5" s="628"/>
      <c r="BG5" s="628"/>
      <c r="BH5" s="628"/>
      <c r="BI5" s="628"/>
      <c r="BJ5" s="628"/>
      <c r="BK5" s="628"/>
      <c r="BL5" s="628"/>
      <c r="BM5" s="628"/>
      <c r="BN5" s="628"/>
      <c r="BO5" s="628"/>
      <c r="BP5" s="628"/>
      <c r="BQ5" s="628"/>
      <c r="BR5" s="628"/>
      <c r="BS5" s="628"/>
      <c r="BT5" s="628"/>
      <c r="BU5" s="628"/>
      <c r="BV5" s="628"/>
      <c r="BW5" s="628"/>
      <c r="BX5" s="628"/>
      <c r="BY5" s="628"/>
      <c r="BZ5" s="629"/>
      <c r="CA5" s="627" t="s">
        <v>65</v>
      </c>
      <c r="CB5" s="628"/>
      <c r="CC5" s="628"/>
      <c r="CD5" s="628"/>
      <c r="CE5" s="628"/>
      <c r="CF5" s="628"/>
      <c r="CG5" s="628"/>
      <c r="CH5" s="628"/>
      <c r="CI5" s="628"/>
      <c r="CJ5" s="628"/>
      <c r="CK5" s="628"/>
      <c r="CL5" s="628"/>
      <c r="CM5" s="628"/>
      <c r="CN5" s="628"/>
      <c r="CO5" s="628"/>
      <c r="CP5" s="628"/>
      <c r="CQ5" s="628"/>
      <c r="CR5" s="628"/>
      <c r="CS5" s="628"/>
      <c r="CT5" s="628"/>
      <c r="CU5" s="628"/>
      <c r="CV5" s="628"/>
      <c r="CW5" s="628"/>
      <c r="CX5" s="628"/>
      <c r="CY5" s="628"/>
      <c r="CZ5" s="628"/>
      <c r="DA5" s="628"/>
      <c r="DB5" s="628"/>
      <c r="DC5" s="628"/>
      <c r="DD5" s="628"/>
      <c r="DE5" s="628"/>
      <c r="DF5" s="628"/>
      <c r="DG5" s="629"/>
      <c r="DH5" s="449" t="s">
        <v>66</v>
      </c>
      <c r="DI5" s="450"/>
      <c r="DJ5" s="450"/>
      <c r="DK5" s="450"/>
      <c r="DL5" s="450"/>
      <c r="DM5" s="450"/>
      <c r="DN5" s="450"/>
      <c r="DO5" s="450"/>
      <c r="DP5" s="450"/>
      <c r="DQ5" s="450"/>
      <c r="DR5" s="450"/>
      <c r="DS5" s="450"/>
      <c r="DT5" s="450"/>
      <c r="DU5" s="450"/>
      <c r="DV5" s="450"/>
      <c r="DW5" s="450"/>
      <c r="DX5" s="450"/>
      <c r="DY5" s="450"/>
      <c r="DZ5" s="450"/>
      <c r="EA5" s="450"/>
      <c r="EB5" s="450"/>
      <c r="EC5" s="450"/>
      <c r="ED5" s="450"/>
      <c r="EE5" s="450"/>
      <c r="EF5" s="450"/>
      <c r="EG5" s="450"/>
      <c r="EH5" s="450"/>
      <c r="EI5" s="450"/>
      <c r="EJ5" s="450"/>
      <c r="EK5" s="450"/>
      <c r="EL5" s="450"/>
      <c r="EM5" s="450"/>
      <c r="EN5" s="450"/>
      <c r="EO5" s="450"/>
      <c r="EP5" s="450"/>
      <c r="EQ5" s="450"/>
      <c r="ER5" s="450"/>
      <c r="ES5" s="450"/>
      <c r="ET5" s="450"/>
      <c r="EU5" s="450"/>
      <c r="EV5" s="450"/>
      <c r="EW5" s="450"/>
      <c r="EX5" s="450"/>
      <c r="EY5" s="450"/>
      <c r="EZ5" s="450"/>
      <c r="FA5" s="450"/>
      <c r="FB5" s="450"/>
      <c r="FC5" s="450"/>
      <c r="FD5" s="450"/>
      <c r="FE5" s="450"/>
      <c r="FF5" s="450"/>
      <c r="FG5" s="450"/>
      <c r="FH5" s="450"/>
      <c r="FI5" s="450"/>
      <c r="FJ5" s="451"/>
      <c r="FK5" s="627" t="s">
        <v>67</v>
      </c>
      <c r="FL5" s="628"/>
      <c r="FM5" s="628"/>
      <c r="FN5" s="628"/>
      <c r="FO5" s="628"/>
      <c r="FP5" s="628"/>
      <c r="FQ5" s="628"/>
      <c r="FR5" s="628"/>
      <c r="FS5" s="628"/>
      <c r="FT5" s="628"/>
      <c r="FU5" s="628"/>
      <c r="FV5" s="628"/>
      <c r="FW5" s="628"/>
      <c r="FX5" s="628"/>
      <c r="FY5" s="628"/>
      <c r="FZ5" s="628"/>
      <c r="GA5" s="628"/>
      <c r="GB5" s="628"/>
      <c r="GC5" s="628"/>
      <c r="GD5" s="628"/>
      <c r="GE5" s="628"/>
      <c r="GF5" s="628"/>
      <c r="GG5" s="628"/>
      <c r="GH5" s="628"/>
      <c r="GI5" s="628"/>
      <c r="GJ5" s="628"/>
      <c r="GK5" s="628"/>
      <c r="GL5" s="628"/>
      <c r="GM5" s="628"/>
      <c r="GN5" s="628"/>
      <c r="GO5" s="628"/>
      <c r="GP5" s="628"/>
      <c r="GQ5" s="628"/>
      <c r="GR5" s="628"/>
      <c r="GS5" s="628"/>
      <c r="GT5" s="628"/>
      <c r="GU5" s="628"/>
      <c r="GV5" s="628"/>
      <c r="GW5" s="628"/>
      <c r="GX5" s="628"/>
      <c r="GY5" s="628"/>
      <c r="GZ5" s="628"/>
      <c r="HA5" s="628"/>
      <c r="HB5" s="629"/>
      <c r="HC5" s="630" t="s">
        <v>68</v>
      </c>
      <c r="HD5" s="631"/>
      <c r="HE5" s="631"/>
      <c r="HF5" s="631"/>
      <c r="HG5" s="631"/>
      <c r="HH5" s="631"/>
      <c r="HI5" s="631"/>
      <c r="HJ5" s="631"/>
      <c r="HK5" s="631"/>
      <c r="HL5" s="631"/>
      <c r="HM5" s="632"/>
      <c r="HN5" s="630" t="s">
        <v>69</v>
      </c>
      <c r="HO5" s="631"/>
      <c r="HP5" s="631"/>
      <c r="HQ5" s="631"/>
      <c r="HR5" s="631"/>
      <c r="HS5" s="631"/>
      <c r="HT5" s="631"/>
      <c r="HU5" s="631"/>
      <c r="HV5" s="631"/>
      <c r="HW5" s="631"/>
      <c r="HX5" s="632"/>
      <c r="HY5" s="559"/>
      <c r="HZ5" s="560"/>
      <c r="IA5" s="560"/>
      <c r="IB5" s="560"/>
      <c r="IC5" s="560"/>
      <c r="ID5" s="560"/>
      <c r="IE5" s="560"/>
      <c r="IF5" s="560"/>
      <c r="IG5" s="560"/>
      <c r="IH5" s="560"/>
      <c r="II5" s="561"/>
      <c r="IJ5" s="536" t="s">
        <v>94</v>
      </c>
      <c r="IK5" s="445"/>
      <c r="IL5" s="445"/>
      <c r="IM5" s="445"/>
      <c r="IN5" s="445"/>
      <c r="IO5" s="445"/>
      <c r="IP5" s="445"/>
      <c r="IQ5" s="445"/>
      <c r="IR5" s="445"/>
      <c r="IS5" s="445"/>
      <c r="IT5" s="446"/>
      <c r="IU5" s="536" t="s">
        <v>88</v>
      </c>
      <c r="IV5" s="445"/>
      <c r="IW5" s="445"/>
      <c r="IX5" s="445"/>
      <c r="IY5" s="445"/>
      <c r="IZ5" s="445"/>
      <c r="JA5" s="445"/>
      <c r="JB5" s="445"/>
      <c r="JC5" s="445"/>
      <c r="JD5" s="445"/>
      <c r="JE5" s="446"/>
      <c r="JF5" s="565" t="s">
        <v>144</v>
      </c>
      <c r="JG5" s="566"/>
      <c r="JH5" s="566"/>
      <c r="JI5" s="566"/>
      <c r="JJ5" s="566"/>
      <c r="JK5" s="566"/>
      <c r="JL5" s="566"/>
      <c r="JM5" s="566"/>
      <c r="JN5" s="566"/>
      <c r="JO5" s="566"/>
      <c r="JP5" s="567"/>
      <c r="JQ5" s="536" t="s">
        <v>90</v>
      </c>
      <c r="JR5" s="445"/>
      <c r="JS5" s="445"/>
      <c r="JT5" s="445"/>
      <c r="JU5" s="445"/>
      <c r="JV5" s="445"/>
      <c r="JW5" s="445"/>
      <c r="JX5" s="445"/>
      <c r="JY5" s="445"/>
      <c r="JZ5" s="445"/>
      <c r="KA5" s="446"/>
      <c r="KB5" s="536" t="s">
        <v>89</v>
      </c>
      <c r="KC5" s="445"/>
      <c r="KD5" s="445"/>
      <c r="KE5" s="445"/>
      <c r="KF5" s="445"/>
      <c r="KG5" s="445"/>
      <c r="KH5" s="445"/>
      <c r="KI5" s="445"/>
      <c r="KJ5" s="445"/>
      <c r="KK5" s="445"/>
      <c r="KL5" s="446"/>
      <c r="KM5" s="536" t="s">
        <v>91</v>
      </c>
      <c r="KN5" s="445"/>
      <c r="KO5" s="445"/>
      <c r="KP5" s="445"/>
      <c r="KQ5" s="445"/>
      <c r="KR5" s="445"/>
      <c r="KS5" s="445"/>
      <c r="KT5" s="445"/>
      <c r="KU5" s="445"/>
      <c r="KV5" s="445"/>
      <c r="KW5" s="446"/>
      <c r="KX5" s="536" t="s">
        <v>92</v>
      </c>
      <c r="KY5" s="445"/>
      <c r="KZ5" s="445"/>
      <c r="LA5" s="445"/>
      <c r="LB5" s="445"/>
      <c r="LC5" s="445"/>
      <c r="LD5" s="445"/>
      <c r="LE5" s="445"/>
      <c r="LF5" s="445"/>
      <c r="LG5" s="445"/>
      <c r="LH5" s="446"/>
      <c r="LI5" s="571" t="s">
        <v>93</v>
      </c>
      <c r="LJ5" s="572"/>
      <c r="LK5" s="572"/>
      <c r="LL5" s="572"/>
      <c r="LM5" s="572"/>
      <c r="LN5" s="572"/>
      <c r="LO5" s="572"/>
      <c r="LP5" s="572"/>
      <c r="LQ5" s="572"/>
      <c r="LR5" s="572"/>
      <c r="LS5" s="573"/>
      <c r="LT5" s="574" t="s">
        <v>145</v>
      </c>
      <c r="LU5" s="575"/>
      <c r="LV5" s="575"/>
      <c r="LW5" s="575"/>
      <c r="LX5" s="575"/>
      <c r="LY5" s="575"/>
      <c r="LZ5" s="575"/>
      <c r="MA5" s="575"/>
      <c r="MB5" s="575"/>
      <c r="MC5" s="575"/>
      <c r="MD5" s="576"/>
      <c r="ME5" s="559"/>
      <c r="MF5" s="560"/>
      <c r="MG5" s="560"/>
      <c r="MH5" s="560"/>
      <c r="MI5" s="560"/>
      <c r="MJ5" s="560"/>
      <c r="MK5" s="560"/>
      <c r="ML5" s="560"/>
      <c r="MM5" s="560"/>
      <c r="MN5" s="560"/>
      <c r="MO5" s="561"/>
      <c r="MP5" s="536" t="s">
        <v>57</v>
      </c>
      <c r="MQ5" s="445"/>
      <c r="MR5" s="445"/>
      <c r="MS5" s="445"/>
      <c r="MT5" s="445"/>
      <c r="MU5" s="445"/>
      <c r="MV5" s="445"/>
      <c r="MW5" s="445"/>
      <c r="MX5" s="445"/>
      <c r="MY5" s="445"/>
      <c r="MZ5" s="446"/>
      <c r="NA5" s="536" t="s">
        <v>58</v>
      </c>
      <c r="NB5" s="445"/>
      <c r="NC5" s="445"/>
      <c r="ND5" s="445"/>
      <c r="NE5" s="445"/>
      <c r="NF5" s="445"/>
      <c r="NG5" s="445"/>
      <c r="NH5" s="445"/>
      <c r="NI5" s="445"/>
      <c r="NJ5" s="445"/>
      <c r="NK5" s="446"/>
      <c r="NL5" s="536" t="s">
        <v>59</v>
      </c>
      <c r="NM5" s="445"/>
      <c r="NN5" s="445"/>
      <c r="NO5" s="445"/>
      <c r="NP5" s="445"/>
      <c r="NQ5" s="445"/>
      <c r="NR5" s="445"/>
      <c r="NS5" s="445"/>
      <c r="NT5" s="445"/>
      <c r="NU5" s="445"/>
      <c r="NV5" s="446"/>
      <c r="NW5" s="584" t="s">
        <v>151</v>
      </c>
      <c r="NX5" s="585"/>
      <c r="NY5" s="585"/>
      <c r="NZ5" s="585"/>
      <c r="OA5" s="585"/>
      <c r="OB5" s="585"/>
      <c r="OC5" s="585"/>
      <c r="OD5" s="585"/>
      <c r="OE5" s="585"/>
      <c r="OF5" s="585"/>
      <c r="OG5" s="586"/>
      <c r="OH5" s="556"/>
      <c r="OI5" s="557"/>
      <c r="OJ5" s="557"/>
      <c r="OK5" s="557"/>
      <c r="OL5" s="557"/>
      <c r="OM5" s="557"/>
      <c r="ON5" s="557"/>
      <c r="OO5" s="557"/>
      <c r="OP5" s="557"/>
      <c r="OQ5" s="557"/>
      <c r="OR5" s="558"/>
    </row>
    <row r="6" spans="1:408" ht="19.5" customHeight="1" thickBot="1" x14ac:dyDescent="0.25">
      <c r="A6" s="620"/>
      <c r="B6" s="624"/>
      <c r="C6" s="624"/>
      <c r="D6" s="624"/>
      <c r="E6" s="624"/>
      <c r="F6" s="624"/>
      <c r="G6" s="624"/>
      <c r="H6" s="624"/>
      <c r="I6" s="624"/>
      <c r="J6" s="624"/>
      <c r="K6" s="624"/>
      <c r="L6" s="624"/>
      <c r="M6" s="458"/>
      <c r="N6" s="459"/>
      <c r="O6" s="459"/>
      <c r="P6" s="459"/>
      <c r="Q6" s="459"/>
      <c r="R6" s="459"/>
      <c r="S6" s="459"/>
      <c r="T6" s="459"/>
      <c r="U6" s="459"/>
      <c r="V6" s="459"/>
      <c r="W6" s="460"/>
      <c r="X6" s="639" t="s">
        <v>70</v>
      </c>
      <c r="Y6" s="462"/>
      <c r="Z6" s="462"/>
      <c r="AA6" s="462"/>
      <c r="AB6" s="462"/>
      <c r="AC6" s="462"/>
      <c r="AD6" s="462"/>
      <c r="AE6" s="462"/>
      <c r="AF6" s="462"/>
      <c r="AG6" s="462"/>
      <c r="AH6" s="463"/>
      <c r="AI6" s="636" t="s">
        <v>71</v>
      </c>
      <c r="AJ6" s="637"/>
      <c r="AK6" s="637"/>
      <c r="AL6" s="637"/>
      <c r="AM6" s="637"/>
      <c r="AN6" s="637"/>
      <c r="AO6" s="637"/>
      <c r="AP6" s="637"/>
      <c r="AQ6" s="637"/>
      <c r="AR6" s="637"/>
      <c r="AS6" s="638"/>
      <c r="AT6" s="636" t="s">
        <v>72</v>
      </c>
      <c r="AU6" s="637"/>
      <c r="AV6" s="637"/>
      <c r="AW6" s="637"/>
      <c r="AX6" s="637"/>
      <c r="AY6" s="637"/>
      <c r="AZ6" s="637"/>
      <c r="BA6" s="637"/>
      <c r="BB6" s="637"/>
      <c r="BC6" s="637"/>
      <c r="BD6" s="638"/>
      <c r="BE6" s="636" t="s">
        <v>73</v>
      </c>
      <c r="BF6" s="637"/>
      <c r="BG6" s="637"/>
      <c r="BH6" s="637"/>
      <c r="BI6" s="637"/>
      <c r="BJ6" s="637"/>
      <c r="BK6" s="637"/>
      <c r="BL6" s="637"/>
      <c r="BM6" s="637"/>
      <c r="BN6" s="637"/>
      <c r="BO6" s="638"/>
      <c r="BP6" s="636" t="s">
        <v>74</v>
      </c>
      <c r="BQ6" s="637"/>
      <c r="BR6" s="637"/>
      <c r="BS6" s="637"/>
      <c r="BT6" s="637"/>
      <c r="BU6" s="637"/>
      <c r="BV6" s="637"/>
      <c r="BW6" s="637"/>
      <c r="BX6" s="637"/>
      <c r="BY6" s="637"/>
      <c r="BZ6" s="638"/>
      <c r="CA6" s="640"/>
      <c r="CB6" s="641"/>
      <c r="CC6" s="641"/>
      <c r="CD6" s="641"/>
      <c r="CE6" s="641"/>
      <c r="CF6" s="641"/>
      <c r="CG6" s="641"/>
      <c r="CH6" s="641"/>
      <c r="CI6" s="641"/>
      <c r="CJ6" s="641"/>
      <c r="CK6" s="642"/>
      <c r="CL6" s="636" t="s">
        <v>75</v>
      </c>
      <c r="CM6" s="637"/>
      <c r="CN6" s="637"/>
      <c r="CO6" s="637"/>
      <c r="CP6" s="637"/>
      <c r="CQ6" s="637"/>
      <c r="CR6" s="637"/>
      <c r="CS6" s="637"/>
      <c r="CT6" s="637"/>
      <c r="CU6" s="637"/>
      <c r="CV6" s="638"/>
      <c r="CW6" s="636" t="s">
        <v>76</v>
      </c>
      <c r="CX6" s="637"/>
      <c r="CY6" s="637"/>
      <c r="CZ6" s="637"/>
      <c r="DA6" s="637"/>
      <c r="DB6" s="637"/>
      <c r="DC6" s="637"/>
      <c r="DD6" s="637"/>
      <c r="DE6" s="637"/>
      <c r="DF6" s="637"/>
      <c r="DG6" s="638"/>
      <c r="DH6" s="640"/>
      <c r="DI6" s="641"/>
      <c r="DJ6" s="641"/>
      <c r="DK6" s="641"/>
      <c r="DL6" s="641"/>
      <c r="DM6" s="641"/>
      <c r="DN6" s="641"/>
      <c r="DO6" s="641"/>
      <c r="DP6" s="641"/>
      <c r="DQ6" s="641"/>
      <c r="DR6" s="641"/>
      <c r="DS6" s="636" t="s">
        <v>77</v>
      </c>
      <c r="DT6" s="637"/>
      <c r="DU6" s="637"/>
      <c r="DV6" s="637"/>
      <c r="DW6" s="637"/>
      <c r="DX6" s="637"/>
      <c r="DY6" s="637"/>
      <c r="DZ6" s="637"/>
      <c r="EA6" s="637"/>
      <c r="EB6" s="637"/>
      <c r="EC6" s="638"/>
      <c r="ED6" s="636" t="s">
        <v>78</v>
      </c>
      <c r="EE6" s="637"/>
      <c r="EF6" s="637"/>
      <c r="EG6" s="637"/>
      <c r="EH6" s="637"/>
      <c r="EI6" s="637"/>
      <c r="EJ6" s="637"/>
      <c r="EK6" s="637"/>
      <c r="EL6" s="637"/>
      <c r="EM6" s="637"/>
      <c r="EN6" s="638"/>
      <c r="EO6" s="636" t="s">
        <v>79</v>
      </c>
      <c r="EP6" s="637"/>
      <c r="EQ6" s="637"/>
      <c r="ER6" s="637"/>
      <c r="ES6" s="637"/>
      <c r="ET6" s="637"/>
      <c r="EU6" s="637"/>
      <c r="EV6" s="637"/>
      <c r="EW6" s="637"/>
      <c r="EX6" s="637"/>
      <c r="EY6" s="638"/>
      <c r="EZ6" s="618" t="s">
        <v>152</v>
      </c>
      <c r="FA6" s="637"/>
      <c r="FB6" s="637"/>
      <c r="FC6" s="637"/>
      <c r="FD6" s="637"/>
      <c r="FE6" s="637"/>
      <c r="FF6" s="637"/>
      <c r="FG6" s="637"/>
      <c r="FH6" s="637"/>
      <c r="FI6" s="637"/>
      <c r="FJ6" s="638"/>
      <c r="FK6" s="640"/>
      <c r="FL6" s="641"/>
      <c r="FM6" s="641"/>
      <c r="FN6" s="641"/>
      <c r="FO6" s="641"/>
      <c r="FP6" s="641"/>
      <c r="FQ6" s="641"/>
      <c r="FR6" s="641"/>
      <c r="FS6" s="641"/>
      <c r="FT6" s="641"/>
      <c r="FU6" s="641"/>
      <c r="FV6" s="636" t="s">
        <v>80</v>
      </c>
      <c r="FW6" s="637"/>
      <c r="FX6" s="637"/>
      <c r="FY6" s="637"/>
      <c r="FZ6" s="637"/>
      <c r="GA6" s="637"/>
      <c r="GB6" s="637"/>
      <c r="GC6" s="637"/>
      <c r="GD6" s="637"/>
      <c r="GE6" s="637"/>
      <c r="GF6" s="638"/>
      <c r="GG6" s="639" t="s">
        <v>81</v>
      </c>
      <c r="GH6" s="462"/>
      <c r="GI6" s="462"/>
      <c r="GJ6" s="462"/>
      <c r="GK6" s="462"/>
      <c r="GL6" s="462"/>
      <c r="GM6" s="462"/>
      <c r="GN6" s="462"/>
      <c r="GO6" s="462"/>
      <c r="GP6" s="462"/>
      <c r="GQ6" s="463"/>
      <c r="GR6" s="639" t="s">
        <v>82</v>
      </c>
      <c r="GS6" s="462"/>
      <c r="GT6" s="462"/>
      <c r="GU6" s="462"/>
      <c r="GV6" s="462"/>
      <c r="GW6" s="462"/>
      <c r="GX6" s="462"/>
      <c r="GY6" s="462"/>
      <c r="GZ6" s="462"/>
      <c r="HA6" s="462"/>
      <c r="HB6" s="463"/>
      <c r="HC6" s="633"/>
      <c r="HD6" s="634"/>
      <c r="HE6" s="634"/>
      <c r="HF6" s="634"/>
      <c r="HG6" s="634"/>
      <c r="HH6" s="634"/>
      <c r="HI6" s="634"/>
      <c r="HJ6" s="634"/>
      <c r="HK6" s="634"/>
      <c r="HL6" s="634"/>
      <c r="HM6" s="635"/>
      <c r="HN6" s="633"/>
      <c r="HO6" s="634"/>
      <c r="HP6" s="634"/>
      <c r="HQ6" s="634"/>
      <c r="HR6" s="634"/>
      <c r="HS6" s="634"/>
      <c r="HT6" s="634"/>
      <c r="HU6" s="634"/>
      <c r="HV6" s="634"/>
      <c r="HW6" s="634"/>
      <c r="HX6" s="635"/>
      <c r="HY6" s="562"/>
      <c r="HZ6" s="563"/>
      <c r="IA6" s="563"/>
      <c r="IB6" s="563"/>
      <c r="IC6" s="563"/>
      <c r="ID6" s="563"/>
      <c r="IE6" s="563"/>
      <c r="IF6" s="563"/>
      <c r="IG6" s="563"/>
      <c r="IH6" s="563"/>
      <c r="II6" s="564"/>
      <c r="IJ6" s="537"/>
      <c r="IK6" s="528"/>
      <c r="IL6" s="528"/>
      <c r="IM6" s="528"/>
      <c r="IN6" s="528"/>
      <c r="IO6" s="528"/>
      <c r="IP6" s="528"/>
      <c r="IQ6" s="528"/>
      <c r="IR6" s="528"/>
      <c r="IS6" s="528"/>
      <c r="IT6" s="538"/>
      <c r="IU6" s="537"/>
      <c r="IV6" s="528"/>
      <c r="IW6" s="528"/>
      <c r="IX6" s="528"/>
      <c r="IY6" s="528"/>
      <c r="IZ6" s="528"/>
      <c r="JA6" s="528"/>
      <c r="JB6" s="528"/>
      <c r="JC6" s="528"/>
      <c r="JD6" s="528"/>
      <c r="JE6" s="538"/>
      <c r="JF6" s="568"/>
      <c r="JG6" s="569"/>
      <c r="JH6" s="569"/>
      <c r="JI6" s="569"/>
      <c r="JJ6" s="569"/>
      <c r="JK6" s="569"/>
      <c r="JL6" s="569"/>
      <c r="JM6" s="569"/>
      <c r="JN6" s="569"/>
      <c r="JO6" s="569"/>
      <c r="JP6" s="570"/>
      <c r="JQ6" s="537"/>
      <c r="JR6" s="528"/>
      <c r="JS6" s="528"/>
      <c r="JT6" s="528"/>
      <c r="JU6" s="528"/>
      <c r="JV6" s="528"/>
      <c r="JW6" s="528"/>
      <c r="JX6" s="528"/>
      <c r="JY6" s="528"/>
      <c r="JZ6" s="528"/>
      <c r="KA6" s="538"/>
      <c r="KB6" s="537"/>
      <c r="KC6" s="528"/>
      <c r="KD6" s="528"/>
      <c r="KE6" s="528"/>
      <c r="KF6" s="528"/>
      <c r="KG6" s="528"/>
      <c r="KH6" s="528"/>
      <c r="KI6" s="528"/>
      <c r="KJ6" s="528"/>
      <c r="KK6" s="528"/>
      <c r="KL6" s="538"/>
      <c r="KM6" s="537"/>
      <c r="KN6" s="528"/>
      <c r="KO6" s="528"/>
      <c r="KP6" s="528"/>
      <c r="KQ6" s="528"/>
      <c r="KR6" s="528"/>
      <c r="KS6" s="528"/>
      <c r="KT6" s="528"/>
      <c r="KU6" s="528"/>
      <c r="KV6" s="528"/>
      <c r="KW6" s="538"/>
      <c r="KX6" s="537"/>
      <c r="KY6" s="528"/>
      <c r="KZ6" s="528"/>
      <c r="LA6" s="528"/>
      <c r="LB6" s="528"/>
      <c r="LC6" s="528"/>
      <c r="LD6" s="528"/>
      <c r="LE6" s="528"/>
      <c r="LF6" s="528"/>
      <c r="LG6" s="528"/>
      <c r="LH6" s="538"/>
      <c r="LI6" s="562"/>
      <c r="LJ6" s="563"/>
      <c r="LK6" s="563"/>
      <c r="LL6" s="563"/>
      <c r="LM6" s="563"/>
      <c r="LN6" s="563"/>
      <c r="LO6" s="563"/>
      <c r="LP6" s="563"/>
      <c r="LQ6" s="563"/>
      <c r="LR6" s="563"/>
      <c r="LS6" s="564"/>
      <c r="LT6" s="577"/>
      <c r="LU6" s="578"/>
      <c r="LV6" s="578"/>
      <c r="LW6" s="578"/>
      <c r="LX6" s="578"/>
      <c r="LY6" s="578"/>
      <c r="LZ6" s="578"/>
      <c r="MA6" s="578"/>
      <c r="MB6" s="578"/>
      <c r="MC6" s="578"/>
      <c r="MD6" s="579"/>
      <c r="ME6" s="562"/>
      <c r="MF6" s="563"/>
      <c r="MG6" s="563"/>
      <c r="MH6" s="563"/>
      <c r="MI6" s="563"/>
      <c r="MJ6" s="563"/>
      <c r="MK6" s="563"/>
      <c r="ML6" s="563"/>
      <c r="MM6" s="563"/>
      <c r="MN6" s="563"/>
      <c r="MO6" s="564"/>
      <c r="MP6" s="537"/>
      <c r="MQ6" s="528"/>
      <c r="MR6" s="528"/>
      <c r="MS6" s="528"/>
      <c r="MT6" s="528"/>
      <c r="MU6" s="528"/>
      <c r="MV6" s="528"/>
      <c r="MW6" s="528"/>
      <c r="MX6" s="528"/>
      <c r="MY6" s="528"/>
      <c r="MZ6" s="538"/>
      <c r="NA6" s="537"/>
      <c r="NB6" s="528"/>
      <c r="NC6" s="528"/>
      <c r="ND6" s="528"/>
      <c r="NE6" s="528"/>
      <c r="NF6" s="528"/>
      <c r="NG6" s="528"/>
      <c r="NH6" s="528"/>
      <c r="NI6" s="528"/>
      <c r="NJ6" s="528"/>
      <c r="NK6" s="538"/>
      <c r="NL6" s="537"/>
      <c r="NM6" s="528"/>
      <c r="NN6" s="528"/>
      <c r="NO6" s="528"/>
      <c r="NP6" s="528"/>
      <c r="NQ6" s="528"/>
      <c r="NR6" s="528"/>
      <c r="NS6" s="528"/>
      <c r="NT6" s="528"/>
      <c r="NU6" s="528"/>
      <c r="NV6" s="538"/>
      <c r="NW6" s="587"/>
      <c r="NX6" s="588"/>
      <c r="NY6" s="588"/>
      <c r="NZ6" s="588"/>
      <c r="OA6" s="588"/>
      <c r="OB6" s="588"/>
      <c r="OC6" s="588"/>
      <c r="OD6" s="588"/>
      <c r="OE6" s="588"/>
      <c r="OF6" s="588"/>
      <c r="OG6" s="589"/>
      <c r="OH6" s="537"/>
      <c r="OI6" s="528"/>
      <c r="OJ6" s="528"/>
      <c r="OK6" s="528"/>
      <c r="OL6" s="528"/>
      <c r="OM6" s="528"/>
      <c r="ON6" s="528"/>
      <c r="OO6" s="528"/>
      <c r="OP6" s="528"/>
      <c r="OQ6" s="528"/>
      <c r="OR6" s="538"/>
    </row>
    <row r="7" spans="1:408" ht="23.25" customHeight="1" x14ac:dyDescent="0.2">
      <c r="A7" s="620"/>
      <c r="B7" s="643" t="s">
        <v>61</v>
      </c>
      <c r="C7" s="643"/>
      <c r="D7" s="643"/>
      <c r="E7" s="644" t="s">
        <v>62</v>
      </c>
      <c r="F7" s="643"/>
      <c r="G7" s="643"/>
      <c r="H7" s="643"/>
      <c r="I7" s="643"/>
      <c r="J7" s="643"/>
      <c r="K7" s="643"/>
      <c r="L7" s="644" t="s">
        <v>52</v>
      </c>
      <c r="M7" s="646" t="s">
        <v>61</v>
      </c>
      <c r="N7" s="643"/>
      <c r="O7" s="643"/>
      <c r="P7" s="644" t="s">
        <v>62</v>
      </c>
      <c r="Q7" s="643"/>
      <c r="R7" s="643"/>
      <c r="S7" s="643"/>
      <c r="T7" s="643"/>
      <c r="U7" s="643"/>
      <c r="V7" s="647"/>
      <c r="W7" s="651" t="s">
        <v>52</v>
      </c>
      <c r="X7" s="458" t="s">
        <v>61</v>
      </c>
      <c r="Y7" s="459"/>
      <c r="Z7" s="653"/>
      <c r="AA7" s="654" t="s">
        <v>62</v>
      </c>
      <c r="AB7" s="459"/>
      <c r="AC7" s="459"/>
      <c r="AD7" s="459"/>
      <c r="AE7" s="459"/>
      <c r="AF7" s="459"/>
      <c r="AG7" s="653"/>
      <c r="AH7" s="460" t="s">
        <v>52</v>
      </c>
      <c r="AI7" s="656" t="s">
        <v>61</v>
      </c>
      <c r="AJ7" s="649"/>
      <c r="AK7" s="657"/>
      <c r="AL7" s="648" t="s">
        <v>62</v>
      </c>
      <c r="AM7" s="649"/>
      <c r="AN7" s="649"/>
      <c r="AO7" s="649"/>
      <c r="AP7" s="649"/>
      <c r="AQ7" s="649"/>
      <c r="AR7" s="650"/>
      <c r="AS7" s="460" t="s">
        <v>52</v>
      </c>
      <c r="AT7" s="656" t="s">
        <v>61</v>
      </c>
      <c r="AU7" s="649"/>
      <c r="AV7" s="657"/>
      <c r="AW7" s="648" t="s">
        <v>62</v>
      </c>
      <c r="AX7" s="649"/>
      <c r="AY7" s="649"/>
      <c r="AZ7" s="649"/>
      <c r="BA7" s="649"/>
      <c r="BB7" s="649"/>
      <c r="BC7" s="650"/>
      <c r="BD7" s="460" t="s">
        <v>52</v>
      </c>
      <c r="BE7" s="656" t="s">
        <v>61</v>
      </c>
      <c r="BF7" s="649"/>
      <c r="BG7" s="657"/>
      <c r="BH7" s="648" t="s">
        <v>62</v>
      </c>
      <c r="BI7" s="649"/>
      <c r="BJ7" s="649"/>
      <c r="BK7" s="649"/>
      <c r="BL7" s="649"/>
      <c r="BM7" s="649"/>
      <c r="BN7" s="650"/>
      <c r="BO7" s="460" t="s">
        <v>52</v>
      </c>
      <c r="BP7" s="656" t="s">
        <v>61</v>
      </c>
      <c r="BQ7" s="649"/>
      <c r="BR7" s="657"/>
      <c r="BS7" s="648" t="s">
        <v>62</v>
      </c>
      <c r="BT7" s="649"/>
      <c r="BU7" s="649"/>
      <c r="BV7" s="649"/>
      <c r="BW7" s="649"/>
      <c r="BX7" s="649"/>
      <c r="BY7" s="650"/>
      <c r="BZ7" s="460" t="s">
        <v>52</v>
      </c>
      <c r="CA7" s="658" t="s">
        <v>61</v>
      </c>
      <c r="CB7" s="659"/>
      <c r="CC7" s="660"/>
      <c r="CD7" s="661" t="s">
        <v>62</v>
      </c>
      <c r="CE7" s="659"/>
      <c r="CF7" s="659"/>
      <c r="CG7" s="659"/>
      <c r="CH7" s="659"/>
      <c r="CI7" s="659"/>
      <c r="CJ7" s="662"/>
      <c r="CK7" s="651" t="s">
        <v>52</v>
      </c>
      <c r="CL7" s="656" t="s">
        <v>61</v>
      </c>
      <c r="CM7" s="649"/>
      <c r="CN7" s="650"/>
      <c r="CO7" s="648" t="s">
        <v>62</v>
      </c>
      <c r="CP7" s="649"/>
      <c r="CQ7" s="649"/>
      <c r="CR7" s="649"/>
      <c r="CS7" s="649"/>
      <c r="CT7" s="649"/>
      <c r="CU7" s="650"/>
      <c r="CV7" s="663" t="s">
        <v>52</v>
      </c>
      <c r="CW7" s="656" t="s">
        <v>61</v>
      </c>
      <c r="CX7" s="649"/>
      <c r="CY7" s="650"/>
      <c r="CZ7" s="648" t="s">
        <v>62</v>
      </c>
      <c r="DA7" s="649"/>
      <c r="DB7" s="649"/>
      <c r="DC7" s="649"/>
      <c r="DD7" s="649"/>
      <c r="DE7" s="649"/>
      <c r="DF7" s="650"/>
      <c r="DG7" s="663" t="s">
        <v>52</v>
      </c>
      <c r="DH7" s="658" t="s">
        <v>61</v>
      </c>
      <c r="DI7" s="659"/>
      <c r="DJ7" s="662"/>
      <c r="DK7" s="661" t="s">
        <v>62</v>
      </c>
      <c r="DL7" s="659"/>
      <c r="DM7" s="659"/>
      <c r="DN7" s="659"/>
      <c r="DO7" s="659"/>
      <c r="DP7" s="659"/>
      <c r="DQ7" s="662"/>
      <c r="DR7" s="651" t="s">
        <v>52</v>
      </c>
      <c r="DS7" s="656" t="s">
        <v>61</v>
      </c>
      <c r="DT7" s="649"/>
      <c r="DU7" s="657"/>
      <c r="DV7" s="648" t="s">
        <v>62</v>
      </c>
      <c r="DW7" s="649"/>
      <c r="DX7" s="649"/>
      <c r="DY7" s="649"/>
      <c r="DZ7" s="649"/>
      <c r="EA7" s="649"/>
      <c r="EB7" s="650"/>
      <c r="EC7" s="460" t="s">
        <v>52</v>
      </c>
      <c r="ED7" s="656" t="s">
        <v>61</v>
      </c>
      <c r="EE7" s="649"/>
      <c r="EF7" s="657"/>
      <c r="EG7" s="648" t="s">
        <v>62</v>
      </c>
      <c r="EH7" s="649"/>
      <c r="EI7" s="649"/>
      <c r="EJ7" s="649"/>
      <c r="EK7" s="649"/>
      <c r="EL7" s="649"/>
      <c r="EM7" s="650"/>
      <c r="EN7" s="460" t="s">
        <v>52</v>
      </c>
      <c r="EO7" s="656" t="s">
        <v>61</v>
      </c>
      <c r="EP7" s="649"/>
      <c r="EQ7" s="657"/>
      <c r="ER7" s="648" t="s">
        <v>62</v>
      </c>
      <c r="ES7" s="649"/>
      <c r="ET7" s="649"/>
      <c r="EU7" s="649"/>
      <c r="EV7" s="649"/>
      <c r="EW7" s="649"/>
      <c r="EX7" s="650"/>
      <c r="EY7" s="460" t="s">
        <v>52</v>
      </c>
      <c r="EZ7" s="656" t="s">
        <v>61</v>
      </c>
      <c r="FA7" s="649"/>
      <c r="FB7" s="657"/>
      <c r="FC7" s="648" t="s">
        <v>62</v>
      </c>
      <c r="FD7" s="649"/>
      <c r="FE7" s="649"/>
      <c r="FF7" s="649"/>
      <c r="FG7" s="649"/>
      <c r="FH7" s="649"/>
      <c r="FI7" s="650"/>
      <c r="FJ7" s="460" t="s">
        <v>52</v>
      </c>
      <c r="FK7" s="658" t="s">
        <v>61</v>
      </c>
      <c r="FL7" s="659"/>
      <c r="FM7" s="660"/>
      <c r="FN7" s="661" t="s">
        <v>62</v>
      </c>
      <c r="FO7" s="659"/>
      <c r="FP7" s="659"/>
      <c r="FQ7" s="659"/>
      <c r="FR7" s="659"/>
      <c r="FS7" s="659"/>
      <c r="FT7" s="662"/>
      <c r="FU7" s="643" t="s">
        <v>52</v>
      </c>
      <c r="FV7" s="656" t="s">
        <v>61</v>
      </c>
      <c r="FW7" s="649"/>
      <c r="FX7" s="657"/>
      <c r="FY7" s="648" t="s">
        <v>62</v>
      </c>
      <c r="FZ7" s="649"/>
      <c r="GA7" s="649"/>
      <c r="GB7" s="649"/>
      <c r="GC7" s="649"/>
      <c r="GD7" s="649"/>
      <c r="GE7" s="650"/>
      <c r="GF7" s="460" t="s">
        <v>52</v>
      </c>
      <c r="GG7" s="458" t="s">
        <v>61</v>
      </c>
      <c r="GH7" s="459"/>
      <c r="GI7" s="459"/>
      <c r="GJ7" s="654" t="s">
        <v>62</v>
      </c>
      <c r="GK7" s="459"/>
      <c r="GL7" s="459"/>
      <c r="GM7" s="459"/>
      <c r="GN7" s="459"/>
      <c r="GO7" s="459"/>
      <c r="GP7" s="653"/>
      <c r="GQ7" s="664" t="s">
        <v>52</v>
      </c>
      <c r="GR7" s="458" t="s">
        <v>61</v>
      </c>
      <c r="GS7" s="459"/>
      <c r="GT7" s="653"/>
      <c r="GU7" s="654" t="s">
        <v>62</v>
      </c>
      <c r="GV7" s="459"/>
      <c r="GW7" s="459"/>
      <c r="GX7" s="459"/>
      <c r="GY7" s="459"/>
      <c r="GZ7" s="459"/>
      <c r="HA7" s="653"/>
      <c r="HB7" s="664" t="s">
        <v>52</v>
      </c>
      <c r="HC7" s="656" t="s">
        <v>61</v>
      </c>
      <c r="HD7" s="649"/>
      <c r="HE7" s="657"/>
      <c r="HF7" s="648" t="s">
        <v>62</v>
      </c>
      <c r="HG7" s="649"/>
      <c r="HH7" s="649"/>
      <c r="HI7" s="649"/>
      <c r="HJ7" s="649"/>
      <c r="HK7" s="649"/>
      <c r="HL7" s="650"/>
      <c r="HM7" s="460" t="s">
        <v>52</v>
      </c>
      <c r="HN7" s="656" t="s">
        <v>61</v>
      </c>
      <c r="HO7" s="649"/>
      <c r="HP7" s="657"/>
      <c r="HQ7" s="648" t="s">
        <v>62</v>
      </c>
      <c r="HR7" s="649"/>
      <c r="HS7" s="649"/>
      <c r="HT7" s="649"/>
      <c r="HU7" s="649"/>
      <c r="HV7" s="649"/>
      <c r="HW7" s="650"/>
      <c r="HX7" s="460" t="s">
        <v>52</v>
      </c>
      <c r="HY7" s="515" t="s">
        <v>61</v>
      </c>
      <c r="HZ7" s="516"/>
      <c r="IA7" s="517"/>
      <c r="IB7" s="551" t="s">
        <v>62</v>
      </c>
      <c r="IC7" s="516"/>
      <c r="ID7" s="516"/>
      <c r="IE7" s="516"/>
      <c r="IF7" s="516"/>
      <c r="IG7" s="516"/>
      <c r="IH7" s="552"/>
      <c r="II7" s="519" t="s">
        <v>52</v>
      </c>
      <c r="IJ7" s="532" t="s">
        <v>61</v>
      </c>
      <c r="IK7" s="525"/>
      <c r="IL7" s="526"/>
      <c r="IM7" s="554" t="s">
        <v>62</v>
      </c>
      <c r="IN7" s="525"/>
      <c r="IO7" s="525"/>
      <c r="IP7" s="525"/>
      <c r="IQ7" s="525"/>
      <c r="IR7" s="525"/>
      <c r="IS7" s="555"/>
      <c r="IT7" s="538" t="s">
        <v>52</v>
      </c>
      <c r="IU7" s="532" t="s">
        <v>61</v>
      </c>
      <c r="IV7" s="525"/>
      <c r="IW7" s="555"/>
      <c r="IX7" s="554" t="s">
        <v>62</v>
      </c>
      <c r="IY7" s="525"/>
      <c r="IZ7" s="525"/>
      <c r="JA7" s="525"/>
      <c r="JB7" s="525"/>
      <c r="JC7" s="525"/>
      <c r="JD7" s="555"/>
      <c r="JE7" s="538" t="s">
        <v>52</v>
      </c>
      <c r="JF7" s="532" t="s">
        <v>61</v>
      </c>
      <c r="JG7" s="525"/>
      <c r="JH7" s="526"/>
      <c r="JI7" s="554" t="s">
        <v>62</v>
      </c>
      <c r="JJ7" s="525"/>
      <c r="JK7" s="525"/>
      <c r="JL7" s="525"/>
      <c r="JM7" s="525"/>
      <c r="JN7" s="525"/>
      <c r="JO7" s="555"/>
      <c r="JP7" s="549" t="s">
        <v>52</v>
      </c>
      <c r="JQ7" s="532" t="s">
        <v>61</v>
      </c>
      <c r="JR7" s="525"/>
      <c r="JS7" s="526"/>
      <c r="JT7" s="554" t="s">
        <v>62</v>
      </c>
      <c r="JU7" s="525"/>
      <c r="JV7" s="525"/>
      <c r="JW7" s="525"/>
      <c r="JX7" s="525"/>
      <c r="JY7" s="525"/>
      <c r="JZ7" s="555"/>
      <c r="KA7" s="549" t="s">
        <v>52</v>
      </c>
      <c r="KB7" s="532" t="s">
        <v>61</v>
      </c>
      <c r="KC7" s="525"/>
      <c r="KD7" s="526"/>
      <c r="KE7" s="554" t="s">
        <v>62</v>
      </c>
      <c r="KF7" s="525"/>
      <c r="KG7" s="525"/>
      <c r="KH7" s="525"/>
      <c r="KI7" s="525"/>
      <c r="KJ7" s="525"/>
      <c r="KK7" s="555"/>
      <c r="KL7" s="549" t="s">
        <v>52</v>
      </c>
      <c r="KM7" s="532" t="s">
        <v>61</v>
      </c>
      <c r="KN7" s="525"/>
      <c r="KO7" s="526"/>
      <c r="KP7" s="554" t="s">
        <v>62</v>
      </c>
      <c r="KQ7" s="525"/>
      <c r="KR7" s="525"/>
      <c r="KS7" s="525"/>
      <c r="KT7" s="525"/>
      <c r="KU7" s="525"/>
      <c r="KV7" s="555"/>
      <c r="KW7" s="549" t="s">
        <v>52</v>
      </c>
      <c r="KX7" s="532" t="s">
        <v>61</v>
      </c>
      <c r="KY7" s="525"/>
      <c r="KZ7" s="526"/>
      <c r="LA7" s="554" t="s">
        <v>62</v>
      </c>
      <c r="LB7" s="525"/>
      <c r="LC7" s="525"/>
      <c r="LD7" s="525"/>
      <c r="LE7" s="525"/>
      <c r="LF7" s="525"/>
      <c r="LG7" s="555"/>
      <c r="LH7" s="549" t="s">
        <v>52</v>
      </c>
      <c r="LI7" s="532" t="s">
        <v>61</v>
      </c>
      <c r="LJ7" s="525"/>
      <c r="LK7" s="526"/>
      <c r="LL7" s="554" t="s">
        <v>62</v>
      </c>
      <c r="LM7" s="525"/>
      <c r="LN7" s="525"/>
      <c r="LO7" s="525"/>
      <c r="LP7" s="525"/>
      <c r="LQ7" s="525"/>
      <c r="LR7" s="555"/>
      <c r="LS7" s="549" t="s">
        <v>52</v>
      </c>
      <c r="LT7" s="532" t="s">
        <v>61</v>
      </c>
      <c r="LU7" s="525"/>
      <c r="LV7" s="526"/>
      <c r="LW7" s="554" t="s">
        <v>62</v>
      </c>
      <c r="LX7" s="525"/>
      <c r="LY7" s="525"/>
      <c r="LZ7" s="525"/>
      <c r="MA7" s="525"/>
      <c r="MB7" s="525"/>
      <c r="MC7" s="555"/>
      <c r="MD7" s="549" t="s">
        <v>52</v>
      </c>
      <c r="ME7" s="515" t="s">
        <v>61</v>
      </c>
      <c r="MF7" s="516"/>
      <c r="MG7" s="517"/>
      <c r="MH7" s="551" t="s">
        <v>62</v>
      </c>
      <c r="MI7" s="516"/>
      <c r="MJ7" s="516"/>
      <c r="MK7" s="516"/>
      <c r="ML7" s="516"/>
      <c r="MM7" s="516"/>
      <c r="MN7" s="552"/>
      <c r="MO7" s="553" t="s">
        <v>52</v>
      </c>
      <c r="MP7" s="532" t="s">
        <v>61</v>
      </c>
      <c r="MQ7" s="525"/>
      <c r="MR7" s="526"/>
      <c r="MS7" s="554" t="s">
        <v>62</v>
      </c>
      <c r="MT7" s="525"/>
      <c r="MU7" s="525"/>
      <c r="MV7" s="525"/>
      <c r="MW7" s="525"/>
      <c r="MX7" s="525"/>
      <c r="MY7" s="555"/>
      <c r="MZ7" s="549" t="s">
        <v>52</v>
      </c>
      <c r="NA7" s="532" t="s">
        <v>61</v>
      </c>
      <c r="NB7" s="525"/>
      <c r="NC7" s="526"/>
      <c r="ND7" s="554" t="s">
        <v>62</v>
      </c>
      <c r="NE7" s="525"/>
      <c r="NF7" s="525"/>
      <c r="NG7" s="525"/>
      <c r="NH7" s="525"/>
      <c r="NI7" s="525"/>
      <c r="NJ7" s="555"/>
      <c r="NK7" s="549" t="s">
        <v>52</v>
      </c>
      <c r="NL7" s="532" t="s">
        <v>61</v>
      </c>
      <c r="NM7" s="525"/>
      <c r="NN7" s="526"/>
      <c r="NO7" s="554" t="s">
        <v>62</v>
      </c>
      <c r="NP7" s="525"/>
      <c r="NQ7" s="525"/>
      <c r="NR7" s="525"/>
      <c r="NS7" s="525"/>
      <c r="NT7" s="525"/>
      <c r="NU7" s="555"/>
      <c r="NV7" s="549" t="s">
        <v>52</v>
      </c>
      <c r="NW7" s="532" t="s">
        <v>61</v>
      </c>
      <c r="NX7" s="525"/>
      <c r="NY7" s="526"/>
      <c r="NZ7" s="554" t="s">
        <v>62</v>
      </c>
      <c r="OA7" s="525"/>
      <c r="OB7" s="525"/>
      <c r="OC7" s="525"/>
      <c r="OD7" s="525"/>
      <c r="OE7" s="525"/>
      <c r="OF7" s="555"/>
      <c r="OG7" s="549" t="s">
        <v>52</v>
      </c>
      <c r="OH7" s="515" t="s">
        <v>61</v>
      </c>
      <c r="OI7" s="516"/>
      <c r="OJ7" s="517"/>
      <c r="OK7" s="551" t="s">
        <v>62</v>
      </c>
      <c r="OL7" s="516"/>
      <c r="OM7" s="516"/>
      <c r="ON7" s="516"/>
      <c r="OO7" s="516"/>
      <c r="OP7" s="516"/>
      <c r="OQ7" s="552"/>
      <c r="OR7" s="553" t="s">
        <v>52</v>
      </c>
    </row>
    <row r="8" spans="1:408" ht="28.5" customHeight="1" thickBot="1" x14ac:dyDescent="0.25">
      <c r="A8" s="621"/>
      <c r="B8" s="359" t="s">
        <v>43</v>
      </c>
      <c r="C8" s="47" t="s">
        <v>44</v>
      </c>
      <c r="D8" s="360" t="s">
        <v>45</v>
      </c>
      <c r="E8" s="52" t="s">
        <v>83</v>
      </c>
      <c r="F8" s="47" t="s">
        <v>47</v>
      </c>
      <c r="G8" s="47" t="s">
        <v>48</v>
      </c>
      <c r="H8" s="47" t="s">
        <v>49</v>
      </c>
      <c r="I8" s="47" t="s">
        <v>50</v>
      </c>
      <c r="J8" s="47" t="s">
        <v>51</v>
      </c>
      <c r="K8" s="48" t="s">
        <v>45</v>
      </c>
      <c r="L8" s="645"/>
      <c r="M8" s="51" t="s">
        <v>43</v>
      </c>
      <c r="N8" s="47" t="s">
        <v>44</v>
      </c>
      <c r="O8" s="48" t="s">
        <v>45</v>
      </c>
      <c r="P8" s="52" t="s">
        <v>83</v>
      </c>
      <c r="Q8" s="47" t="s">
        <v>47</v>
      </c>
      <c r="R8" s="47" t="s">
        <v>48</v>
      </c>
      <c r="S8" s="47" t="s">
        <v>49</v>
      </c>
      <c r="T8" s="47" t="s">
        <v>50</v>
      </c>
      <c r="U8" s="47" t="s">
        <v>51</v>
      </c>
      <c r="V8" s="48" t="s">
        <v>45</v>
      </c>
      <c r="W8" s="652"/>
      <c r="X8" s="51" t="s">
        <v>43</v>
      </c>
      <c r="Y8" s="47" t="s">
        <v>44</v>
      </c>
      <c r="Z8" s="48" t="s">
        <v>45</v>
      </c>
      <c r="AA8" s="52" t="s">
        <v>83</v>
      </c>
      <c r="AB8" s="47" t="s">
        <v>47</v>
      </c>
      <c r="AC8" s="47" t="s">
        <v>48</v>
      </c>
      <c r="AD8" s="47" t="s">
        <v>49</v>
      </c>
      <c r="AE8" s="47" t="s">
        <v>50</v>
      </c>
      <c r="AF8" s="47" t="s">
        <v>51</v>
      </c>
      <c r="AG8" s="48" t="s">
        <v>45</v>
      </c>
      <c r="AH8" s="655"/>
      <c r="AI8" s="51" t="s">
        <v>43</v>
      </c>
      <c r="AJ8" s="47" t="s">
        <v>44</v>
      </c>
      <c r="AK8" s="360" t="s">
        <v>45</v>
      </c>
      <c r="AL8" s="52" t="s">
        <v>83</v>
      </c>
      <c r="AM8" s="47" t="s">
        <v>47</v>
      </c>
      <c r="AN8" s="47" t="s">
        <v>48</v>
      </c>
      <c r="AO8" s="47" t="s">
        <v>49</v>
      </c>
      <c r="AP8" s="47" t="s">
        <v>50</v>
      </c>
      <c r="AQ8" s="47" t="s">
        <v>51</v>
      </c>
      <c r="AR8" s="48" t="s">
        <v>45</v>
      </c>
      <c r="AS8" s="655"/>
      <c r="AT8" s="51" t="s">
        <v>43</v>
      </c>
      <c r="AU8" s="47" t="s">
        <v>44</v>
      </c>
      <c r="AV8" s="360" t="s">
        <v>45</v>
      </c>
      <c r="AW8" s="52" t="s">
        <v>83</v>
      </c>
      <c r="AX8" s="47" t="s">
        <v>47</v>
      </c>
      <c r="AY8" s="47" t="s">
        <v>48</v>
      </c>
      <c r="AZ8" s="47" t="s">
        <v>49</v>
      </c>
      <c r="BA8" s="47" t="s">
        <v>50</v>
      </c>
      <c r="BB8" s="47" t="s">
        <v>51</v>
      </c>
      <c r="BC8" s="48" t="s">
        <v>45</v>
      </c>
      <c r="BD8" s="655"/>
      <c r="BE8" s="361" t="s">
        <v>43</v>
      </c>
      <c r="BF8" s="47" t="s">
        <v>44</v>
      </c>
      <c r="BG8" s="360" t="s">
        <v>45</v>
      </c>
      <c r="BH8" s="52" t="s">
        <v>83</v>
      </c>
      <c r="BI8" s="47" t="s">
        <v>47</v>
      </c>
      <c r="BJ8" s="47" t="s">
        <v>48</v>
      </c>
      <c r="BK8" s="47" t="s">
        <v>49</v>
      </c>
      <c r="BL8" s="47" t="s">
        <v>50</v>
      </c>
      <c r="BM8" s="47" t="s">
        <v>51</v>
      </c>
      <c r="BN8" s="48" t="s">
        <v>45</v>
      </c>
      <c r="BO8" s="655"/>
      <c r="BP8" s="51" t="s">
        <v>43</v>
      </c>
      <c r="BQ8" s="47" t="s">
        <v>44</v>
      </c>
      <c r="BR8" s="360" t="s">
        <v>45</v>
      </c>
      <c r="BS8" s="52" t="s">
        <v>83</v>
      </c>
      <c r="BT8" s="47" t="s">
        <v>47</v>
      </c>
      <c r="BU8" s="47" t="s">
        <v>48</v>
      </c>
      <c r="BV8" s="47" t="s">
        <v>49</v>
      </c>
      <c r="BW8" s="47" t="s">
        <v>50</v>
      </c>
      <c r="BX8" s="47" t="s">
        <v>51</v>
      </c>
      <c r="BY8" s="48" t="s">
        <v>45</v>
      </c>
      <c r="BZ8" s="655"/>
      <c r="CA8" s="51" t="s">
        <v>43</v>
      </c>
      <c r="CB8" s="47" t="s">
        <v>44</v>
      </c>
      <c r="CC8" s="360" t="s">
        <v>45</v>
      </c>
      <c r="CD8" s="52" t="s">
        <v>83</v>
      </c>
      <c r="CE8" s="47" t="s">
        <v>47</v>
      </c>
      <c r="CF8" s="47" t="s">
        <v>48</v>
      </c>
      <c r="CG8" s="47" t="s">
        <v>49</v>
      </c>
      <c r="CH8" s="47" t="s">
        <v>50</v>
      </c>
      <c r="CI8" s="47" t="s">
        <v>51</v>
      </c>
      <c r="CJ8" s="48" t="s">
        <v>45</v>
      </c>
      <c r="CK8" s="652"/>
      <c r="CL8" s="51" t="s">
        <v>43</v>
      </c>
      <c r="CM8" s="47" t="s">
        <v>44</v>
      </c>
      <c r="CN8" s="48" t="s">
        <v>45</v>
      </c>
      <c r="CO8" s="52" t="s">
        <v>83</v>
      </c>
      <c r="CP8" s="47" t="s">
        <v>47</v>
      </c>
      <c r="CQ8" s="47" t="s">
        <v>48</v>
      </c>
      <c r="CR8" s="47" t="s">
        <v>49</v>
      </c>
      <c r="CS8" s="47" t="s">
        <v>50</v>
      </c>
      <c r="CT8" s="47" t="s">
        <v>51</v>
      </c>
      <c r="CU8" s="48" t="s">
        <v>45</v>
      </c>
      <c r="CV8" s="652"/>
      <c r="CW8" s="51" t="s">
        <v>43</v>
      </c>
      <c r="CX8" s="47" t="s">
        <v>44</v>
      </c>
      <c r="CY8" s="48" t="s">
        <v>45</v>
      </c>
      <c r="CZ8" s="52" t="s">
        <v>83</v>
      </c>
      <c r="DA8" s="47" t="s">
        <v>47</v>
      </c>
      <c r="DB8" s="47" t="s">
        <v>48</v>
      </c>
      <c r="DC8" s="47" t="s">
        <v>49</v>
      </c>
      <c r="DD8" s="47" t="s">
        <v>50</v>
      </c>
      <c r="DE8" s="47" t="s">
        <v>51</v>
      </c>
      <c r="DF8" s="48" t="s">
        <v>45</v>
      </c>
      <c r="DG8" s="652"/>
      <c r="DH8" s="51" t="s">
        <v>43</v>
      </c>
      <c r="DI8" s="47" t="s">
        <v>44</v>
      </c>
      <c r="DJ8" s="48" t="s">
        <v>45</v>
      </c>
      <c r="DK8" s="52" t="s">
        <v>83</v>
      </c>
      <c r="DL8" s="47" t="s">
        <v>47</v>
      </c>
      <c r="DM8" s="47" t="s">
        <v>48</v>
      </c>
      <c r="DN8" s="47" t="s">
        <v>49</v>
      </c>
      <c r="DO8" s="47" t="s">
        <v>50</v>
      </c>
      <c r="DP8" s="47" t="s">
        <v>51</v>
      </c>
      <c r="DQ8" s="48" t="s">
        <v>45</v>
      </c>
      <c r="DR8" s="652"/>
      <c r="DS8" s="51" t="s">
        <v>43</v>
      </c>
      <c r="DT8" s="47" t="s">
        <v>44</v>
      </c>
      <c r="DU8" s="360" t="s">
        <v>45</v>
      </c>
      <c r="DV8" s="52" t="s">
        <v>83</v>
      </c>
      <c r="DW8" s="47" t="s">
        <v>47</v>
      </c>
      <c r="DX8" s="47" t="s">
        <v>48</v>
      </c>
      <c r="DY8" s="47" t="s">
        <v>49</v>
      </c>
      <c r="DZ8" s="47" t="s">
        <v>50</v>
      </c>
      <c r="EA8" s="47" t="s">
        <v>51</v>
      </c>
      <c r="EB8" s="48" t="s">
        <v>45</v>
      </c>
      <c r="EC8" s="655"/>
      <c r="ED8" s="51" t="s">
        <v>43</v>
      </c>
      <c r="EE8" s="47" t="s">
        <v>44</v>
      </c>
      <c r="EF8" s="360" t="s">
        <v>45</v>
      </c>
      <c r="EG8" s="52" t="s">
        <v>83</v>
      </c>
      <c r="EH8" s="47" t="s">
        <v>47</v>
      </c>
      <c r="EI8" s="47" t="s">
        <v>48</v>
      </c>
      <c r="EJ8" s="47" t="s">
        <v>49</v>
      </c>
      <c r="EK8" s="47" t="s">
        <v>50</v>
      </c>
      <c r="EL8" s="47" t="s">
        <v>51</v>
      </c>
      <c r="EM8" s="48" t="s">
        <v>45</v>
      </c>
      <c r="EN8" s="655"/>
      <c r="EO8" s="51" t="s">
        <v>43</v>
      </c>
      <c r="EP8" s="47" t="s">
        <v>44</v>
      </c>
      <c r="EQ8" s="360" t="s">
        <v>45</v>
      </c>
      <c r="ER8" s="52" t="s">
        <v>83</v>
      </c>
      <c r="ES8" s="47" t="s">
        <v>47</v>
      </c>
      <c r="ET8" s="47" t="s">
        <v>48</v>
      </c>
      <c r="EU8" s="47" t="s">
        <v>49</v>
      </c>
      <c r="EV8" s="47" t="s">
        <v>50</v>
      </c>
      <c r="EW8" s="47" t="s">
        <v>51</v>
      </c>
      <c r="EX8" s="48" t="s">
        <v>45</v>
      </c>
      <c r="EY8" s="655"/>
      <c r="EZ8" s="51" t="s">
        <v>43</v>
      </c>
      <c r="FA8" s="47" t="s">
        <v>44</v>
      </c>
      <c r="FB8" s="360" t="s">
        <v>45</v>
      </c>
      <c r="FC8" s="52" t="s">
        <v>83</v>
      </c>
      <c r="FD8" s="47" t="s">
        <v>47</v>
      </c>
      <c r="FE8" s="47" t="s">
        <v>48</v>
      </c>
      <c r="FF8" s="47" t="s">
        <v>49</v>
      </c>
      <c r="FG8" s="47" t="s">
        <v>50</v>
      </c>
      <c r="FH8" s="47" t="s">
        <v>51</v>
      </c>
      <c r="FI8" s="48" t="s">
        <v>45</v>
      </c>
      <c r="FJ8" s="655"/>
      <c r="FK8" s="51" t="s">
        <v>43</v>
      </c>
      <c r="FL8" s="47" t="s">
        <v>44</v>
      </c>
      <c r="FM8" s="360" t="s">
        <v>45</v>
      </c>
      <c r="FN8" s="52" t="s">
        <v>83</v>
      </c>
      <c r="FO8" s="47" t="s">
        <v>47</v>
      </c>
      <c r="FP8" s="47" t="s">
        <v>48</v>
      </c>
      <c r="FQ8" s="47" t="s">
        <v>49</v>
      </c>
      <c r="FR8" s="47" t="s">
        <v>50</v>
      </c>
      <c r="FS8" s="47" t="s">
        <v>51</v>
      </c>
      <c r="FT8" s="48" t="s">
        <v>45</v>
      </c>
      <c r="FU8" s="666"/>
      <c r="FV8" s="51" t="s">
        <v>43</v>
      </c>
      <c r="FW8" s="47" t="s">
        <v>44</v>
      </c>
      <c r="FX8" s="360" t="s">
        <v>45</v>
      </c>
      <c r="FY8" s="52" t="s">
        <v>83</v>
      </c>
      <c r="FZ8" s="47" t="s">
        <v>47</v>
      </c>
      <c r="GA8" s="47" t="s">
        <v>48</v>
      </c>
      <c r="GB8" s="47" t="s">
        <v>49</v>
      </c>
      <c r="GC8" s="47" t="s">
        <v>50</v>
      </c>
      <c r="GD8" s="47" t="s">
        <v>51</v>
      </c>
      <c r="GE8" s="48" t="s">
        <v>45</v>
      </c>
      <c r="GF8" s="655"/>
      <c r="GG8" s="51" t="s">
        <v>43</v>
      </c>
      <c r="GH8" s="47" t="s">
        <v>44</v>
      </c>
      <c r="GI8" s="360" t="s">
        <v>45</v>
      </c>
      <c r="GJ8" s="52" t="s">
        <v>83</v>
      </c>
      <c r="GK8" s="47" t="s">
        <v>47</v>
      </c>
      <c r="GL8" s="47" t="s">
        <v>48</v>
      </c>
      <c r="GM8" s="47" t="s">
        <v>49</v>
      </c>
      <c r="GN8" s="47" t="s">
        <v>50</v>
      </c>
      <c r="GO8" s="47" t="s">
        <v>51</v>
      </c>
      <c r="GP8" s="48" t="s">
        <v>45</v>
      </c>
      <c r="GQ8" s="665"/>
      <c r="GR8" s="51" t="s">
        <v>43</v>
      </c>
      <c r="GS8" s="47" t="s">
        <v>44</v>
      </c>
      <c r="GT8" s="360" t="s">
        <v>45</v>
      </c>
      <c r="GU8" s="52" t="s">
        <v>83</v>
      </c>
      <c r="GV8" s="47" t="s">
        <v>47</v>
      </c>
      <c r="GW8" s="47" t="s">
        <v>48</v>
      </c>
      <c r="GX8" s="47" t="s">
        <v>49</v>
      </c>
      <c r="GY8" s="47" t="s">
        <v>50</v>
      </c>
      <c r="GZ8" s="47" t="s">
        <v>51</v>
      </c>
      <c r="HA8" s="48" t="s">
        <v>45</v>
      </c>
      <c r="HB8" s="665"/>
      <c r="HC8" s="51" t="s">
        <v>43</v>
      </c>
      <c r="HD8" s="47" t="s">
        <v>44</v>
      </c>
      <c r="HE8" s="360" t="s">
        <v>45</v>
      </c>
      <c r="HF8" s="52" t="s">
        <v>83</v>
      </c>
      <c r="HG8" s="47" t="s">
        <v>47</v>
      </c>
      <c r="HH8" s="47" t="s">
        <v>48</v>
      </c>
      <c r="HI8" s="47" t="s">
        <v>49</v>
      </c>
      <c r="HJ8" s="47" t="s">
        <v>50</v>
      </c>
      <c r="HK8" s="47" t="s">
        <v>51</v>
      </c>
      <c r="HL8" s="48" t="s">
        <v>45</v>
      </c>
      <c r="HM8" s="655"/>
      <c r="HN8" s="51" t="s">
        <v>43</v>
      </c>
      <c r="HO8" s="47" t="s">
        <v>44</v>
      </c>
      <c r="HP8" s="360" t="s">
        <v>45</v>
      </c>
      <c r="HQ8" s="52" t="s">
        <v>83</v>
      </c>
      <c r="HR8" s="47" t="s">
        <v>47</v>
      </c>
      <c r="HS8" s="47" t="s">
        <v>48</v>
      </c>
      <c r="HT8" s="47" t="s">
        <v>49</v>
      </c>
      <c r="HU8" s="47" t="s">
        <v>50</v>
      </c>
      <c r="HV8" s="47" t="s">
        <v>51</v>
      </c>
      <c r="HW8" s="48" t="s">
        <v>45</v>
      </c>
      <c r="HX8" s="655"/>
      <c r="HY8" s="409" t="s">
        <v>43</v>
      </c>
      <c r="HZ8" s="410" t="s">
        <v>44</v>
      </c>
      <c r="IA8" s="41" t="s">
        <v>45</v>
      </c>
      <c r="IB8" s="42" t="s">
        <v>83</v>
      </c>
      <c r="IC8" s="410" t="s">
        <v>47</v>
      </c>
      <c r="ID8" s="410" t="s">
        <v>48</v>
      </c>
      <c r="IE8" s="410" t="s">
        <v>49</v>
      </c>
      <c r="IF8" s="410" t="s">
        <v>50</v>
      </c>
      <c r="IG8" s="410" t="s">
        <v>51</v>
      </c>
      <c r="IH8" s="17" t="s">
        <v>45</v>
      </c>
      <c r="II8" s="591"/>
      <c r="IJ8" s="409" t="s">
        <v>43</v>
      </c>
      <c r="IK8" s="410" t="s">
        <v>44</v>
      </c>
      <c r="IL8" s="41" t="s">
        <v>45</v>
      </c>
      <c r="IM8" s="42" t="s">
        <v>83</v>
      </c>
      <c r="IN8" s="59" t="s">
        <v>47</v>
      </c>
      <c r="IO8" s="59" t="s">
        <v>48</v>
      </c>
      <c r="IP8" s="59" t="s">
        <v>49</v>
      </c>
      <c r="IQ8" s="59" t="s">
        <v>50</v>
      </c>
      <c r="IR8" s="59" t="s">
        <v>51</v>
      </c>
      <c r="IS8" s="65" t="s">
        <v>45</v>
      </c>
      <c r="IT8" s="590"/>
      <c r="IU8" s="61" t="s">
        <v>43</v>
      </c>
      <c r="IV8" s="59" t="s">
        <v>44</v>
      </c>
      <c r="IW8" s="65" t="s">
        <v>45</v>
      </c>
      <c r="IX8" s="33" t="s">
        <v>83</v>
      </c>
      <c r="IY8" s="59" t="s">
        <v>47</v>
      </c>
      <c r="IZ8" s="59" t="s">
        <v>48</v>
      </c>
      <c r="JA8" s="59" t="s">
        <v>49</v>
      </c>
      <c r="JB8" s="59" t="s">
        <v>50</v>
      </c>
      <c r="JC8" s="59" t="s">
        <v>51</v>
      </c>
      <c r="JD8" s="65" t="s">
        <v>45</v>
      </c>
      <c r="JE8" s="590"/>
      <c r="JF8" s="61" t="s">
        <v>43</v>
      </c>
      <c r="JG8" s="59" t="s">
        <v>44</v>
      </c>
      <c r="JH8" s="60" t="s">
        <v>45</v>
      </c>
      <c r="JI8" s="33" t="s">
        <v>83</v>
      </c>
      <c r="JJ8" s="59" t="s">
        <v>47</v>
      </c>
      <c r="JK8" s="59" t="s">
        <v>48</v>
      </c>
      <c r="JL8" s="59" t="s">
        <v>49</v>
      </c>
      <c r="JM8" s="59" t="s">
        <v>50</v>
      </c>
      <c r="JN8" s="59" t="s">
        <v>51</v>
      </c>
      <c r="JO8" s="65" t="s">
        <v>45</v>
      </c>
      <c r="JP8" s="550"/>
      <c r="JQ8" s="61" t="s">
        <v>43</v>
      </c>
      <c r="JR8" s="59" t="s">
        <v>44</v>
      </c>
      <c r="JS8" s="60" t="s">
        <v>45</v>
      </c>
      <c r="JT8" s="33" t="s">
        <v>83</v>
      </c>
      <c r="JU8" s="59" t="s">
        <v>47</v>
      </c>
      <c r="JV8" s="59" t="s">
        <v>48</v>
      </c>
      <c r="JW8" s="59" t="s">
        <v>49</v>
      </c>
      <c r="JX8" s="59" t="s">
        <v>50</v>
      </c>
      <c r="JY8" s="59" t="s">
        <v>51</v>
      </c>
      <c r="JZ8" s="65" t="s">
        <v>45</v>
      </c>
      <c r="KA8" s="550"/>
      <c r="KB8" s="61" t="s">
        <v>43</v>
      </c>
      <c r="KC8" s="59" t="s">
        <v>44</v>
      </c>
      <c r="KD8" s="60" t="s">
        <v>45</v>
      </c>
      <c r="KE8" s="33" t="s">
        <v>83</v>
      </c>
      <c r="KF8" s="59" t="s">
        <v>47</v>
      </c>
      <c r="KG8" s="59" t="s">
        <v>48</v>
      </c>
      <c r="KH8" s="59" t="s">
        <v>49</v>
      </c>
      <c r="KI8" s="59" t="s">
        <v>50</v>
      </c>
      <c r="KJ8" s="59" t="s">
        <v>51</v>
      </c>
      <c r="KK8" s="65" t="s">
        <v>45</v>
      </c>
      <c r="KL8" s="550"/>
      <c r="KM8" s="61" t="s">
        <v>43</v>
      </c>
      <c r="KN8" s="59" t="s">
        <v>44</v>
      </c>
      <c r="KO8" s="60" t="s">
        <v>45</v>
      </c>
      <c r="KP8" s="42" t="s">
        <v>83</v>
      </c>
      <c r="KQ8" s="59" t="s">
        <v>47</v>
      </c>
      <c r="KR8" s="59" t="s">
        <v>48</v>
      </c>
      <c r="KS8" s="59" t="s">
        <v>49</v>
      </c>
      <c r="KT8" s="59" t="s">
        <v>50</v>
      </c>
      <c r="KU8" s="59" t="s">
        <v>51</v>
      </c>
      <c r="KV8" s="65" t="s">
        <v>45</v>
      </c>
      <c r="KW8" s="550"/>
      <c r="KX8" s="61" t="s">
        <v>43</v>
      </c>
      <c r="KY8" s="59" t="s">
        <v>44</v>
      </c>
      <c r="KZ8" s="60" t="s">
        <v>45</v>
      </c>
      <c r="LA8" s="42" t="s">
        <v>83</v>
      </c>
      <c r="LB8" s="59" t="s">
        <v>47</v>
      </c>
      <c r="LC8" s="59" t="s">
        <v>48</v>
      </c>
      <c r="LD8" s="59" t="s">
        <v>49</v>
      </c>
      <c r="LE8" s="59" t="s">
        <v>50</v>
      </c>
      <c r="LF8" s="59" t="s">
        <v>51</v>
      </c>
      <c r="LG8" s="65" t="s">
        <v>45</v>
      </c>
      <c r="LH8" s="550"/>
      <c r="LI8" s="61" t="s">
        <v>43</v>
      </c>
      <c r="LJ8" s="59" t="s">
        <v>44</v>
      </c>
      <c r="LK8" s="60" t="s">
        <v>45</v>
      </c>
      <c r="LL8" s="42" t="s">
        <v>83</v>
      </c>
      <c r="LM8" s="59" t="s">
        <v>47</v>
      </c>
      <c r="LN8" s="59" t="s">
        <v>48</v>
      </c>
      <c r="LO8" s="59" t="s">
        <v>49</v>
      </c>
      <c r="LP8" s="59" t="s">
        <v>50</v>
      </c>
      <c r="LQ8" s="59" t="s">
        <v>51</v>
      </c>
      <c r="LR8" s="65" t="s">
        <v>45</v>
      </c>
      <c r="LS8" s="550"/>
      <c r="LT8" s="61" t="s">
        <v>43</v>
      </c>
      <c r="LU8" s="59" t="s">
        <v>44</v>
      </c>
      <c r="LV8" s="60" t="s">
        <v>45</v>
      </c>
      <c r="LW8" s="42" t="s">
        <v>83</v>
      </c>
      <c r="LX8" s="59" t="s">
        <v>47</v>
      </c>
      <c r="LY8" s="59" t="s">
        <v>48</v>
      </c>
      <c r="LZ8" s="59" t="s">
        <v>49</v>
      </c>
      <c r="MA8" s="59" t="s">
        <v>50</v>
      </c>
      <c r="MB8" s="59" t="s">
        <v>51</v>
      </c>
      <c r="MC8" s="65" t="s">
        <v>45</v>
      </c>
      <c r="MD8" s="550"/>
      <c r="ME8" s="61" t="s">
        <v>43</v>
      </c>
      <c r="MF8" s="59" t="s">
        <v>44</v>
      </c>
      <c r="MG8" s="60" t="s">
        <v>45</v>
      </c>
      <c r="MH8" s="42" t="s">
        <v>83</v>
      </c>
      <c r="MI8" s="59" t="s">
        <v>47</v>
      </c>
      <c r="MJ8" s="59" t="s">
        <v>48</v>
      </c>
      <c r="MK8" s="59" t="s">
        <v>49</v>
      </c>
      <c r="ML8" s="59" t="s">
        <v>50</v>
      </c>
      <c r="MM8" s="59" t="s">
        <v>51</v>
      </c>
      <c r="MN8" s="65" t="s">
        <v>45</v>
      </c>
      <c r="MO8" s="550"/>
      <c r="MP8" s="61" t="s">
        <v>43</v>
      </c>
      <c r="MQ8" s="59" t="s">
        <v>44</v>
      </c>
      <c r="MR8" s="60" t="s">
        <v>45</v>
      </c>
      <c r="MS8" s="42" t="s">
        <v>83</v>
      </c>
      <c r="MT8" s="59" t="s">
        <v>47</v>
      </c>
      <c r="MU8" s="59" t="s">
        <v>48</v>
      </c>
      <c r="MV8" s="59" t="s">
        <v>49</v>
      </c>
      <c r="MW8" s="59" t="s">
        <v>50</v>
      </c>
      <c r="MX8" s="59" t="s">
        <v>51</v>
      </c>
      <c r="MY8" s="65" t="s">
        <v>45</v>
      </c>
      <c r="MZ8" s="550"/>
      <c r="NA8" s="61" t="s">
        <v>43</v>
      </c>
      <c r="NB8" s="59" t="s">
        <v>44</v>
      </c>
      <c r="NC8" s="60" t="s">
        <v>45</v>
      </c>
      <c r="ND8" s="42" t="s">
        <v>83</v>
      </c>
      <c r="NE8" s="59" t="s">
        <v>47</v>
      </c>
      <c r="NF8" s="59" t="s">
        <v>48</v>
      </c>
      <c r="NG8" s="59" t="s">
        <v>49</v>
      </c>
      <c r="NH8" s="59" t="s">
        <v>50</v>
      </c>
      <c r="NI8" s="59" t="s">
        <v>51</v>
      </c>
      <c r="NJ8" s="65" t="s">
        <v>45</v>
      </c>
      <c r="NK8" s="550"/>
      <c r="NL8" s="61" t="s">
        <v>43</v>
      </c>
      <c r="NM8" s="59" t="s">
        <v>44</v>
      </c>
      <c r="NN8" s="60" t="s">
        <v>45</v>
      </c>
      <c r="NO8" s="42" t="s">
        <v>83</v>
      </c>
      <c r="NP8" s="59" t="s">
        <v>47</v>
      </c>
      <c r="NQ8" s="59" t="s">
        <v>48</v>
      </c>
      <c r="NR8" s="59" t="s">
        <v>49</v>
      </c>
      <c r="NS8" s="59" t="s">
        <v>50</v>
      </c>
      <c r="NT8" s="59" t="s">
        <v>51</v>
      </c>
      <c r="NU8" s="65" t="s">
        <v>45</v>
      </c>
      <c r="NV8" s="550"/>
      <c r="NW8" s="61" t="s">
        <v>43</v>
      </c>
      <c r="NX8" s="59" t="s">
        <v>44</v>
      </c>
      <c r="NY8" s="60" t="s">
        <v>45</v>
      </c>
      <c r="NZ8" s="42" t="s">
        <v>83</v>
      </c>
      <c r="OA8" s="59" t="s">
        <v>47</v>
      </c>
      <c r="OB8" s="59" t="s">
        <v>48</v>
      </c>
      <c r="OC8" s="59" t="s">
        <v>49</v>
      </c>
      <c r="OD8" s="59" t="s">
        <v>50</v>
      </c>
      <c r="OE8" s="59" t="s">
        <v>51</v>
      </c>
      <c r="OF8" s="65" t="s">
        <v>45</v>
      </c>
      <c r="OG8" s="550"/>
      <c r="OH8" s="61" t="s">
        <v>43</v>
      </c>
      <c r="OI8" s="59" t="s">
        <v>44</v>
      </c>
      <c r="OJ8" s="60" t="s">
        <v>45</v>
      </c>
      <c r="OK8" s="33" t="s">
        <v>83</v>
      </c>
      <c r="OL8" s="59" t="s">
        <v>47</v>
      </c>
      <c r="OM8" s="59" t="s">
        <v>48</v>
      </c>
      <c r="ON8" s="59" t="s">
        <v>49</v>
      </c>
      <c r="OO8" s="59" t="s">
        <v>50</v>
      </c>
      <c r="OP8" s="59" t="s">
        <v>51</v>
      </c>
      <c r="OQ8" s="65" t="s">
        <v>45</v>
      </c>
      <c r="OR8" s="550"/>
    </row>
    <row r="9" spans="1:408" ht="20.25" customHeight="1" x14ac:dyDescent="0.2">
      <c r="A9" s="129" t="s">
        <v>4</v>
      </c>
      <c r="B9" s="110">
        <v>27410587</v>
      </c>
      <c r="C9" s="188">
        <v>46549638</v>
      </c>
      <c r="D9" s="189">
        <v>73960225</v>
      </c>
      <c r="E9" s="190">
        <v>0</v>
      </c>
      <c r="F9" s="188">
        <v>304834556</v>
      </c>
      <c r="G9" s="188">
        <v>407100744</v>
      </c>
      <c r="H9" s="188">
        <v>357619154</v>
      </c>
      <c r="I9" s="188">
        <v>319779155</v>
      </c>
      <c r="J9" s="188">
        <v>207154357</v>
      </c>
      <c r="K9" s="191">
        <v>1596487966</v>
      </c>
      <c r="L9" s="192">
        <v>1670448191</v>
      </c>
      <c r="M9" s="110">
        <v>8460960</v>
      </c>
      <c r="N9" s="188">
        <v>16769519</v>
      </c>
      <c r="O9" s="193">
        <v>25230479</v>
      </c>
      <c r="P9" s="110">
        <v>0</v>
      </c>
      <c r="Q9" s="188">
        <v>94102490</v>
      </c>
      <c r="R9" s="188">
        <v>137835321</v>
      </c>
      <c r="S9" s="188">
        <v>114561078</v>
      </c>
      <c r="T9" s="188">
        <v>118144850</v>
      </c>
      <c r="U9" s="188">
        <v>100669283</v>
      </c>
      <c r="V9" s="193">
        <v>565313022</v>
      </c>
      <c r="W9" s="192">
        <v>590543501</v>
      </c>
      <c r="X9" s="110">
        <v>0</v>
      </c>
      <c r="Y9" s="188">
        <v>0</v>
      </c>
      <c r="Z9" s="193">
        <v>0</v>
      </c>
      <c r="AA9" s="111">
        <v>0</v>
      </c>
      <c r="AB9" s="194">
        <v>40535097</v>
      </c>
      <c r="AC9" s="194">
        <v>59987678</v>
      </c>
      <c r="AD9" s="194">
        <v>58195895</v>
      </c>
      <c r="AE9" s="194">
        <v>60488922</v>
      </c>
      <c r="AF9" s="194">
        <v>53104377</v>
      </c>
      <c r="AG9" s="193">
        <v>272311969</v>
      </c>
      <c r="AH9" s="192">
        <v>272311969</v>
      </c>
      <c r="AI9" s="195">
        <v>0</v>
      </c>
      <c r="AJ9" s="194">
        <v>84495</v>
      </c>
      <c r="AK9" s="193">
        <v>84495</v>
      </c>
      <c r="AL9" s="111">
        <v>0</v>
      </c>
      <c r="AM9" s="194">
        <v>543530</v>
      </c>
      <c r="AN9" s="191">
        <v>1627790</v>
      </c>
      <c r="AO9" s="194">
        <v>3307127</v>
      </c>
      <c r="AP9" s="194">
        <v>7753387</v>
      </c>
      <c r="AQ9" s="194">
        <v>13391786</v>
      </c>
      <c r="AR9" s="193">
        <v>26623620</v>
      </c>
      <c r="AS9" s="192">
        <v>26708115</v>
      </c>
      <c r="AT9" s="195">
        <v>4293666</v>
      </c>
      <c r="AU9" s="194">
        <v>11379990</v>
      </c>
      <c r="AV9" s="193">
        <v>15673656</v>
      </c>
      <c r="AW9" s="111">
        <v>0</v>
      </c>
      <c r="AX9" s="194">
        <v>33697045</v>
      </c>
      <c r="AY9" s="194">
        <v>51005253</v>
      </c>
      <c r="AZ9" s="194">
        <v>31356979</v>
      </c>
      <c r="BA9" s="194">
        <v>30106540</v>
      </c>
      <c r="BB9" s="194">
        <v>22434967</v>
      </c>
      <c r="BC9" s="193">
        <v>168600784</v>
      </c>
      <c r="BD9" s="196">
        <v>184274440</v>
      </c>
      <c r="BE9" s="195">
        <v>557086</v>
      </c>
      <c r="BF9" s="191">
        <v>1721322</v>
      </c>
      <c r="BG9" s="279">
        <v>2278408</v>
      </c>
      <c r="BH9" s="111">
        <v>0</v>
      </c>
      <c r="BI9" s="194">
        <v>2350418</v>
      </c>
      <c r="BJ9" s="194">
        <v>4362304</v>
      </c>
      <c r="BK9" s="194">
        <v>2868040</v>
      </c>
      <c r="BL9" s="194">
        <v>2885809</v>
      </c>
      <c r="BM9" s="194">
        <v>796297</v>
      </c>
      <c r="BN9" s="193">
        <v>13262868</v>
      </c>
      <c r="BO9" s="192">
        <v>15541276</v>
      </c>
      <c r="BP9" s="195">
        <v>3610208</v>
      </c>
      <c r="BQ9" s="194">
        <v>3583712</v>
      </c>
      <c r="BR9" s="193">
        <v>7193920</v>
      </c>
      <c r="BS9" s="111">
        <v>0</v>
      </c>
      <c r="BT9" s="194">
        <v>16976400</v>
      </c>
      <c r="BU9" s="194">
        <v>20852296</v>
      </c>
      <c r="BV9" s="194">
        <v>18833037</v>
      </c>
      <c r="BW9" s="194">
        <v>16910192</v>
      </c>
      <c r="BX9" s="194">
        <v>10941856</v>
      </c>
      <c r="BY9" s="193">
        <v>84513781</v>
      </c>
      <c r="BZ9" s="192">
        <v>91707701</v>
      </c>
      <c r="CA9" s="195">
        <v>2725405</v>
      </c>
      <c r="CB9" s="194">
        <v>6699605</v>
      </c>
      <c r="CC9" s="193">
        <v>9425010</v>
      </c>
      <c r="CD9" s="111">
        <v>0</v>
      </c>
      <c r="CE9" s="194">
        <v>95038963</v>
      </c>
      <c r="CF9" s="194">
        <v>120817507</v>
      </c>
      <c r="CG9" s="197">
        <v>87155540</v>
      </c>
      <c r="CH9" s="194">
        <v>50888678</v>
      </c>
      <c r="CI9" s="194">
        <v>19279993</v>
      </c>
      <c r="CJ9" s="193">
        <v>373180681</v>
      </c>
      <c r="CK9" s="192">
        <v>382605691</v>
      </c>
      <c r="CL9" s="110">
        <v>0</v>
      </c>
      <c r="CM9" s="188">
        <v>0</v>
      </c>
      <c r="CN9" s="193">
        <v>0</v>
      </c>
      <c r="CO9" s="111">
        <v>0</v>
      </c>
      <c r="CP9" s="194">
        <v>75918173</v>
      </c>
      <c r="CQ9" s="194">
        <v>88911684</v>
      </c>
      <c r="CR9" s="194">
        <v>63256201</v>
      </c>
      <c r="CS9" s="194">
        <v>34626928</v>
      </c>
      <c r="CT9" s="194">
        <v>15122122</v>
      </c>
      <c r="CU9" s="198">
        <v>277835108</v>
      </c>
      <c r="CV9" s="192">
        <v>277835108</v>
      </c>
      <c r="CW9" s="195">
        <v>2725405</v>
      </c>
      <c r="CX9" s="194">
        <v>6699605</v>
      </c>
      <c r="CY9" s="193">
        <v>9425010</v>
      </c>
      <c r="CZ9" s="111">
        <v>0</v>
      </c>
      <c r="DA9" s="194">
        <v>19120790</v>
      </c>
      <c r="DB9" s="194">
        <v>31905823</v>
      </c>
      <c r="DC9" s="194">
        <v>23899339</v>
      </c>
      <c r="DD9" s="194">
        <v>16261750</v>
      </c>
      <c r="DE9" s="194">
        <v>4157871</v>
      </c>
      <c r="DF9" s="193">
        <v>95345573</v>
      </c>
      <c r="DG9" s="192">
        <v>104770583</v>
      </c>
      <c r="DH9" s="195">
        <v>249972</v>
      </c>
      <c r="DI9" s="194">
        <v>738815</v>
      </c>
      <c r="DJ9" s="279">
        <v>988787</v>
      </c>
      <c r="DK9" s="111">
        <v>0</v>
      </c>
      <c r="DL9" s="194">
        <v>10867498</v>
      </c>
      <c r="DM9" s="194">
        <v>17547115</v>
      </c>
      <c r="DN9" s="194">
        <v>35616315</v>
      </c>
      <c r="DO9" s="194">
        <v>30697954</v>
      </c>
      <c r="DP9" s="194">
        <v>11512208</v>
      </c>
      <c r="DQ9" s="280">
        <v>106241090</v>
      </c>
      <c r="DR9" s="192">
        <v>107229877</v>
      </c>
      <c r="DS9" s="195">
        <v>203824</v>
      </c>
      <c r="DT9" s="194">
        <v>671684</v>
      </c>
      <c r="DU9" s="193">
        <v>875508</v>
      </c>
      <c r="DV9" s="111">
        <v>0</v>
      </c>
      <c r="DW9" s="194">
        <v>9610684</v>
      </c>
      <c r="DX9" s="194">
        <v>14145091</v>
      </c>
      <c r="DY9" s="194">
        <v>29940672</v>
      </c>
      <c r="DZ9" s="194">
        <v>26303290</v>
      </c>
      <c r="EA9" s="194">
        <v>10351582</v>
      </c>
      <c r="EB9" s="193">
        <v>90351319</v>
      </c>
      <c r="EC9" s="192">
        <v>91226827</v>
      </c>
      <c r="ED9" s="195">
        <v>46148</v>
      </c>
      <c r="EE9" s="191">
        <v>67131</v>
      </c>
      <c r="EF9" s="193">
        <v>113279</v>
      </c>
      <c r="EG9" s="196">
        <v>0</v>
      </c>
      <c r="EH9" s="194">
        <v>1256814</v>
      </c>
      <c r="EI9" s="194">
        <v>3402024</v>
      </c>
      <c r="EJ9" s="194">
        <v>5675643</v>
      </c>
      <c r="EK9" s="194">
        <v>4394664</v>
      </c>
      <c r="EL9" s="197">
        <v>1160626</v>
      </c>
      <c r="EM9" s="191">
        <v>15889771</v>
      </c>
      <c r="EN9" s="192">
        <v>16003050</v>
      </c>
      <c r="EO9" s="195">
        <v>0</v>
      </c>
      <c r="EP9" s="194">
        <v>0</v>
      </c>
      <c r="EQ9" s="191">
        <v>0</v>
      </c>
      <c r="ER9" s="111">
        <v>0</v>
      </c>
      <c r="ES9" s="194">
        <v>0</v>
      </c>
      <c r="ET9" s="194">
        <v>0</v>
      </c>
      <c r="EU9" s="194">
        <v>0</v>
      </c>
      <c r="EV9" s="194">
        <v>0</v>
      </c>
      <c r="EW9" s="194">
        <v>0</v>
      </c>
      <c r="EX9" s="198">
        <v>0</v>
      </c>
      <c r="EY9" s="192">
        <v>0</v>
      </c>
      <c r="EZ9" s="195">
        <v>0</v>
      </c>
      <c r="FA9" s="194">
        <v>0</v>
      </c>
      <c r="FB9" s="191">
        <v>0</v>
      </c>
      <c r="FC9" s="386"/>
      <c r="FD9" s="194">
        <v>0</v>
      </c>
      <c r="FE9" s="194">
        <v>0</v>
      </c>
      <c r="FF9" s="194">
        <v>0</v>
      </c>
      <c r="FG9" s="194">
        <v>0</v>
      </c>
      <c r="FH9" s="194">
        <v>0</v>
      </c>
      <c r="FI9" s="198">
        <v>0</v>
      </c>
      <c r="FJ9" s="192">
        <v>0</v>
      </c>
      <c r="FK9" s="195">
        <v>5136492</v>
      </c>
      <c r="FL9" s="194">
        <v>9575429</v>
      </c>
      <c r="FM9" s="193">
        <v>14711921</v>
      </c>
      <c r="FN9" s="111">
        <v>0</v>
      </c>
      <c r="FO9" s="194">
        <v>16501133</v>
      </c>
      <c r="FP9" s="194">
        <v>38385485</v>
      </c>
      <c r="FQ9" s="194">
        <v>27398942</v>
      </c>
      <c r="FR9" s="194">
        <v>24832396</v>
      </c>
      <c r="FS9" s="194">
        <v>14959604</v>
      </c>
      <c r="FT9" s="193">
        <v>122077560</v>
      </c>
      <c r="FU9" s="192">
        <v>136789481</v>
      </c>
      <c r="FV9" s="195">
        <v>2523972</v>
      </c>
      <c r="FW9" s="194">
        <v>5985936</v>
      </c>
      <c r="FX9" s="191">
        <v>8509908</v>
      </c>
      <c r="FY9" s="196">
        <v>0</v>
      </c>
      <c r="FZ9" s="194">
        <v>11077488</v>
      </c>
      <c r="GA9" s="199">
        <v>33943314</v>
      </c>
      <c r="GB9" s="194">
        <v>24951237</v>
      </c>
      <c r="GC9" s="199">
        <v>22736712</v>
      </c>
      <c r="GD9" s="194">
        <v>13625662</v>
      </c>
      <c r="GE9" s="198">
        <v>106334413</v>
      </c>
      <c r="GF9" s="350">
        <v>114844321</v>
      </c>
      <c r="GG9" s="200">
        <v>319357</v>
      </c>
      <c r="GH9" s="194">
        <v>585413</v>
      </c>
      <c r="GI9" s="199">
        <v>904770</v>
      </c>
      <c r="GJ9" s="190">
        <v>0</v>
      </c>
      <c r="GK9" s="194">
        <v>748482</v>
      </c>
      <c r="GL9" s="191">
        <v>1189765</v>
      </c>
      <c r="GM9" s="194">
        <v>648713</v>
      </c>
      <c r="GN9" s="191">
        <v>587252</v>
      </c>
      <c r="GO9" s="194">
        <v>551318</v>
      </c>
      <c r="GP9" s="280">
        <v>3725530</v>
      </c>
      <c r="GQ9" s="192">
        <v>4630300</v>
      </c>
      <c r="GR9" s="191">
        <v>2293163</v>
      </c>
      <c r="GS9" s="194">
        <v>3004080</v>
      </c>
      <c r="GT9" s="193">
        <v>5297243</v>
      </c>
      <c r="GU9" s="191">
        <v>0</v>
      </c>
      <c r="GV9" s="194">
        <v>4675163</v>
      </c>
      <c r="GW9" s="191">
        <v>3252406</v>
      </c>
      <c r="GX9" s="194">
        <v>1798992</v>
      </c>
      <c r="GY9" s="191">
        <v>1508432</v>
      </c>
      <c r="GZ9" s="194">
        <v>782624</v>
      </c>
      <c r="HA9" s="191">
        <v>12017617</v>
      </c>
      <c r="HB9" s="192">
        <v>17314860</v>
      </c>
      <c r="HC9" s="191">
        <v>10837758</v>
      </c>
      <c r="HD9" s="194">
        <v>12766270</v>
      </c>
      <c r="HE9" s="191">
        <v>23604028</v>
      </c>
      <c r="HF9" s="196">
        <v>0</v>
      </c>
      <c r="HG9" s="194">
        <v>88324472</v>
      </c>
      <c r="HH9" s="199">
        <v>92515316</v>
      </c>
      <c r="HI9" s="194">
        <v>92887279</v>
      </c>
      <c r="HJ9" s="199">
        <v>95215277</v>
      </c>
      <c r="HK9" s="194">
        <v>60733269</v>
      </c>
      <c r="HL9" s="198">
        <v>429675613</v>
      </c>
      <c r="HM9" s="191">
        <v>453279641</v>
      </c>
      <c r="HN9" s="362"/>
      <c r="HO9" s="363"/>
      <c r="HP9" s="364"/>
      <c r="HQ9" s="365"/>
      <c r="HR9" s="363"/>
      <c r="HS9" s="365"/>
      <c r="HT9" s="363"/>
      <c r="HU9" s="365"/>
      <c r="HV9" s="363"/>
      <c r="HW9" s="365"/>
      <c r="HX9" s="366"/>
      <c r="HY9" s="132">
        <v>843413</v>
      </c>
      <c r="HZ9" s="133">
        <v>1061408</v>
      </c>
      <c r="IA9" s="134">
        <v>1904821</v>
      </c>
      <c r="IB9" s="121">
        <v>0</v>
      </c>
      <c r="IC9" s="133">
        <v>83442488</v>
      </c>
      <c r="ID9" s="135">
        <v>110883603</v>
      </c>
      <c r="IE9" s="136">
        <v>109639099</v>
      </c>
      <c r="IF9" s="133">
        <v>82871079</v>
      </c>
      <c r="IG9" s="136">
        <v>43318305</v>
      </c>
      <c r="IH9" s="137">
        <v>430154574</v>
      </c>
      <c r="II9" s="138">
        <v>432059395</v>
      </c>
      <c r="IJ9" s="261">
        <v>0</v>
      </c>
      <c r="IK9" s="267">
        <v>0</v>
      </c>
      <c r="IL9" s="268">
        <v>0</v>
      </c>
      <c r="IM9" s="139"/>
      <c r="IN9" s="140">
        <v>1786354</v>
      </c>
      <c r="IO9" s="140">
        <v>3606206</v>
      </c>
      <c r="IP9" s="140">
        <v>3287944</v>
      </c>
      <c r="IQ9" s="140">
        <v>5111850</v>
      </c>
      <c r="IR9" s="140">
        <v>2584136</v>
      </c>
      <c r="IS9" s="141">
        <v>16376490</v>
      </c>
      <c r="IT9" s="353">
        <v>16376490</v>
      </c>
      <c r="IU9" s="142">
        <v>0</v>
      </c>
      <c r="IV9" s="140">
        <v>0</v>
      </c>
      <c r="IW9" s="144">
        <v>0</v>
      </c>
      <c r="IX9" s="147"/>
      <c r="IY9" s="140">
        <v>238875</v>
      </c>
      <c r="IZ9" s="140">
        <v>759180</v>
      </c>
      <c r="JA9" s="140">
        <v>685215</v>
      </c>
      <c r="JB9" s="140">
        <v>1211216</v>
      </c>
      <c r="JC9" s="140">
        <v>1251916</v>
      </c>
      <c r="JD9" s="144">
        <v>4146402</v>
      </c>
      <c r="JE9" s="145">
        <v>4146402</v>
      </c>
      <c r="JF9" s="142">
        <v>0</v>
      </c>
      <c r="JG9" s="140">
        <v>0</v>
      </c>
      <c r="JH9" s="141">
        <v>0</v>
      </c>
      <c r="JI9" s="143">
        <v>0</v>
      </c>
      <c r="JJ9" s="140">
        <v>37079698</v>
      </c>
      <c r="JK9" s="140">
        <v>36810096</v>
      </c>
      <c r="JL9" s="140">
        <v>28864335</v>
      </c>
      <c r="JM9" s="140">
        <v>15596496</v>
      </c>
      <c r="JN9" s="140">
        <v>6586204</v>
      </c>
      <c r="JO9" s="144">
        <v>124936829</v>
      </c>
      <c r="JP9" s="353">
        <v>124936829</v>
      </c>
      <c r="JQ9" s="142">
        <v>17408</v>
      </c>
      <c r="JR9" s="140">
        <v>163486</v>
      </c>
      <c r="JS9" s="141">
        <v>180894</v>
      </c>
      <c r="JT9" s="143">
        <v>0</v>
      </c>
      <c r="JU9" s="140">
        <v>5326742</v>
      </c>
      <c r="JV9" s="140">
        <v>8250988</v>
      </c>
      <c r="JW9" s="140">
        <v>8122902</v>
      </c>
      <c r="JX9" s="140">
        <v>5314430</v>
      </c>
      <c r="JY9" s="140">
        <v>2471966</v>
      </c>
      <c r="JZ9" s="144">
        <v>29487028</v>
      </c>
      <c r="KA9" s="353">
        <v>29667922</v>
      </c>
      <c r="KB9" s="264">
        <v>826005</v>
      </c>
      <c r="KC9" s="258">
        <v>759223</v>
      </c>
      <c r="KD9" s="144">
        <v>1585228</v>
      </c>
      <c r="KE9" s="143">
        <v>0</v>
      </c>
      <c r="KF9" s="140">
        <v>10193557</v>
      </c>
      <c r="KG9" s="140">
        <v>15159242</v>
      </c>
      <c r="KH9" s="140">
        <v>15030840</v>
      </c>
      <c r="KI9" s="140">
        <v>17000577</v>
      </c>
      <c r="KJ9" s="140">
        <v>5176405</v>
      </c>
      <c r="KK9" s="144">
        <v>62560621</v>
      </c>
      <c r="KL9" s="146">
        <v>64145849</v>
      </c>
      <c r="KM9" s="261">
        <v>0</v>
      </c>
      <c r="KN9" s="267">
        <v>138699</v>
      </c>
      <c r="KO9" s="268">
        <v>138699</v>
      </c>
      <c r="KP9" s="139"/>
      <c r="KQ9" s="140">
        <v>26230595</v>
      </c>
      <c r="KR9" s="140">
        <v>41818249</v>
      </c>
      <c r="KS9" s="140">
        <v>43228712</v>
      </c>
      <c r="KT9" s="140">
        <v>28560516</v>
      </c>
      <c r="KU9" s="140">
        <v>10253204</v>
      </c>
      <c r="KV9" s="144">
        <v>150091276</v>
      </c>
      <c r="KW9" s="353">
        <v>150229975</v>
      </c>
      <c r="KX9" s="142">
        <v>0</v>
      </c>
      <c r="KY9" s="140">
        <v>0</v>
      </c>
      <c r="KZ9" s="144">
        <v>0</v>
      </c>
      <c r="LA9" s="148"/>
      <c r="LB9" s="140">
        <v>161071</v>
      </c>
      <c r="LC9" s="140">
        <v>1061601</v>
      </c>
      <c r="LD9" s="140">
        <v>1185308</v>
      </c>
      <c r="LE9" s="140">
        <v>2949986</v>
      </c>
      <c r="LF9" s="140">
        <v>706219</v>
      </c>
      <c r="LG9" s="144">
        <v>6064185</v>
      </c>
      <c r="LH9" s="145">
        <v>6064185</v>
      </c>
      <c r="LI9" s="142">
        <v>0</v>
      </c>
      <c r="LJ9" s="140">
        <v>0</v>
      </c>
      <c r="LK9" s="144">
        <v>0</v>
      </c>
      <c r="LL9" s="148"/>
      <c r="LM9" s="140">
        <v>0</v>
      </c>
      <c r="LN9" s="140">
        <v>246456</v>
      </c>
      <c r="LO9" s="140">
        <v>3569577</v>
      </c>
      <c r="LP9" s="140">
        <v>3280240</v>
      </c>
      <c r="LQ9" s="140">
        <v>3194820</v>
      </c>
      <c r="LR9" s="144">
        <v>10291093</v>
      </c>
      <c r="LS9" s="353">
        <v>10291093</v>
      </c>
      <c r="LT9" s="142">
        <v>0</v>
      </c>
      <c r="LU9" s="140">
        <v>0</v>
      </c>
      <c r="LV9" s="144">
        <v>0</v>
      </c>
      <c r="LW9" s="148"/>
      <c r="LX9" s="140">
        <v>2425596</v>
      </c>
      <c r="LY9" s="140">
        <v>3171585</v>
      </c>
      <c r="LZ9" s="140">
        <v>5664266</v>
      </c>
      <c r="MA9" s="140">
        <v>3845768</v>
      </c>
      <c r="MB9" s="140">
        <v>11093435</v>
      </c>
      <c r="MC9" s="144">
        <v>26200650</v>
      </c>
      <c r="MD9" s="145">
        <v>26200650</v>
      </c>
      <c r="ME9" s="142">
        <v>0</v>
      </c>
      <c r="MF9" s="140">
        <v>0</v>
      </c>
      <c r="MG9" s="144">
        <v>0</v>
      </c>
      <c r="MH9" s="148"/>
      <c r="MI9" s="140">
        <v>22427778</v>
      </c>
      <c r="MJ9" s="140">
        <v>56487679</v>
      </c>
      <c r="MK9" s="140">
        <v>187210806</v>
      </c>
      <c r="ML9" s="140">
        <v>273906096</v>
      </c>
      <c r="MM9" s="140">
        <v>171157227</v>
      </c>
      <c r="MN9" s="144">
        <v>711189586</v>
      </c>
      <c r="MO9" s="146">
        <v>711189586</v>
      </c>
      <c r="MP9" s="142">
        <v>0</v>
      </c>
      <c r="MQ9" s="140">
        <v>0</v>
      </c>
      <c r="MR9" s="144">
        <v>0</v>
      </c>
      <c r="MS9" s="148"/>
      <c r="MT9" s="140">
        <v>1649141</v>
      </c>
      <c r="MU9" s="140">
        <v>11526079</v>
      </c>
      <c r="MV9" s="140">
        <v>108602573</v>
      </c>
      <c r="MW9" s="140">
        <v>166733915</v>
      </c>
      <c r="MX9" s="140">
        <v>103138794</v>
      </c>
      <c r="MY9" s="144">
        <v>391650502</v>
      </c>
      <c r="MZ9" s="146">
        <v>391650502</v>
      </c>
      <c r="NA9" s="142">
        <v>0</v>
      </c>
      <c r="NB9" s="140">
        <v>0</v>
      </c>
      <c r="NC9" s="144">
        <v>0</v>
      </c>
      <c r="ND9" s="148"/>
      <c r="NE9" s="140">
        <v>20778637</v>
      </c>
      <c r="NF9" s="140">
        <v>44733680</v>
      </c>
      <c r="NG9" s="140">
        <v>77055347</v>
      </c>
      <c r="NH9" s="140">
        <v>98792180</v>
      </c>
      <c r="NI9" s="140">
        <v>52403629</v>
      </c>
      <c r="NJ9" s="144">
        <v>293763473</v>
      </c>
      <c r="NK9" s="353">
        <v>293763473</v>
      </c>
      <c r="NL9" s="142">
        <v>0</v>
      </c>
      <c r="NM9" s="140">
        <v>0</v>
      </c>
      <c r="NN9" s="144">
        <v>0</v>
      </c>
      <c r="NO9" s="148"/>
      <c r="NP9" s="140">
        <v>0</v>
      </c>
      <c r="NQ9" s="140">
        <v>0</v>
      </c>
      <c r="NR9" s="140">
        <v>642736</v>
      </c>
      <c r="NS9" s="140">
        <v>3682805</v>
      </c>
      <c r="NT9" s="140">
        <v>6608450</v>
      </c>
      <c r="NU9" s="144">
        <v>10933991</v>
      </c>
      <c r="NV9" s="145">
        <v>10933991</v>
      </c>
      <c r="NW9" s="142">
        <v>0</v>
      </c>
      <c r="NX9" s="140">
        <v>0</v>
      </c>
      <c r="NY9" s="144">
        <v>0</v>
      </c>
      <c r="NZ9" s="148"/>
      <c r="OA9" s="140">
        <v>0</v>
      </c>
      <c r="OB9" s="140">
        <v>227920</v>
      </c>
      <c r="OC9" s="140">
        <v>910150</v>
      </c>
      <c r="OD9" s="140">
        <v>4697196</v>
      </c>
      <c r="OE9" s="140">
        <v>9006354</v>
      </c>
      <c r="OF9" s="144">
        <v>14841620</v>
      </c>
      <c r="OG9" s="145">
        <v>14841620</v>
      </c>
      <c r="OH9" s="142">
        <v>28254000</v>
      </c>
      <c r="OI9" s="140">
        <v>47611046</v>
      </c>
      <c r="OJ9" s="141">
        <v>75865046</v>
      </c>
      <c r="OK9" s="143">
        <v>0</v>
      </c>
      <c r="OL9" s="140">
        <v>410704822</v>
      </c>
      <c r="OM9" s="140">
        <v>574472026</v>
      </c>
      <c r="ON9" s="140">
        <v>654469059</v>
      </c>
      <c r="OO9" s="140">
        <v>676556330</v>
      </c>
      <c r="OP9" s="140">
        <v>421629889</v>
      </c>
      <c r="OQ9" s="144">
        <v>2737832126</v>
      </c>
      <c r="OR9" s="146">
        <v>2813697172</v>
      </c>
    </row>
    <row r="10" spans="1:408" ht="20.25" customHeight="1" x14ac:dyDescent="0.2">
      <c r="A10" s="130" t="s">
        <v>5</v>
      </c>
      <c r="B10" s="113">
        <v>12092183</v>
      </c>
      <c r="C10" s="117">
        <v>23369704</v>
      </c>
      <c r="D10" s="116">
        <v>35461887</v>
      </c>
      <c r="E10" s="112">
        <v>0</v>
      </c>
      <c r="F10" s="117">
        <v>111675625</v>
      </c>
      <c r="G10" s="117">
        <v>190778153</v>
      </c>
      <c r="H10" s="117">
        <v>167864993</v>
      </c>
      <c r="I10" s="117">
        <v>133739464</v>
      </c>
      <c r="J10" s="117">
        <v>89294866</v>
      </c>
      <c r="K10" s="112">
        <v>693353101</v>
      </c>
      <c r="L10" s="119">
        <v>728814988</v>
      </c>
      <c r="M10" s="113">
        <v>4229352</v>
      </c>
      <c r="N10" s="117">
        <v>9480037</v>
      </c>
      <c r="O10" s="116">
        <v>13709389</v>
      </c>
      <c r="P10" s="113">
        <v>0</v>
      </c>
      <c r="Q10" s="117">
        <v>36017288</v>
      </c>
      <c r="R10" s="117">
        <v>68000660</v>
      </c>
      <c r="S10" s="117">
        <v>53149218</v>
      </c>
      <c r="T10" s="117">
        <v>49207536</v>
      </c>
      <c r="U10" s="117">
        <v>43107030</v>
      </c>
      <c r="V10" s="116">
        <v>249481732</v>
      </c>
      <c r="W10" s="119">
        <v>263191121</v>
      </c>
      <c r="X10" s="113">
        <v>0</v>
      </c>
      <c r="Y10" s="117">
        <v>0</v>
      </c>
      <c r="Z10" s="116">
        <v>0</v>
      </c>
      <c r="AA10" s="113">
        <v>0</v>
      </c>
      <c r="AB10" s="117">
        <v>15631375</v>
      </c>
      <c r="AC10" s="117">
        <v>27172667</v>
      </c>
      <c r="AD10" s="117">
        <v>24866800</v>
      </c>
      <c r="AE10" s="117">
        <v>23327116</v>
      </c>
      <c r="AF10" s="117">
        <v>20903076</v>
      </c>
      <c r="AG10" s="116">
        <v>111901034</v>
      </c>
      <c r="AH10" s="119">
        <v>111901034</v>
      </c>
      <c r="AI10" s="113">
        <v>0</v>
      </c>
      <c r="AJ10" s="117">
        <v>40663</v>
      </c>
      <c r="AK10" s="116">
        <v>40663</v>
      </c>
      <c r="AL10" s="113">
        <v>0</v>
      </c>
      <c r="AM10" s="117">
        <v>187623</v>
      </c>
      <c r="AN10" s="117">
        <v>773986</v>
      </c>
      <c r="AO10" s="117">
        <v>1410532</v>
      </c>
      <c r="AP10" s="117">
        <v>3522538</v>
      </c>
      <c r="AQ10" s="117">
        <v>6241220</v>
      </c>
      <c r="AR10" s="116">
        <v>12135899</v>
      </c>
      <c r="AS10" s="119">
        <v>12176562</v>
      </c>
      <c r="AT10" s="113">
        <v>2355789</v>
      </c>
      <c r="AU10" s="117">
        <v>6580467</v>
      </c>
      <c r="AV10" s="116">
        <v>8936256</v>
      </c>
      <c r="AW10" s="113">
        <v>0</v>
      </c>
      <c r="AX10" s="117">
        <v>13312113</v>
      </c>
      <c r="AY10" s="117">
        <v>28225910</v>
      </c>
      <c r="AZ10" s="117">
        <v>16766164</v>
      </c>
      <c r="BA10" s="117">
        <v>14345211</v>
      </c>
      <c r="BB10" s="117">
        <v>10486344</v>
      </c>
      <c r="BC10" s="116">
        <v>83135742</v>
      </c>
      <c r="BD10" s="119">
        <v>92071998</v>
      </c>
      <c r="BE10" s="113">
        <v>250667</v>
      </c>
      <c r="BF10" s="117">
        <v>1022211</v>
      </c>
      <c r="BG10" s="115">
        <v>1272878</v>
      </c>
      <c r="BH10" s="114">
        <v>0</v>
      </c>
      <c r="BI10" s="117">
        <v>591753</v>
      </c>
      <c r="BJ10" s="117">
        <v>2117417</v>
      </c>
      <c r="BK10" s="117">
        <v>1309476</v>
      </c>
      <c r="BL10" s="117">
        <v>1134683</v>
      </c>
      <c r="BM10" s="117">
        <v>511342</v>
      </c>
      <c r="BN10" s="116">
        <v>5664671</v>
      </c>
      <c r="BO10" s="119">
        <v>6937549</v>
      </c>
      <c r="BP10" s="113">
        <v>1622896</v>
      </c>
      <c r="BQ10" s="117">
        <v>1836696</v>
      </c>
      <c r="BR10" s="116">
        <v>3459592</v>
      </c>
      <c r="BS10" s="113">
        <v>0</v>
      </c>
      <c r="BT10" s="117">
        <v>6294424</v>
      </c>
      <c r="BU10" s="117">
        <v>9710680</v>
      </c>
      <c r="BV10" s="117">
        <v>8796246</v>
      </c>
      <c r="BW10" s="117">
        <v>6877988</v>
      </c>
      <c r="BX10" s="117">
        <v>4965048</v>
      </c>
      <c r="BY10" s="116">
        <v>36644386</v>
      </c>
      <c r="BZ10" s="119">
        <v>40103978</v>
      </c>
      <c r="CA10" s="113">
        <v>1389409</v>
      </c>
      <c r="CB10" s="117">
        <v>3553682</v>
      </c>
      <c r="CC10" s="116">
        <v>4943091</v>
      </c>
      <c r="CD10" s="113">
        <v>0</v>
      </c>
      <c r="CE10" s="117">
        <v>33755359</v>
      </c>
      <c r="CF10" s="117">
        <v>53546637</v>
      </c>
      <c r="CG10" s="117">
        <v>37540523</v>
      </c>
      <c r="CH10" s="117">
        <v>19691832</v>
      </c>
      <c r="CI10" s="117">
        <v>6557389</v>
      </c>
      <c r="CJ10" s="116">
        <v>151091740</v>
      </c>
      <c r="CK10" s="119">
        <v>156034831</v>
      </c>
      <c r="CL10" s="113">
        <v>0</v>
      </c>
      <c r="CM10" s="117">
        <v>0</v>
      </c>
      <c r="CN10" s="116">
        <v>0</v>
      </c>
      <c r="CO10" s="114">
        <v>0</v>
      </c>
      <c r="CP10" s="117">
        <v>26387495</v>
      </c>
      <c r="CQ10" s="117">
        <v>38667377</v>
      </c>
      <c r="CR10" s="117">
        <v>25907715</v>
      </c>
      <c r="CS10" s="117">
        <v>12341163</v>
      </c>
      <c r="CT10" s="117">
        <v>4965914</v>
      </c>
      <c r="CU10" s="116">
        <v>108269664</v>
      </c>
      <c r="CV10" s="119">
        <v>108269664</v>
      </c>
      <c r="CW10" s="113">
        <v>1389409</v>
      </c>
      <c r="CX10" s="117">
        <v>3553682</v>
      </c>
      <c r="CY10" s="116">
        <v>4943091</v>
      </c>
      <c r="CZ10" s="113">
        <v>0</v>
      </c>
      <c r="DA10" s="117">
        <v>7367864</v>
      </c>
      <c r="DB10" s="117">
        <v>14879260</v>
      </c>
      <c r="DC10" s="117">
        <v>11632808</v>
      </c>
      <c r="DD10" s="117">
        <v>7350669</v>
      </c>
      <c r="DE10" s="117">
        <v>1591475</v>
      </c>
      <c r="DF10" s="116">
        <v>42822076</v>
      </c>
      <c r="DG10" s="119">
        <v>47765167</v>
      </c>
      <c r="DH10" s="113">
        <v>131220</v>
      </c>
      <c r="DI10" s="117">
        <v>319601</v>
      </c>
      <c r="DJ10" s="115">
        <v>450821</v>
      </c>
      <c r="DK10" s="114">
        <v>0</v>
      </c>
      <c r="DL10" s="117">
        <v>3894627</v>
      </c>
      <c r="DM10" s="117">
        <v>7579023</v>
      </c>
      <c r="DN10" s="117">
        <v>16967379</v>
      </c>
      <c r="DO10" s="117">
        <v>12015285</v>
      </c>
      <c r="DP10" s="117">
        <v>3836603</v>
      </c>
      <c r="DQ10" s="116">
        <v>44292917</v>
      </c>
      <c r="DR10" s="119">
        <v>44743738</v>
      </c>
      <c r="DS10" s="113">
        <v>85072</v>
      </c>
      <c r="DT10" s="117">
        <v>292630</v>
      </c>
      <c r="DU10" s="116">
        <v>377702</v>
      </c>
      <c r="DV10" s="113">
        <v>0</v>
      </c>
      <c r="DW10" s="117">
        <v>3223299</v>
      </c>
      <c r="DX10" s="117">
        <v>5820193</v>
      </c>
      <c r="DY10" s="117">
        <v>13510017</v>
      </c>
      <c r="DZ10" s="117">
        <v>10582382</v>
      </c>
      <c r="EA10" s="117">
        <v>2786044</v>
      </c>
      <c r="EB10" s="116">
        <v>35921935</v>
      </c>
      <c r="EC10" s="119">
        <v>36299637</v>
      </c>
      <c r="ED10" s="113">
        <v>46148</v>
      </c>
      <c r="EE10" s="115">
        <v>26971</v>
      </c>
      <c r="EF10" s="116">
        <v>73119</v>
      </c>
      <c r="EG10" s="113">
        <v>0</v>
      </c>
      <c r="EH10" s="117">
        <v>671328</v>
      </c>
      <c r="EI10" s="117">
        <v>1758830</v>
      </c>
      <c r="EJ10" s="117">
        <v>3457362</v>
      </c>
      <c r="EK10" s="117">
        <v>1432903</v>
      </c>
      <c r="EL10" s="117">
        <v>1050559</v>
      </c>
      <c r="EM10" s="115">
        <v>8370982</v>
      </c>
      <c r="EN10" s="119">
        <v>8444101</v>
      </c>
      <c r="EO10" s="113">
        <v>0</v>
      </c>
      <c r="EP10" s="117">
        <v>0</v>
      </c>
      <c r="EQ10" s="115">
        <v>0</v>
      </c>
      <c r="ER10" s="114">
        <v>0</v>
      </c>
      <c r="ES10" s="117">
        <v>0</v>
      </c>
      <c r="ET10" s="117">
        <v>0</v>
      </c>
      <c r="EU10" s="117">
        <v>0</v>
      </c>
      <c r="EV10" s="117">
        <v>0</v>
      </c>
      <c r="EW10" s="117">
        <v>0</v>
      </c>
      <c r="EX10" s="116">
        <v>0</v>
      </c>
      <c r="EY10" s="119">
        <v>0</v>
      </c>
      <c r="EZ10" s="113">
        <v>0</v>
      </c>
      <c r="FA10" s="117">
        <v>0</v>
      </c>
      <c r="FB10" s="115">
        <v>0</v>
      </c>
      <c r="FC10" s="387"/>
      <c r="FD10" s="117">
        <v>0</v>
      </c>
      <c r="FE10" s="117">
        <v>0</v>
      </c>
      <c r="FF10" s="117">
        <v>0</v>
      </c>
      <c r="FG10" s="117">
        <v>0</v>
      </c>
      <c r="FH10" s="117">
        <v>0</v>
      </c>
      <c r="FI10" s="116">
        <v>0</v>
      </c>
      <c r="FJ10" s="119">
        <v>0</v>
      </c>
      <c r="FK10" s="113">
        <v>1655585</v>
      </c>
      <c r="FL10" s="117">
        <v>4464029</v>
      </c>
      <c r="FM10" s="116">
        <v>6119614</v>
      </c>
      <c r="FN10" s="113">
        <v>0</v>
      </c>
      <c r="FO10" s="117">
        <v>4959098</v>
      </c>
      <c r="FP10" s="117">
        <v>17494361</v>
      </c>
      <c r="FQ10" s="117">
        <v>12245337</v>
      </c>
      <c r="FR10" s="117">
        <v>10130408</v>
      </c>
      <c r="FS10" s="117">
        <v>6423980</v>
      </c>
      <c r="FT10" s="116">
        <v>51253184</v>
      </c>
      <c r="FU10" s="119">
        <v>57372798</v>
      </c>
      <c r="FV10" s="118">
        <v>915444</v>
      </c>
      <c r="FW10" s="117">
        <v>2760408</v>
      </c>
      <c r="FX10" s="115">
        <v>3675852</v>
      </c>
      <c r="FY10" s="114">
        <v>0</v>
      </c>
      <c r="FZ10" s="117">
        <v>3024936</v>
      </c>
      <c r="GA10" s="117">
        <v>15185336</v>
      </c>
      <c r="GB10" s="117">
        <v>11160688</v>
      </c>
      <c r="GC10" s="117">
        <v>9480152</v>
      </c>
      <c r="GD10" s="117">
        <v>5827336</v>
      </c>
      <c r="GE10" s="116">
        <v>44678448</v>
      </c>
      <c r="GF10" s="351">
        <v>48354300</v>
      </c>
      <c r="GG10" s="118">
        <v>143989</v>
      </c>
      <c r="GH10" s="117">
        <v>290141</v>
      </c>
      <c r="GI10" s="115">
        <v>434130</v>
      </c>
      <c r="GJ10" s="114">
        <v>0</v>
      </c>
      <c r="GK10" s="117">
        <v>309482</v>
      </c>
      <c r="GL10" s="117">
        <v>616673</v>
      </c>
      <c r="GM10" s="117">
        <v>364889</v>
      </c>
      <c r="GN10" s="117">
        <v>114256</v>
      </c>
      <c r="GO10" s="117">
        <v>168420</v>
      </c>
      <c r="GP10" s="116">
        <v>1573720</v>
      </c>
      <c r="GQ10" s="119">
        <v>2007850</v>
      </c>
      <c r="GR10" s="113">
        <v>596152</v>
      </c>
      <c r="GS10" s="117">
        <v>1413480</v>
      </c>
      <c r="GT10" s="116">
        <v>2009632</v>
      </c>
      <c r="GU10" s="113">
        <v>0</v>
      </c>
      <c r="GV10" s="117">
        <v>1624680</v>
      </c>
      <c r="GW10" s="117">
        <v>1692352</v>
      </c>
      <c r="GX10" s="117">
        <v>719760</v>
      </c>
      <c r="GY10" s="117">
        <v>536000</v>
      </c>
      <c r="GZ10" s="117">
        <v>428224</v>
      </c>
      <c r="HA10" s="115">
        <v>5001016</v>
      </c>
      <c r="HB10" s="119">
        <v>7010648</v>
      </c>
      <c r="HC10" s="113">
        <v>4686617</v>
      </c>
      <c r="HD10" s="117">
        <v>5552355</v>
      </c>
      <c r="HE10" s="115">
        <v>10238972</v>
      </c>
      <c r="HF10" s="114">
        <v>0</v>
      </c>
      <c r="HG10" s="117">
        <v>33049253</v>
      </c>
      <c r="HH10" s="117">
        <v>44157472</v>
      </c>
      <c r="HI10" s="117">
        <v>47962536</v>
      </c>
      <c r="HJ10" s="117">
        <v>42694403</v>
      </c>
      <c r="HK10" s="117">
        <v>29369864</v>
      </c>
      <c r="HL10" s="116">
        <v>197233528</v>
      </c>
      <c r="HM10" s="112">
        <v>207472500</v>
      </c>
      <c r="HN10" s="367"/>
      <c r="HO10" s="368"/>
      <c r="HP10" s="369"/>
      <c r="HQ10" s="370"/>
      <c r="HR10" s="368"/>
      <c r="HS10" s="368"/>
      <c r="HT10" s="368"/>
      <c r="HU10" s="368"/>
      <c r="HV10" s="368"/>
      <c r="HW10" s="371"/>
      <c r="HX10" s="372"/>
      <c r="HY10" s="149">
        <v>327614</v>
      </c>
      <c r="HZ10" s="150">
        <v>850305</v>
      </c>
      <c r="IA10" s="151">
        <v>1177919</v>
      </c>
      <c r="IB10" s="152">
        <v>0</v>
      </c>
      <c r="IC10" s="153">
        <v>28627642</v>
      </c>
      <c r="ID10" s="154">
        <v>49732493</v>
      </c>
      <c r="IE10" s="155">
        <v>45698767</v>
      </c>
      <c r="IF10" s="153">
        <v>33222410</v>
      </c>
      <c r="IG10" s="155">
        <v>23146106</v>
      </c>
      <c r="IH10" s="156">
        <v>180427418</v>
      </c>
      <c r="II10" s="157">
        <v>181605337</v>
      </c>
      <c r="IJ10" s="262">
        <v>0</v>
      </c>
      <c r="IK10" s="269">
        <v>0</v>
      </c>
      <c r="IL10" s="270">
        <v>0</v>
      </c>
      <c r="IM10" s="158"/>
      <c r="IN10" s="123">
        <v>845490</v>
      </c>
      <c r="IO10" s="123">
        <v>2053363</v>
      </c>
      <c r="IP10" s="123">
        <v>2002800</v>
      </c>
      <c r="IQ10" s="123">
        <v>2919344</v>
      </c>
      <c r="IR10" s="123">
        <v>1136177</v>
      </c>
      <c r="IS10" s="159">
        <v>8957174</v>
      </c>
      <c r="IT10" s="354">
        <v>8957174</v>
      </c>
      <c r="IU10" s="160">
        <v>0</v>
      </c>
      <c r="IV10" s="123">
        <v>0</v>
      </c>
      <c r="IW10" s="124">
        <v>0</v>
      </c>
      <c r="IX10" s="162"/>
      <c r="IY10" s="123">
        <v>183321</v>
      </c>
      <c r="IZ10" s="123">
        <v>644893</v>
      </c>
      <c r="JA10" s="123">
        <v>529370</v>
      </c>
      <c r="JB10" s="123">
        <v>1085975</v>
      </c>
      <c r="JC10" s="123">
        <v>1043465</v>
      </c>
      <c r="JD10" s="124">
        <v>3487024</v>
      </c>
      <c r="JE10" s="125">
        <v>3487024</v>
      </c>
      <c r="JF10" s="160">
        <v>0</v>
      </c>
      <c r="JG10" s="123">
        <v>0</v>
      </c>
      <c r="JH10" s="159">
        <v>0</v>
      </c>
      <c r="JI10" s="122">
        <v>0</v>
      </c>
      <c r="JJ10" s="123">
        <v>12483438</v>
      </c>
      <c r="JK10" s="123">
        <v>17249724</v>
      </c>
      <c r="JL10" s="123">
        <v>13921052</v>
      </c>
      <c r="JM10" s="123">
        <v>7115519</v>
      </c>
      <c r="JN10" s="123">
        <v>4135661</v>
      </c>
      <c r="JO10" s="124">
        <v>54905394</v>
      </c>
      <c r="JP10" s="354">
        <v>54905394</v>
      </c>
      <c r="JQ10" s="160">
        <v>17408</v>
      </c>
      <c r="JR10" s="123">
        <v>163486</v>
      </c>
      <c r="JS10" s="159">
        <v>180894</v>
      </c>
      <c r="JT10" s="122">
        <v>0</v>
      </c>
      <c r="JU10" s="123">
        <v>2288834</v>
      </c>
      <c r="JV10" s="123">
        <v>4363359</v>
      </c>
      <c r="JW10" s="123">
        <v>3727081</v>
      </c>
      <c r="JX10" s="123">
        <v>4175462</v>
      </c>
      <c r="JY10" s="123">
        <v>1604605</v>
      </c>
      <c r="JZ10" s="124">
        <v>16159341</v>
      </c>
      <c r="KA10" s="354">
        <v>16340235</v>
      </c>
      <c r="KB10" s="265">
        <v>310206</v>
      </c>
      <c r="KC10" s="259">
        <v>548120</v>
      </c>
      <c r="KD10" s="124">
        <v>858326</v>
      </c>
      <c r="KE10" s="122">
        <v>0</v>
      </c>
      <c r="KF10" s="123">
        <v>3539618</v>
      </c>
      <c r="KG10" s="123">
        <v>5777996</v>
      </c>
      <c r="KH10" s="123">
        <v>6408428</v>
      </c>
      <c r="KI10" s="123">
        <v>7631631</v>
      </c>
      <c r="KJ10" s="123">
        <v>2271144</v>
      </c>
      <c r="KK10" s="124">
        <v>25628817</v>
      </c>
      <c r="KL10" s="161">
        <v>26487143</v>
      </c>
      <c r="KM10" s="262">
        <v>0</v>
      </c>
      <c r="KN10" s="269">
        <v>138699</v>
      </c>
      <c r="KO10" s="270">
        <v>138699</v>
      </c>
      <c r="KP10" s="158"/>
      <c r="KQ10" s="123">
        <v>8724987</v>
      </c>
      <c r="KR10" s="123">
        <v>18351092</v>
      </c>
      <c r="KS10" s="123">
        <v>17315640</v>
      </c>
      <c r="KT10" s="123">
        <v>9106103</v>
      </c>
      <c r="KU10" s="123">
        <v>4259660</v>
      </c>
      <c r="KV10" s="124">
        <v>57757482</v>
      </c>
      <c r="KW10" s="354">
        <v>57896181</v>
      </c>
      <c r="KX10" s="160">
        <v>0</v>
      </c>
      <c r="KY10" s="123">
        <v>0</v>
      </c>
      <c r="KZ10" s="124">
        <v>0</v>
      </c>
      <c r="LA10" s="163"/>
      <c r="LB10" s="123">
        <v>0</v>
      </c>
      <c r="LC10" s="123">
        <v>0</v>
      </c>
      <c r="LD10" s="123">
        <v>0</v>
      </c>
      <c r="LE10" s="123">
        <v>0</v>
      </c>
      <c r="LF10" s="123">
        <v>0</v>
      </c>
      <c r="LG10" s="124">
        <v>0</v>
      </c>
      <c r="LH10" s="125">
        <v>0</v>
      </c>
      <c r="LI10" s="160">
        <v>0</v>
      </c>
      <c r="LJ10" s="123">
        <v>0</v>
      </c>
      <c r="LK10" s="124">
        <v>0</v>
      </c>
      <c r="LL10" s="163"/>
      <c r="LM10" s="123">
        <v>0</v>
      </c>
      <c r="LN10" s="123">
        <v>246456</v>
      </c>
      <c r="LO10" s="123">
        <v>307688</v>
      </c>
      <c r="LP10" s="123">
        <v>573579</v>
      </c>
      <c r="LQ10" s="123">
        <v>614598</v>
      </c>
      <c r="LR10" s="124">
        <v>1742321</v>
      </c>
      <c r="LS10" s="354">
        <v>1742321</v>
      </c>
      <c r="LT10" s="160">
        <v>0</v>
      </c>
      <c r="LU10" s="123">
        <v>0</v>
      </c>
      <c r="LV10" s="124">
        <v>0</v>
      </c>
      <c r="LW10" s="163"/>
      <c r="LX10" s="123">
        <v>561954</v>
      </c>
      <c r="LY10" s="123">
        <v>1045610</v>
      </c>
      <c r="LZ10" s="123">
        <v>1486708</v>
      </c>
      <c r="MA10" s="123">
        <v>614797</v>
      </c>
      <c r="MB10" s="123">
        <v>8080796</v>
      </c>
      <c r="MC10" s="124">
        <v>11789865</v>
      </c>
      <c r="MD10" s="125">
        <v>11789865</v>
      </c>
      <c r="ME10" s="160">
        <v>0</v>
      </c>
      <c r="MF10" s="123">
        <v>0</v>
      </c>
      <c r="MG10" s="124">
        <v>0</v>
      </c>
      <c r="MH10" s="163"/>
      <c r="MI10" s="123">
        <v>8209248</v>
      </c>
      <c r="MJ10" s="123">
        <v>30676536</v>
      </c>
      <c r="MK10" s="123">
        <v>93425783</v>
      </c>
      <c r="ML10" s="123">
        <v>129612921</v>
      </c>
      <c r="MM10" s="123">
        <v>83459442</v>
      </c>
      <c r="MN10" s="124">
        <v>345383930</v>
      </c>
      <c r="MO10" s="161">
        <v>345383930</v>
      </c>
      <c r="MP10" s="160">
        <v>0</v>
      </c>
      <c r="MQ10" s="123">
        <v>0</v>
      </c>
      <c r="MR10" s="124">
        <v>0</v>
      </c>
      <c r="MS10" s="163"/>
      <c r="MT10" s="123">
        <v>642443</v>
      </c>
      <c r="MU10" s="123">
        <v>7671224</v>
      </c>
      <c r="MV10" s="123">
        <v>54588942</v>
      </c>
      <c r="MW10" s="123">
        <v>73837733</v>
      </c>
      <c r="MX10" s="123">
        <v>50759255</v>
      </c>
      <c r="MY10" s="124">
        <v>187499597</v>
      </c>
      <c r="MZ10" s="161">
        <v>187499597</v>
      </c>
      <c r="NA10" s="160">
        <v>0</v>
      </c>
      <c r="NB10" s="123">
        <v>0</v>
      </c>
      <c r="NC10" s="124">
        <v>0</v>
      </c>
      <c r="ND10" s="163"/>
      <c r="NE10" s="123">
        <v>7566805</v>
      </c>
      <c r="NF10" s="123">
        <v>23005312</v>
      </c>
      <c r="NG10" s="123">
        <v>38836841</v>
      </c>
      <c r="NH10" s="123">
        <v>52660916</v>
      </c>
      <c r="NI10" s="123">
        <v>27438568</v>
      </c>
      <c r="NJ10" s="124">
        <v>149508442</v>
      </c>
      <c r="NK10" s="354">
        <v>149508442</v>
      </c>
      <c r="NL10" s="160">
        <v>0</v>
      </c>
      <c r="NM10" s="123">
        <v>0</v>
      </c>
      <c r="NN10" s="124">
        <v>0</v>
      </c>
      <c r="NO10" s="163"/>
      <c r="NP10" s="123">
        <v>0</v>
      </c>
      <c r="NQ10" s="123">
        <v>0</v>
      </c>
      <c r="NR10" s="123">
        <v>0</v>
      </c>
      <c r="NS10" s="123">
        <v>1156781</v>
      </c>
      <c r="NT10" s="123">
        <v>2799848</v>
      </c>
      <c r="NU10" s="124">
        <v>3956629</v>
      </c>
      <c r="NV10" s="125">
        <v>3956629</v>
      </c>
      <c r="NW10" s="160">
        <v>0</v>
      </c>
      <c r="NX10" s="123">
        <v>0</v>
      </c>
      <c r="NY10" s="124">
        <v>0</v>
      </c>
      <c r="NZ10" s="163"/>
      <c r="OA10" s="123">
        <v>0</v>
      </c>
      <c r="OB10" s="123">
        <v>0</v>
      </c>
      <c r="OC10" s="123">
        <v>0</v>
      </c>
      <c r="OD10" s="123">
        <v>1957491</v>
      </c>
      <c r="OE10" s="123">
        <v>2461771</v>
      </c>
      <c r="OF10" s="124">
        <v>4419262</v>
      </c>
      <c r="OG10" s="125">
        <v>4419262</v>
      </c>
      <c r="OH10" s="160">
        <v>12419797</v>
      </c>
      <c r="OI10" s="123">
        <v>24220009</v>
      </c>
      <c r="OJ10" s="159">
        <v>36639806</v>
      </c>
      <c r="OK10" s="122">
        <v>0</v>
      </c>
      <c r="OL10" s="123">
        <v>148512515</v>
      </c>
      <c r="OM10" s="123">
        <v>271187182</v>
      </c>
      <c r="ON10" s="123">
        <v>306989543</v>
      </c>
      <c r="OO10" s="123">
        <v>296574795</v>
      </c>
      <c r="OP10" s="123">
        <v>195900414</v>
      </c>
      <c r="OQ10" s="124">
        <v>1219164449</v>
      </c>
      <c r="OR10" s="161">
        <v>1255804255</v>
      </c>
    </row>
    <row r="11" spans="1:408" ht="20.25" customHeight="1" x14ac:dyDescent="0.2">
      <c r="A11" s="130" t="s">
        <v>6</v>
      </c>
      <c r="B11" s="113">
        <v>4681219</v>
      </c>
      <c r="C11" s="117">
        <v>3995355</v>
      </c>
      <c r="D11" s="116">
        <v>8676574</v>
      </c>
      <c r="E11" s="112">
        <v>0</v>
      </c>
      <c r="F11" s="117">
        <v>43207054</v>
      </c>
      <c r="G11" s="117">
        <v>47466574</v>
      </c>
      <c r="H11" s="117">
        <v>40294006</v>
      </c>
      <c r="I11" s="117">
        <v>44228713</v>
      </c>
      <c r="J11" s="117">
        <v>29780373</v>
      </c>
      <c r="K11" s="112">
        <v>204976720</v>
      </c>
      <c r="L11" s="119">
        <v>213653294</v>
      </c>
      <c r="M11" s="113">
        <v>1261633</v>
      </c>
      <c r="N11" s="117">
        <v>1523289</v>
      </c>
      <c r="O11" s="116">
        <v>2784922</v>
      </c>
      <c r="P11" s="113">
        <v>0</v>
      </c>
      <c r="Q11" s="117">
        <v>13839632</v>
      </c>
      <c r="R11" s="117">
        <v>16841824</v>
      </c>
      <c r="S11" s="117">
        <v>13424052</v>
      </c>
      <c r="T11" s="117">
        <v>17423488</v>
      </c>
      <c r="U11" s="117">
        <v>15951322</v>
      </c>
      <c r="V11" s="116">
        <v>77480318</v>
      </c>
      <c r="W11" s="119">
        <v>80265240</v>
      </c>
      <c r="X11" s="113">
        <v>0</v>
      </c>
      <c r="Y11" s="117">
        <v>0</v>
      </c>
      <c r="Z11" s="116">
        <v>0</v>
      </c>
      <c r="AA11" s="113">
        <v>0</v>
      </c>
      <c r="AB11" s="117">
        <v>5853885</v>
      </c>
      <c r="AC11" s="117">
        <v>7515839</v>
      </c>
      <c r="AD11" s="117">
        <v>7267535</v>
      </c>
      <c r="AE11" s="117">
        <v>9589402</v>
      </c>
      <c r="AF11" s="117">
        <v>8812814</v>
      </c>
      <c r="AG11" s="116">
        <v>39039475</v>
      </c>
      <c r="AH11" s="119">
        <v>39039475</v>
      </c>
      <c r="AI11" s="113">
        <v>0</v>
      </c>
      <c r="AJ11" s="117">
        <v>0</v>
      </c>
      <c r="AK11" s="116">
        <v>0</v>
      </c>
      <c r="AL11" s="113">
        <v>0</v>
      </c>
      <c r="AM11" s="117">
        <v>60136</v>
      </c>
      <c r="AN11" s="117">
        <v>280451</v>
      </c>
      <c r="AO11" s="117">
        <v>323942</v>
      </c>
      <c r="AP11" s="117">
        <v>639547</v>
      </c>
      <c r="AQ11" s="117">
        <v>1788282</v>
      </c>
      <c r="AR11" s="116">
        <v>3092358</v>
      </c>
      <c r="AS11" s="119">
        <v>3092358</v>
      </c>
      <c r="AT11" s="113">
        <v>498592</v>
      </c>
      <c r="AU11" s="117">
        <v>1134913</v>
      </c>
      <c r="AV11" s="116">
        <v>1633505</v>
      </c>
      <c r="AW11" s="113">
        <v>0</v>
      </c>
      <c r="AX11" s="117">
        <v>4876574</v>
      </c>
      <c r="AY11" s="117">
        <v>5838293</v>
      </c>
      <c r="AZ11" s="117">
        <v>2974537</v>
      </c>
      <c r="BA11" s="117">
        <v>4030575</v>
      </c>
      <c r="BB11" s="117">
        <v>3389233</v>
      </c>
      <c r="BC11" s="116">
        <v>21109212</v>
      </c>
      <c r="BD11" s="119">
        <v>22742717</v>
      </c>
      <c r="BE11" s="113">
        <v>37617</v>
      </c>
      <c r="BF11" s="117">
        <v>0</v>
      </c>
      <c r="BG11" s="115">
        <v>37617</v>
      </c>
      <c r="BH11" s="114">
        <v>0</v>
      </c>
      <c r="BI11" s="117">
        <v>352893</v>
      </c>
      <c r="BJ11" s="117">
        <v>461457</v>
      </c>
      <c r="BK11" s="117">
        <v>276669</v>
      </c>
      <c r="BL11" s="117">
        <v>491748</v>
      </c>
      <c r="BM11" s="117">
        <v>225009</v>
      </c>
      <c r="BN11" s="116">
        <v>1807776</v>
      </c>
      <c r="BO11" s="119">
        <v>1845393</v>
      </c>
      <c r="BP11" s="113">
        <v>725424</v>
      </c>
      <c r="BQ11" s="117">
        <v>388376</v>
      </c>
      <c r="BR11" s="116">
        <v>1113800</v>
      </c>
      <c r="BS11" s="113">
        <v>0</v>
      </c>
      <c r="BT11" s="117">
        <v>2696144</v>
      </c>
      <c r="BU11" s="117">
        <v>2745784</v>
      </c>
      <c r="BV11" s="117">
        <v>2581369</v>
      </c>
      <c r="BW11" s="117">
        <v>2672216</v>
      </c>
      <c r="BX11" s="117">
        <v>1735984</v>
      </c>
      <c r="BY11" s="116">
        <v>12431497</v>
      </c>
      <c r="BZ11" s="119">
        <v>13545297</v>
      </c>
      <c r="CA11" s="113">
        <v>151469</v>
      </c>
      <c r="CB11" s="117">
        <v>363561</v>
      </c>
      <c r="CC11" s="116">
        <v>515030</v>
      </c>
      <c r="CD11" s="113">
        <v>0</v>
      </c>
      <c r="CE11" s="117">
        <v>13391341</v>
      </c>
      <c r="CF11" s="117">
        <v>13898266</v>
      </c>
      <c r="CG11" s="117">
        <v>10162583</v>
      </c>
      <c r="CH11" s="117">
        <v>5999085</v>
      </c>
      <c r="CI11" s="117">
        <v>2893483</v>
      </c>
      <c r="CJ11" s="116">
        <v>46344758</v>
      </c>
      <c r="CK11" s="119">
        <v>46859788</v>
      </c>
      <c r="CL11" s="113">
        <v>0</v>
      </c>
      <c r="CM11" s="117">
        <v>0</v>
      </c>
      <c r="CN11" s="116">
        <v>0</v>
      </c>
      <c r="CO11" s="114">
        <v>0</v>
      </c>
      <c r="CP11" s="117">
        <v>10969001</v>
      </c>
      <c r="CQ11" s="117">
        <v>9644543</v>
      </c>
      <c r="CR11" s="117">
        <v>7705335</v>
      </c>
      <c r="CS11" s="117">
        <v>4323036</v>
      </c>
      <c r="CT11" s="117">
        <v>2060796</v>
      </c>
      <c r="CU11" s="116">
        <v>34702711</v>
      </c>
      <c r="CV11" s="119">
        <v>34702711</v>
      </c>
      <c r="CW11" s="113">
        <v>151469</v>
      </c>
      <c r="CX11" s="117">
        <v>363561</v>
      </c>
      <c r="CY11" s="116">
        <v>515030</v>
      </c>
      <c r="CZ11" s="113">
        <v>0</v>
      </c>
      <c r="DA11" s="117">
        <v>2422340</v>
      </c>
      <c r="DB11" s="117">
        <v>4253723</v>
      </c>
      <c r="DC11" s="117">
        <v>2457248</v>
      </c>
      <c r="DD11" s="117">
        <v>1676049</v>
      </c>
      <c r="DE11" s="117">
        <v>832687</v>
      </c>
      <c r="DF11" s="116">
        <v>11642047</v>
      </c>
      <c r="DG11" s="119">
        <v>12157077</v>
      </c>
      <c r="DH11" s="113">
        <v>18817</v>
      </c>
      <c r="DI11" s="117">
        <v>0</v>
      </c>
      <c r="DJ11" s="115">
        <v>18817</v>
      </c>
      <c r="DK11" s="114">
        <v>0</v>
      </c>
      <c r="DL11" s="117">
        <v>1591908</v>
      </c>
      <c r="DM11" s="117">
        <v>1981640</v>
      </c>
      <c r="DN11" s="117">
        <v>2849163</v>
      </c>
      <c r="DO11" s="117">
        <v>2858148</v>
      </c>
      <c r="DP11" s="117">
        <v>1560177</v>
      </c>
      <c r="DQ11" s="116">
        <v>10841036</v>
      </c>
      <c r="DR11" s="119">
        <v>10859853</v>
      </c>
      <c r="DS11" s="113">
        <v>18817</v>
      </c>
      <c r="DT11" s="117">
        <v>0</v>
      </c>
      <c r="DU11" s="116">
        <v>18817</v>
      </c>
      <c r="DV11" s="113">
        <v>0</v>
      </c>
      <c r="DW11" s="117">
        <v>1449009</v>
      </c>
      <c r="DX11" s="117">
        <v>1435336</v>
      </c>
      <c r="DY11" s="117">
        <v>2199828</v>
      </c>
      <c r="DZ11" s="117">
        <v>2027365</v>
      </c>
      <c r="EA11" s="117">
        <v>1560177</v>
      </c>
      <c r="EB11" s="116">
        <v>8671715</v>
      </c>
      <c r="EC11" s="119">
        <v>8690532</v>
      </c>
      <c r="ED11" s="113">
        <v>0</v>
      </c>
      <c r="EE11" s="115">
        <v>0</v>
      </c>
      <c r="EF11" s="116">
        <v>0</v>
      </c>
      <c r="EG11" s="113">
        <v>0</v>
      </c>
      <c r="EH11" s="117">
        <v>142899</v>
      </c>
      <c r="EI11" s="117">
        <v>546304</v>
      </c>
      <c r="EJ11" s="117">
        <v>649335</v>
      </c>
      <c r="EK11" s="117">
        <v>830783</v>
      </c>
      <c r="EL11" s="117">
        <v>0</v>
      </c>
      <c r="EM11" s="115">
        <v>2169321</v>
      </c>
      <c r="EN11" s="119">
        <v>2169321</v>
      </c>
      <c r="EO11" s="113">
        <v>0</v>
      </c>
      <c r="EP11" s="117">
        <v>0</v>
      </c>
      <c r="EQ11" s="115">
        <v>0</v>
      </c>
      <c r="ER11" s="114">
        <v>0</v>
      </c>
      <c r="ES11" s="117">
        <v>0</v>
      </c>
      <c r="ET11" s="117">
        <v>0</v>
      </c>
      <c r="EU11" s="117">
        <v>0</v>
      </c>
      <c r="EV11" s="117">
        <v>0</v>
      </c>
      <c r="EW11" s="117">
        <v>0</v>
      </c>
      <c r="EX11" s="116">
        <v>0</v>
      </c>
      <c r="EY11" s="119">
        <v>0</v>
      </c>
      <c r="EZ11" s="113">
        <v>0</v>
      </c>
      <c r="FA11" s="117">
        <v>0</v>
      </c>
      <c r="FB11" s="115">
        <v>0</v>
      </c>
      <c r="FC11" s="387"/>
      <c r="FD11" s="117">
        <v>0</v>
      </c>
      <c r="FE11" s="117">
        <v>0</v>
      </c>
      <c r="FF11" s="117">
        <v>0</v>
      </c>
      <c r="FG11" s="117">
        <v>0</v>
      </c>
      <c r="FH11" s="117">
        <v>0</v>
      </c>
      <c r="FI11" s="116">
        <v>0</v>
      </c>
      <c r="FJ11" s="119">
        <v>0</v>
      </c>
      <c r="FK11" s="113">
        <v>783851</v>
      </c>
      <c r="FL11" s="117">
        <v>878824</v>
      </c>
      <c r="FM11" s="116">
        <v>1662675</v>
      </c>
      <c r="FN11" s="113">
        <v>0</v>
      </c>
      <c r="FO11" s="117">
        <v>2919782</v>
      </c>
      <c r="FP11" s="117">
        <v>4328286</v>
      </c>
      <c r="FQ11" s="117">
        <v>3590974</v>
      </c>
      <c r="FR11" s="117">
        <v>3747952</v>
      </c>
      <c r="FS11" s="117">
        <v>2096114</v>
      </c>
      <c r="FT11" s="116">
        <v>16683108</v>
      </c>
      <c r="FU11" s="119">
        <v>18345783</v>
      </c>
      <c r="FV11" s="118">
        <v>294008</v>
      </c>
      <c r="FW11" s="117">
        <v>615848</v>
      </c>
      <c r="FX11" s="115">
        <v>909856</v>
      </c>
      <c r="FY11" s="114">
        <v>0</v>
      </c>
      <c r="FZ11" s="117">
        <v>2146008</v>
      </c>
      <c r="GA11" s="117">
        <v>3614602</v>
      </c>
      <c r="GB11" s="117">
        <v>2916834</v>
      </c>
      <c r="GC11" s="117">
        <v>3171456</v>
      </c>
      <c r="GD11" s="117">
        <v>1994354</v>
      </c>
      <c r="GE11" s="116">
        <v>13843254</v>
      </c>
      <c r="GF11" s="351">
        <v>14753110</v>
      </c>
      <c r="GG11" s="118">
        <v>0</v>
      </c>
      <c r="GH11" s="117">
        <v>39456</v>
      </c>
      <c r="GI11" s="115">
        <v>39456</v>
      </c>
      <c r="GJ11" s="114">
        <v>0</v>
      </c>
      <c r="GK11" s="117">
        <v>70668</v>
      </c>
      <c r="GL11" s="117">
        <v>182884</v>
      </c>
      <c r="GM11" s="117">
        <v>154668</v>
      </c>
      <c r="GN11" s="117">
        <v>198384</v>
      </c>
      <c r="GO11" s="117">
        <v>57760</v>
      </c>
      <c r="GP11" s="116">
        <v>664364</v>
      </c>
      <c r="GQ11" s="119">
        <v>703820</v>
      </c>
      <c r="GR11" s="113">
        <v>489843</v>
      </c>
      <c r="GS11" s="117">
        <v>223520</v>
      </c>
      <c r="GT11" s="116">
        <v>713363</v>
      </c>
      <c r="GU11" s="113">
        <v>0</v>
      </c>
      <c r="GV11" s="117">
        <v>703106</v>
      </c>
      <c r="GW11" s="117">
        <v>530800</v>
      </c>
      <c r="GX11" s="117">
        <v>519472</v>
      </c>
      <c r="GY11" s="117">
        <v>378112</v>
      </c>
      <c r="GZ11" s="117">
        <v>44000</v>
      </c>
      <c r="HA11" s="115">
        <v>2175490</v>
      </c>
      <c r="HB11" s="119">
        <v>2888853</v>
      </c>
      <c r="HC11" s="113">
        <v>2465449</v>
      </c>
      <c r="HD11" s="117">
        <v>1229681</v>
      </c>
      <c r="HE11" s="115">
        <v>3695130</v>
      </c>
      <c r="HF11" s="114">
        <v>0</v>
      </c>
      <c r="HG11" s="117">
        <v>11464391</v>
      </c>
      <c r="HH11" s="117">
        <v>10416558</v>
      </c>
      <c r="HI11" s="117">
        <v>10267234</v>
      </c>
      <c r="HJ11" s="117">
        <v>14200040</v>
      </c>
      <c r="HK11" s="117">
        <v>7279277</v>
      </c>
      <c r="HL11" s="116">
        <v>53627500</v>
      </c>
      <c r="HM11" s="112">
        <v>57322630</v>
      </c>
      <c r="HN11" s="367"/>
      <c r="HO11" s="368"/>
      <c r="HP11" s="369"/>
      <c r="HQ11" s="370"/>
      <c r="HR11" s="368"/>
      <c r="HS11" s="368"/>
      <c r="HT11" s="368"/>
      <c r="HU11" s="368"/>
      <c r="HV11" s="368"/>
      <c r="HW11" s="371"/>
      <c r="HX11" s="372"/>
      <c r="HY11" s="149">
        <v>206630</v>
      </c>
      <c r="HZ11" s="150">
        <v>48594</v>
      </c>
      <c r="IA11" s="151">
        <v>255224</v>
      </c>
      <c r="IB11" s="164">
        <v>0</v>
      </c>
      <c r="IC11" s="150">
        <v>13170226</v>
      </c>
      <c r="ID11" s="165">
        <v>17114706</v>
      </c>
      <c r="IE11" s="151">
        <v>19101546</v>
      </c>
      <c r="IF11" s="150">
        <v>13351493</v>
      </c>
      <c r="IG11" s="151">
        <v>5479537</v>
      </c>
      <c r="IH11" s="166">
        <v>68217508</v>
      </c>
      <c r="II11" s="157">
        <v>68472732</v>
      </c>
      <c r="IJ11" s="262">
        <v>0</v>
      </c>
      <c r="IK11" s="269">
        <v>0</v>
      </c>
      <c r="IL11" s="270">
        <v>0</v>
      </c>
      <c r="IM11" s="158"/>
      <c r="IN11" s="123">
        <v>359280</v>
      </c>
      <c r="IO11" s="123">
        <v>801193</v>
      </c>
      <c r="IP11" s="123">
        <v>541282</v>
      </c>
      <c r="IQ11" s="123">
        <v>1370236</v>
      </c>
      <c r="IR11" s="123">
        <v>357150</v>
      </c>
      <c r="IS11" s="159">
        <v>3429141</v>
      </c>
      <c r="IT11" s="354">
        <v>3429141</v>
      </c>
      <c r="IU11" s="160">
        <v>0</v>
      </c>
      <c r="IV11" s="123">
        <v>0</v>
      </c>
      <c r="IW11" s="124">
        <v>0</v>
      </c>
      <c r="IX11" s="162"/>
      <c r="IY11" s="123">
        <v>34604</v>
      </c>
      <c r="IZ11" s="123">
        <v>103812</v>
      </c>
      <c r="JA11" s="123">
        <v>134895</v>
      </c>
      <c r="JB11" s="123">
        <v>125241</v>
      </c>
      <c r="JC11" s="123">
        <v>183999</v>
      </c>
      <c r="JD11" s="124">
        <v>582551</v>
      </c>
      <c r="JE11" s="125">
        <v>582551</v>
      </c>
      <c r="JF11" s="160">
        <v>0</v>
      </c>
      <c r="JG11" s="123">
        <v>0</v>
      </c>
      <c r="JH11" s="159">
        <v>0</v>
      </c>
      <c r="JI11" s="122">
        <v>0</v>
      </c>
      <c r="JJ11" s="123">
        <v>5644405</v>
      </c>
      <c r="JK11" s="123">
        <v>4208904</v>
      </c>
      <c r="JL11" s="123">
        <v>3528259</v>
      </c>
      <c r="JM11" s="123">
        <v>2235989</v>
      </c>
      <c r="JN11" s="123">
        <v>262269</v>
      </c>
      <c r="JO11" s="124">
        <v>15879826</v>
      </c>
      <c r="JP11" s="354">
        <v>15879826</v>
      </c>
      <c r="JQ11" s="160">
        <v>0</v>
      </c>
      <c r="JR11" s="123">
        <v>0</v>
      </c>
      <c r="JS11" s="159">
        <v>0</v>
      </c>
      <c r="JT11" s="122">
        <v>0</v>
      </c>
      <c r="JU11" s="123">
        <v>1203349</v>
      </c>
      <c r="JV11" s="123">
        <v>1428037</v>
      </c>
      <c r="JW11" s="123">
        <v>1933853</v>
      </c>
      <c r="JX11" s="123">
        <v>698657</v>
      </c>
      <c r="JY11" s="123">
        <v>555842</v>
      </c>
      <c r="JZ11" s="124">
        <v>5819738</v>
      </c>
      <c r="KA11" s="354">
        <v>5819738</v>
      </c>
      <c r="KB11" s="265">
        <v>206630</v>
      </c>
      <c r="KC11" s="259">
        <v>48594</v>
      </c>
      <c r="KD11" s="124">
        <v>255224</v>
      </c>
      <c r="KE11" s="122">
        <v>0</v>
      </c>
      <c r="KF11" s="123">
        <v>1269581</v>
      </c>
      <c r="KG11" s="123">
        <v>2844446</v>
      </c>
      <c r="KH11" s="123">
        <v>1997911</v>
      </c>
      <c r="KI11" s="123">
        <v>2503164</v>
      </c>
      <c r="KJ11" s="123">
        <v>577474</v>
      </c>
      <c r="KK11" s="124">
        <v>9192576</v>
      </c>
      <c r="KL11" s="161">
        <v>9447800</v>
      </c>
      <c r="KM11" s="262">
        <v>0</v>
      </c>
      <c r="KN11" s="269">
        <v>0</v>
      </c>
      <c r="KO11" s="270">
        <v>0</v>
      </c>
      <c r="KP11" s="158"/>
      <c r="KQ11" s="123">
        <v>4049513</v>
      </c>
      <c r="KR11" s="123">
        <v>6935043</v>
      </c>
      <c r="KS11" s="123">
        <v>7779297</v>
      </c>
      <c r="KT11" s="123">
        <v>4759260</v>
      </c>
      <c r="KU11" s="123">
        <v>1845755</v>
      </c>
      <c r="KV11" s="124">
        <v>25368868</v>
      </c>
      <c r="KW11" s="354">
        <v>25368868</v>
      </c>
      <c r="KX11" s="160">
        <v>0</v>
      </c>
      <c r="KY11" s="123">
        <v>0</v>
      </c>
      <c r="KZ11" s="124">
        <v>0</v>
      </c>
      <c r="LA11" s="163"/>
      <c r="LB11" s="123">
        <v>0</v>
      </c>
      <c r="LC11" s="123">
        <v>0</v>
      </c>
      <c r="LD11" s="123">
        <v>0</v>
      </c>
      <c r="LE11" s="123">
        <v>0</v>
      </c>
      <c r="LF11" s="123">
        <v>0</v>
      </c>
      <c r="LG11" s="124">
        <v>0</v>
      </c>
      <c r="LH11" s="125">
        <v>0</v>
      </c>
      <c r="LI11" s="160">
        <v>0</v>
      </c>
      <c r="LJ11" s="123">
        <v>0</v>
      </c>
      <c r="LK11" s="124">
        <v>0</v>
      </c>
      <c r="LL11" s="163"/>
      <c r="LM11" s="123">
        <v>0</v>
      </c>
      <c r="LN11" s="123">
        <v>0</v>
      </c>
      <c r="LO11" s="123">
        <v>1763245</v>
      </c>
      <c r="LP11" s="123">
        <v>855840</v>
      </c>
      <c r="LQ11" s="123">
        <v>649820</v>
      </c>
      <c r="LR11" s="124">
        <v>3268905</v>
      </c>
      <c r="LS11" s="354">
        <v>3268905</v>
      </c>
      <c r="LT11" s="160">
        <v>0</v>
      </c>
      <c r="LU11" s="123">
        <v>0</v>
      </c>
      <c r="LV11" s="124">
        <v>0</v>
      </c>
      <c r="LW11" s="163"/>
      <c r="LX11" s="123">
        <v>609494</v>
      </c>
      <c r="LY11" s="123">
        <v>793271</v>
      </c>
      <c r="LZ11" s="123">
        <v>1422804</v>
      </c>
      <c r="MA11" s="123">
        <v>803106</v>
      </c>
      <c r="MB11" s="123">
        <v>1047228</v>
      </c>
      <c r="MC11" s="124">
        <v>4675903</v>
      </c>
      <c r="MD11" s="125">
        <v>4675903</v>
      </c>
      <c r="ME11" s="160">
        <v>0</v>
      </c>
      <c r="MF11" s="123">
        <v>0</v>
      </c>
      <c r="MG11" s="124">
        <v>0</v>
      </c>
      <c r="MH11" s="163"/>
      <c r="MI11" s="123">
        <v>2822620</v>
      </c>
      <c r="MJ11" s="123">
        <v>6942571</v>
      </c>
      <c r="MK11" s="123">
        <v>20440828</v>
      </c>
      <c r="ML11" s="123">
        <v>27726914</v>
      </c>
      <c r="MM11" s="123">
        <v>21508301</v>
      </c>
      <c r="MN11" s="124">
        <v>79441234</v>
      </c>
      <c r="MO11" s="161">
        <v>79441234</v>
      </c>
      <c r="MP11" s="160">
        <v>0</v>
      </c>
      <c r="MQ11" s="123">
        <v>0</v>
      </c>
      <c r="MR11" s="124">
        <v>0</v>
      </c>
      <c r="MS11" s="163"/>
      <c r="MT11" s="123">
        <v>0</v>
      </c>
      <c r="MU11" s="123">
        <v>1129696</v>
      </c>
      <c r="MV11" s="123">
        <v>12221550</v>
      </c>
      <c r="MW11" s="123">
        <v>15203709</v>
      </c>
      <c r="MX11" s="123">
        <v>10300764</v>
      </c>
      <c r="MY11" s="124">
        <v>38855719</v>
      </c>
      <c r="MZ11" s="161">
        <v>38855719</v>
      </c>
      <c r="NA11" s="160">
        <v>0</v>
      </c>
      <c r="NB11" s="123">
        <v>0</v>
      </c>
      <c r="NC11" s="124">
        <v>0</v>
      </c>
      <c r="ND11" s="163"/>
      <c r="NE11" s="123">
        <v>2822620</v>
      </c>
      <c r="NF11" s="123">
        <v>5812875</v>
      </c>
      <c r="NG11" s="123">
        <v>7576542</v>
      </c>
      <c r="NH11" s="123">
        <v>9955113</v>
      </c>
      <c r="NI11" s="123">
        <v>6614121</v>
      </c>
      <c r="NJ11" s="124">
        <v>32781271</v>
      </c>
      <c r="NK11" s="354">
        <v>32781271</v>
      </c>
      <c r="NL11" s="160">
        <v>0</v>
      </c>
      <c r="NM11" s="123">
        <v>0</v>
      </c>
      <c r="NN11" s="124">
        <v>0</v>
      </c>
      <c r="NO11" s="163"/>
      <c r="NP11" s="123">
        <v>0</v>
      </c>
      <c r="NQ11" s="123">
        <v>0</v>
      </c>
      <c r="NR11" s="123">
        <v>642736</v>
      </c>
      <c r="NS11" s="123">
        <v>2236040</v>
      </c>
      <c r="NT11" s="123">
        <v>1943484</v>
      </c>
      <c r="NU11" s="124">
        <v>4822260</v>
      </c>
      <c r="NV11" s="125">
        <v>4822260</v>
      </c>
      <c r="NW11" s="160">
        <v>0</v>
      </c>
      <c r="NX11" s="123">
        <v>0</v>
      </c>
      <c r="NY11" s="124">
        <v>0</v>
      </c>
      <c r="NZ11" s="163"/>
      <c r="OA11" s="123">
        <v>0</v>
      </c>
      <c r="OB11" s="123">
        <v>0</v>
      </c>
      <c r="OC11" s="123">
        <v>0</v>
      </c>
      <c r="OD11" s="123">
        <v>332052</v>
      </c>
      <c r="OE11" s="123">
        <v>2649932</v>
      </c>
      <c r="OF11" s="124">
        <v>2981984</v>
      </c>
      <c r="OG11" s="125">
        <v>2981984</v>
      </c>
      <c r="OH11" s="160">
        <v>4887849</v>
      </c>
      <c r="OI11" s="123">
        <v>4043949</v>
      </c>
      <c r="OJ11" s="159">
        <v>8931798</v>
      </c>
      <c r="OK11" s="122">
        <v>0</v>
      </c>
      <c r="OL11" s="123">
        <v>59199900</v>
      </c>
      <c r="OM11" s="123">
        <v>71523851</v>
      </c>
      <c r="ON11" s="123">
        <v>79836380</v>
      </c>
      <c r="OO11" s="123">
        <v>85307120</v>
      </c>
      <c r="OP11" s="123">
        <v>56768211</v>
      </c>
      <c r="OQ11" s="124">
        <v>352635462</v>
      </c>
      <c r="OR11" s="161">
        <v>361567260</v>
      </c>
    </row>
    <row r="12" spans="1:408" ht="20.25" customHeight="1" x14ac:dyDescent="0.2">
      <c r="A12" s="130" t="s">
        <v>14</v>
      </c>
      <c r="B12" s="113">
        <v>1478031</v>
      </c>
      <c r="C12" s="117">
        <v>3803035</v>
      </c>
      <c r="D12" s="116">
        <v>5281066</v>
      </c>
      <c r="E12" s="112">
        <v>0</v>
      </c>
      <c r="F12" s="117">
        <v>20722842</v>
      </c>
      <c r="G12" s="117">
        <v>26514640</v>
      </c>
      <c r="H12" s="117">
        <v>23559439</v>
      </c>
      <c r="I12" s="117">
        <v>21949607</v>
      </c>
      <c r="J12" s="117">
        <v>12097150</v>
      </c>
      <c r="K12" s="115">
        <v>104843678</v>
      </c>
      <c r="L12" s="119">
        <v>110124744</v>
      </c>
      <c r="M12" s="113">
        <v>321253</v>
      </c>
      <c r="N12" s="117">
        <v>1170588</v>
      </c>
      <c r="O12" s="116">
        <v>1491841</v>
      </c>
      <c r="P12" s="113">
        <v>0</v>
      </c>
      <c r="Q12" s="117">
        <v>6058775</v>
      </c>
      <c r="R12" s="117">
        <v>8506243</v>
      </c>
      <c r="S12" s="117">
        <v>7898451</v>
      </c>
      <c r="T12" s="117">
        <v>6365998</v>
      </c>
      <c r="U12" s="117">
        <v>4396922</v>
      </c>
      <c r="V12" s="116">
        <v>33226389</v>
      </c>
      <c r="W12" s="119">
        <v>34718230</v>
      </c>
      <c r="X12" s="113">
        <v>0</v>
      </c>
      <c r="Y12" s="117">
        <v>0</v>
      </c>
      <c r="Z12" s="116">
        <v>0</v>
      </c>
      <c r="AA12" s="113">
        <v>0</v>
      </c>
      <c r="AB12" s="117">
        <v>2808851</v>
      </c>
      <c r="AC12" s="117">
        <v>4320070</v>
      </c>
      <c r="AD12" s="117">
        <v>3858236</v>
      </c>
      <c r="AE12" s="117">
        <v>2720559</v>
      </c>
      <c r="AF12" s="117">
        <v>2314750</v>
      </c>
      <c r="AG12" s="116">
        <v>16022466</v>
      </c>
      <c r="AH12" s="119">
        <v>16022466</v>
      </c>
      <c r="AI12" s="113">
        <v>0</v>
      </c>
      <c r="AJ12" s="117">
        <v>17716</v>
      </c>
      <c r="AK12" s="116">
        <v>17716</v>
      </c>
      <c r="AL12" s="113">
        <v>0</v>
      </c>
      <c r="AM12" s="117">
        <v>0</v>
      </c>
      <c r="AN12" s="117">
        <v>46897</v>
      </c>
      <c r="AO12" s="117">
        <v>178751</v>
      </c>
      <c r="AP12" s="117">
        <v>306931</v>
      </c>
      <c r="AQ12" s="117">
        <v>459117</v>
      </c>
      <c r="AR12" s="116">
        <v>991696</v>
      </c>
      <c r="AS12" s="119">
        <v>1009412</v>
      </c>
      <c r="AT12" s="113">
        <v>87540</v>
      </c>
      <c r="AU12" s="117">
        <v>752595</v>
      </c>
      <c r="AV12" s="116">
        <v>840135</v>
      </c>
      <c r="AW12" s="113">
        <v>0</v>
      </c>
      <c r="AX12" s="117">
        <v>1919785</v>
      </c>
      <c r="AY12" s="117">
        <v>2614271</v>
      </c>
      <c r="AZ12" s="117">
        <v>2591523</v>
      </c>
      <c r="BA12" s="117">
        <v>2014245</v>
      </c>
      <c r="BB12" s="117">
        <v>981744</v>
      </c>
      <c r="BC12" s="116">
        <v>10121568</v>
      </c>
      <c r="BD12" s="119">
        <v>10961703</v>
      </c>
      <c r="BE12" s="113">
        <v>21353</v>
      </c>
      <c r="BF12" s="117">
        <v>120165</v>
      </c>
      <c r="BG12" s="115">
        <v>141518</v>
      </c>
      <c r="BH12" s="114">
        <v>0</v>
      </c>
      <c r="BI12" s="117">
        <v>61755</v>
      </c>
      <c r="BJ12" s="117">
        <v>23741</v>
      </c>
      <c r="BK12" s="117">
        <v>67061</v>
      </c>
      <c r="BL12" s="117">
        <v>75623</v>
      </c>
      <c r="BM12" s="117">
        <v>77135</v>
      </c>
      <c r="BN12" s="116">
        <v>305315</v>
      </c>
      <c r="BO12" s="119">
        <v>446833</v>
      </c>
      <c r="BP12" s="113">
        <v>212360</v>
      </c>
      <c r="BQ12" s="117">
        <v>280112</v>
      </c>
      <c r="BR12" s="116">
        <v>492472</v>
      </c>
      <c r="BS12" s="113">
        <v>0</v>
      </c>
      <c r="BT12" s="117">
        <v>1268384</v>
      </c>
      <c r="BU12" s="117">
        <v>1501264</v>
      </c>
      <c r="BV12" s="117">
        <v>1202880</v>
      </c>
      <c r="BW12" s="117">
        <v>1248640</v>
      </c>
      <c r="BX12" s="117">
        <v>564176</v>
      </c>
      <c r="BY12" s="116">
        <v>5785344</v>
      </c>
      <c r="BZ12" s="119">
        <v>6277816</v>
      </c>
      <c r="CA12" s="113">
        <v>86794</v>
      </c>
      <c r="CB12" s="117">
        <v>467479</v>
      </c>
      <c r="CC12" s="116">
        <v>554273</v>
      </c>
      <c r="CD12" s="113">
        <v>0</v>
      </c>
      <c r="CE12" s="117">
        <v>6297879</v>
      </c>
      <c r="CF12" s="117">
        <v>8473473</v>
      </c>
      <c r="CG12" s="117">
        <v>6556239</v>
      </c>
      <c r="CH12" s="117">
        <v>5662765</v>
      </c>
      <c r="CI12" s="117">
        <v>1369458</v>
      </c>
      <c r="CJ12" s="116">
        <v>28359814</v>
      </c>
      <c r="CK12" s="119">
        <v>28914087</v>
      </c>
      <c r="CL12" s="113">
        <v>0</v>
      </c>
      <c r="CM12" s="117">
        <v>0</v>
      </c>
      <c r="CN12" s="116">
        <v>0</v>
      </c>
      <c r="CO12" s="114">
        <v>0</v>
      </c>
      <c r="CP12" s="117">
        <v>6021738</v>
      </c>
      <c r="CQ12" s="117">
        <v>6925528</v>
      </c>
      <c r="CR12" s="117">
        <v>5092148</v>
      </c>
      <c r="CS12" s="117">
        <v>4817546</v>
      </c>
      <c r="CT12" s="117">
        <v>1131708</v>
      </c>
      <c r="CU12" s="116">
        <v>23988668</v>
      </c>
      <c r="CV12" s="119">
        <v>23988668</v>
      </c>
      <c r="CW12" s="113">
        <v>86794</v>
      </c>
      <c r="CX12" s="117">
        <v>467479</v>
      </c>
      <c r="CY12" s="116">
        <v>554273</v>
      </c>
      <c r="CZ12" s="113">
        <v>0</v>
      </c>
      <c r="DA12" s="117">
        <v>276141</v>
      </c>
      <c r="DB12" s="117">
        <v>1547945</v>
      </c>
      <c r="DC12" s="117">
        <v>1464091</v>
      </c>
      <c r="DD12" s="117">
        <v>845219</v>
      </c>
      <c r="DE12" s="117">
        <v>237750</v>
      </c>
      <c r="DF12" s="116">
        <v>4371146</v>
      </c>
      <c r="DG12" s="119">
        <v>4925419</v>
      </c>
      <c r="DH12" s="113">
        <v>43543</v>
      </c>
      <c r="DI12" s="117">
        <v>26794</v>
      </c>
      <c r="DJ12" s="115">
        <v>70337</v>
      </c>
      <c r="DK12" s="114">
        <v>0</v>
      </c>
      <c r="DL12" s="117">
        <v>1112660</v>
      </c>
      <c r="DM12" s="117">
        <v>680091</v>
      </c>
      <c r="DN12" s="117">
        <v>2391008</v>
      </c>
      <c r="DO12" s="117">
        <v>2753003</v>
      </c>
      <c r="DP12" s="117">
        <v>1304488</v>
      </c>
      <c r="DQ12" s="116">
        <v>8241250</v>
      </c>
      <c r="DR12" s="119">
        <v>8311587</v>
      </c>
      <c r="DS12" s="113">
        <v>43543</v>
      </c>
      <c r="DT12" s="117">
        <v>26794</v>
      </c>
      <c r="DU12" s="116">
        <v>70337</v>
      </c>
      <c r="DV12" s="113">
        <v>0</v>
      </c>
      <c r="DW12" s="117">
        <v>994440</v>
      </c>
      <c r="DX12" s="117">
        <v>628227</v>
      </c>
      <c r="DY12" s="117">
        <v>2314388</v>
      </c>
      <c r="DZ12" s="117">
        <v>2541733</v>
      </c>
      <c r="EA12" s="117">
        <v>1304488</v>
      </c>
      <c r="EB12" s="116">
        <v>7783276</v>
      </c>
      <c r="EC12" s="119">
        <v>7853613</v>
      </c>
      <c r="ED12" s="113">
        <v>0</v>
      </c>
      <c r="EE12" s="115">
        <v>0</v>
      </c>
      <c r="EF12" s="116">
        <v>0</v>
      </c>
      <c r="EG12" s="113">
        <v>0</v>
      </c>
      <c r="EH12" s="117">
        <v>118220</v>
      </c>
      <c r="EI12" s="117">
        <v>51864</v>
      </c>
      <c r="EJ12" s="117">
        <v>76620</v>
      </c>
      <c r="EK12" s="117">
        <v>211270</v>
      </c>
      <c r="EL12" s="117">
        <v>0</v>
      </c>
      <c r="EM12" s="115">
        <v>457974</v>
      </c>
      <c r="EN12" s="119">
        <v>457974</v>
      </c>
      <c r="EO12" s="113">
        <v>0</v>
      </c>
      <c r="EP12" s="117">
        <v>0</v>
      </c>
      <c r="EQ12" s="115">
        <v>0</v>
      </c>
      <c r="ER12" s="114">
        <v>0</v>
      </c>
      <c r="ES12" s="117">
        <v>0</v>
      </c>
      <c r="ET12" s="117">
        <v>0</v>
      </c>
      <c r="EU12" s="117">
        <v>0</v>
      </c>
      <c r="EV12" s="117">
        <v>0</v>
      </c>
      <c r="EW12" s="117">
        <v>0</v>
      </c>
      <c r="EX12" s="116">
        <v>0</v>
      </c>
      <c r="EY12" s="119">
        <v>0</v>
      </c>
      <c r="EZ12" s="113">
        <v>0</v>
      </c>
      <c r="FA12" s="117">
        <v>0</v>
      </c>
      <c r="FB12" s="115">
        <v>0</v>
      </c>
      <c r="FC12" s="387"/>
      <c r="FD12" s="117">
        <v>0</v>
      </c>
      <c r="FE12" s="117">
        <v>0</v>
      </c>
      <c r="FF12" s="117">
        <v>0</v>
      </c>
      <c r="FG12" s="117">
        <v>0</v>
      </c>
      <c r="FH12" s="117">
        <v>0</v>
      </c>
      <c r="FI12" s="116">
        <v>0</v>
      </c>
      <c r="FJ12" s="119">
        <v>0</v>
      </c>
      <c r="FK12" s="113">
        <v>351280</v>
      </c>
      <c r="FL12" s="117">
        <v>1061620</v>
      </c>
      <c r="FM12" s="116">
        <v>1412900</v>
      </c>
      <c r="FN12" s="113">
        <v>0</v>
      </c>
      <c r="FO12" s="117">
        <v>953929</v>
      </c>
      <c r="FP12" s="117">
        <v>2777360</v>
      </c>
      <c r="FQ12" s="117">
        <v>2104468</v>
      </c>
      <c r="FR12" s="117">
        <v>1713292</v>
      </c>
      <c r="FS12" s="117">
        <v>886806</v>
      </c>
      <c r="FT12" s="116">
        <v>8435855</v>
      </c>
      <c r="FU12" s="119">
        <v>9848755</v>
      </c>
      <c r="FV12" s="118">
        <v>165120</v>
      </c>
      <c r="FW12" s="117">
        <v>707200</v>
      </c>
      <c r="FX12" s="115">
        <v>872320</v>
      </c>
      <c r="FY12" s="114">
        <v>0</v>
      </c>
      <c r="FZ12" s="117">
        <v>588568</v>
      </c>
      <c r="GA12" s="117">
        <v>2485336</v>
      </c>
      <c r="GB12" s="117">
        <v>1943688</v>
      </c>
      <c r="GC12" s="117">
        <v>1680272</v>
      </c>
      <c r="GD12" s="117">
        <v>802768</v>
      </c>
      <c r="GE12" s="116">
        <v>7500632</v>
      </c>
      <c r="GF12" s="351">
        <v>8372952</v>
      </c>
      <c r="GG12" s="118">
        <v>13360</v>
      </c>
      <c r="GH12" s="117">
        <v>106380</v>
      </c>
      <c r="GI12" s="115">
        <v>119740</v>
      </c>
      <c r="GJ12" s="114">
        <v>0</v>
      </c>
      <c r="GK12" s="117">
        <v>38640</v>
      </c>
      <c r="GL12" s="117">
        <v>124000</v>
      </c>
      <c r="GM12" s="117">
        <v>17820</v>
      </c>
      <c r="GN12" s="117">
        <v>17820</v>
      </c>
      <c r="GO12" s="117">
        <v>84038</v>
      </c>
      <c r="GP12" s="116">
        <v>282318</v>
      </c>
      <c r="GQ12" s="119">
        <v>402058</v>
      </c>
      <c r="GR12" s="113">
        <v>172800</v>
      </c>
      <c r="GS12" s="117">
        <v>248040</v>
      </c>
      <c r="GT12" s="116">
        <v>420840</v>
      </c>
      <c r="GU12" s="113">
        <v>0</v>
      </c>
      <c r="GV12" s="117">
        <v>326721</v>
      </c>
      <c r="GW12" s="117">
        <v>168024</v>
      </c>
      <c r="GX12" s="117">
        <v>142960</v>
      </c>
      <c r="GY12" s="117">
        <v>15200</v>
      </c>
      <c r="GZ12" s="117">
        <v>0</v>
      </c>
      <c r="HA12" s="115">
        <v>652905</v>
      </c>
      <c r="HB12" s="119">
        <v>1073745</v>
      </c>
      <c r="HC12" s="113">
        <v>675161</v>
      </c>
      <c r="HD12" s="117">
        <v>1076554</v>
      </c>
      <c r="HE12" s="115">
        <v>1751715</v>
      </c>
      <c r="HF12" s="114">
        <v>0</v>
      </c>
      <c r="HG12" s="117">
        <v>6299599</v>
      </c>
      <c r="HH12" s="117">
        <v>6077473</v>
      </c>
      <c r="HI12" s="117">
        <v>4609273</v>
      </c>
      <c r="HJ12" s="117">
        <v>5454549</v>
      </c>
      <c r="HK12" s="117">
        <v>4139476</v>
      </c>
      <c r="HL12" s="116">
        <v>26580370</v>
      </c>
      <c r="HM12" s="112">
        <v>28332085</v>
      </c>
      <c r="HN12" s="367"/>
      <c r="HO12" s="368"/>
      <c r="HP12" s="369"/>
      <c r="HQ12" s="370"/>
      <c r="HR12" s="368"/>
      <c r="HS12" s="368"/>
      <c r="HT12" s="368"/>
      <c r="HU12" s="368"/>
      <c r="HV12" s="368"/>
      <c r="HW12" s="371"/>
      <c r="HX12" s="372"/>
      <c r="HY12" s="149">
        <v>0</v>
      </c>
      <c r="HZ12" s="150">
        <v>75890</v>
      </c>
      <c r="IA12" s="151">
        <v>75890</v>
      </c>
      <c r="IB12" s="152">
        <v>0</v>
      </c>
      <c r="IC12" s="153">
        <v>6200811</v>
      </c>
      <c r="ID12" s="154">
        <v>7250477</v>
      </c>
      <c r="IE12" s="155">
        <v>8271875</v>
      </c>
      <c r="IF12" s="153">
        <v>7583984</v>
      </c>
      <c r="IG12" s="155">
        <v>1836982</v>
      </c>
      <c r="IH12" s="156">
        <v>31144129</v>
      </c>
      <c r="II12" s="157">
        <v>31220019</v>
      </c>
      <c r="IJ12" s="262">
        <v>0</v>
      </c>
      <c r="IK12" s="269">
        <v>0</v>
      </c>
      <c r="IL12" s="270">
        <v>0</v>
      </c>
      <c r="IM12" s="158"/>
      <c r="IN12" s="123">
        <v>72064</v>
      </c>
      <c r="IO12" s="123">
        <v>206366</v>
      </c>
      <c r="IP12" s="123">
        <v>0</v>
      </c>
      <c r="IQ12" s="123">
        <v>299096</v>
      </c>
      <c r="IR12" s="123">
        <v>0</v>
      </c>
      <c r="IS12" s="159">
        <v>577526</v>
      </c>
      <c r="IT12" s="354">
        <v>577526</v>
      </c>
      <c r="IU12" s="160">
        <v>0</v>
      </c>
      <c r="IV12" s="123">
        <v>0</v>
      </c>
      <c r="IW12" s="124">
        <v>0</v>
      </c>
      <c r="IX12" s="162"/>
      <c r="IY12" s="123">
        <v>0</v>
      </c>
      <c r="IZ12" s="123">
        <v>0</v>
      </c>
      <c r="JA12" s="123">
        <v>0</v>
      </c>
      <c r="JB12" s="123">
        <v>0</v>
      </c>
      <c r="JC12" s="123">
        <v>0</v>
      </c>
      <c r="JD12" s="124">
        <v>0</v>
      </c>
      <c r="JE12" s="125">
        <v>0</v>
      </c>
      <c r="JF12" s="160">
        <v>0</v>
      </c>
      <c r="JG12" s="123">
        <v>0</v>
      </c>
      <c r="JH12" s="159">
        <v>0</v>
      </c>
      <c r="JI12" s="122">
        <v>0</v>
      </c>
      <c r="JJ12" s="123">
        <v>3210631</v>
      </c>
      <c r="JK12" s="123">
        <v>3410713</v>
      </c>
      <c r="JL12" s="123">
        <v>2957929</v>
      </c>
      <c r="JM12" s="123">
        <v>943692</v>
      </c>
      <c r="JN12" s="123">
        <v>288362</v>
      </c>
      <c r="JO12" s="124">
        <v>10811327</v>
      </c>
      <c r="JP12" s="354">
        <v>10811327</v>
      </c>
      <c r="JQ12" s="160">
        <v>0</v>
      </c>
      <c r="JR12" s="123">
        <v>0</v>
      </c>
      <c r="JS12" s="159">
        <v>0</v>
      </c>
      <c r="JT12" s="122">
        <v>0</v>
      </c>
      <c r="JU12" s="123">
        <v>34341</v>
      </c>
      <c r="JV12" s="123">
        <v>75608</v>
      </c>
      <c r="JW12" s="123">
        <v>0</v>
      </c>
      <c r="JX12" s="123">
        <v>216560</v>
      </c>
      <c r="JY12" s="123">
        <v>127237</v>
      </c>
      <c r="JZ12" s="124">
        <v>453746</v>
      </c>
      <c r="KA12" s="354">
        <v>453746</v>
      </c>
      <c r="KB12" s="265">
        <v>0</v>
      </c>
      <c r="KC12" s="259">
        <v>75890</v>
      </c>
      <c r="KD12" s="124">
        <v>75890</v>
      </c>
      <c r="KE12" s="122">
        <v>0</v>
      </c>
      <c r="KF12" s="123">
        <v>1095987</v>
      </c>
      <c r="KG12" s="123">
        <v>670237</v>
      </c>
      <c r="KH12" s="123">
        <v>1303875</v>
      </c>
      <c r="KI12" s="123">
        <v>1481836</v>
      </c>
      <c r="KJ12" s="123">
        <v>289158</v>
      </c>
      <c r="KK12" s="124">
        <v>4841093</v>
      </c>
      <c r="KL12" s="161">
        <v>4916983</v>
      </c>
      <c r="KM12" s="262">
        <v>0</v>
      </c>
      <c r="KN12" s="269">
        <v>0</v>
      </c>
      <c r="KO12" s="270">
        <v>0</v>
      </c>
      <c r="KP12" s="158"/>
      <c r="KQ12" s="123">
        <v>1659741</v>
      </c>
      <c r="KR12" s="123">
        <v>2688971</v>
      </c>
      <c r="KS12" s="123">
        <v>3764633</v>
      </c>
      <c r="KT12" s="123">
        <v>4340492</v>
      </c>
      <c r="KU12" s="123">
        <v>788036</v>
      </c>
      <c r="KV12" s="124">
        <v>13241873</v>
      </c>
      <c r="KW12" s="354">
        <v>13241873</v>
      </c>
      <c r="KX12" s="160">
        <v>0</v>
      </c>
      <c r="KY12" s="123">
        <v>0</v>
      </c>
      <c r="KZ12" s="124">
        <v>0</v>
      </c>
      <c r="LA12" s="163"/>
      <c r="LB12" s="123">
        <v>0</v>
      </c>
      <c r="LC12" s="123">
        <v>0</v>
      </c>
      <c r="LD12" s="123">
        <v>0</v>
      </c>
      <c r="LE12" s="123">
        <v>0</v>
      </c>
      <c r="LF12" s="123">
        <v>0</v>
      </c>
      <c r="LG12" s="124">
        <v>0</v>
      </c>
      <c r="LH12" s="125">
        <v>0</v>
      </c>
      <c r="LI12" s="160">
        <v>0</v>
      </c>
      <c r="LJ12" s="123">
        <v>0</v>
      </c>
      <c r="LK12" s="124">
        <v>0</v>
      </c>
      <c r="LL12" s="163"/>
      <c r="LM12" s="123">
        <v>0</v>
      </c>
      <c r="LN12" s="123">
        <v>0</v>
      </c>
      <c r="LO12" s="123">
        <v>245438</v>
      </c>
      <c r="LP12" s="123">
        <v>0</v>
      </c>
      <c r="LQ12" s="123">
        <v>0</v>
      </c>
      <c r="LR12" s="124">
        <v>245438</v>
      </c>
      <c r="LS12" s="354">
        <v>245438</v>
      </c>
      <c r="LT12" s="160">
        <v>0</v>
      </c>
      <c r="LU12" s="123">
        <v>0</v>
      </c>
      <c r="LV12" s="124">
        <v>0</v>
      </c>
      <c r="LW12" s="163"/>
      <c r="LX12" s="123">
        <v>128047</v>
      </c>
      <c r="LY12" s="123">
        <v>198582</v>
      </c>
      <c r="LZ12" s="123">
        <v>0</v>
      </c>
      <c r="MA12" s="123">
        <v>302308</v>
      </c>
      <c r="MB12" s="123">
        <v>344189</v>
      </c>
      <c r="MC12" s="124">
        <v>973126</v>
      </c>
      <c r="MD12" s="125">
        <v>973126</v>
      </c>
      <c r="ME12" s="160">
        <v>0</v>
      </c>
      <c r="MF12" s="123">
        <v>0</v>
      </c>
      <c r="MG12" s="124">
        <v>0</v>
      </c>
      <c r="MH12" s="163"/>
      <c r="MI12" s="123">
        <v>802749</v>
      </c>
      <c r="MJ12" s="123">
        <v>2153296</v>
      </c>
      <c r="MK12" s="123">
        <v>10971285</v>
      </c>
      <c r="ML12" s="123">
        <v>21426191</v>
      </c>
      <c r="MM12" s="123">
        <v>11050881</v>
      </c>
      <c r="MN12" s="124">
        <v>46404402</v>
      </c>
      <c r="MO12" s="161">
        <v>46404402</v>
      </c>
      <c r="MP12" s="160">
        <v>0</v>
      </c>
      <c r="MQ12" s="123">
        <v>0</v>
      </c>
      <c r="MR12" s="124">
        <v>0</v>
      </c>
      <c r="MS12" s="163"/>
      <c r="MT12" s="123">
        <v>220876</v>
      </c>
      <c r="MU12" s="123">
        <v>0</v>
      </c>
      <c r="MV12" s="123">
        <v>7070408</v>
      </c>
      <c r="MW12" s="123">
        <v>14280535</v>
      </c>
      <c r="MX12" s="123">
        <v>7833161</v>
      </c>
      <c r="MY12" s="124">
        <v>29404980</v>
      </c>
      <c r="MZ12" s="161">
        <v>29404980</v>
      </c>
      <c r="NA12" s="160">
        <v>0</v>
      </c>
      <c r="NB12" s="123">
        <v>0</v>
      </c>
      <c r="NC12" s="124">
        <v>0</v>
      </c>
      <c r="ND12" s="163"/>
      <c r="NE12" s="123">
        <v>581873</v>
      </c>
      <c r="NF12" s="123">
        <v>2153296</v>
      </c>
      <c r="NG12" s="123">
        <v>3900877</v>
      </c>
      <c r="NH12" s="123">
        <v>6501555</v>
      </c>
      <c r="NI12" s="123">
        <v>1223361</v>
      </c>
      <c r="NJ12" s="124">
        <v>14360962</v>
      </c>
      <c r="NK12" s="354">
        <v>14360962</v>
      </c>
      <c r="NL12" s="160">
        <v>0</v>
      </c>
      <c r="NM12" s="123">
        <v>0</v>
      </c>
      <c r="NN12" s="124">
        <v>0</v>
      </c>
      <c r="NO12" s="163"/>
      <c r="NP12" s="123">
        <v>0</v>
      </c>
      <c r="NQ12" s="123">
        <v>0</v>
      </c>
      <c r="NR12" s="123">
        <v>0</v>
      </c>
      <c r="NS12" s="123">
        <v>289984</v>
      </c>
      <c r="NT12" s="123">
        <v>1235918</v>
      </c>
      <c r="NU12" s="124">
        <v>1525902</v>
      </c>
      <c r="NV12" s="125">
        <v>1525902</v>
      </c>
      <c r="NW12" s="160">
        <v>0</v>
      </c>
      <c r="NX12" s="123">
        <v>0</v>
      </c>
      <c r="NY12" s="124">
        <v>0</v>
      </c>
      <c r="NZ12" s="163"/>
      <c r="OA12" s="123">
        <v>0</v>
      </c>
      <c r="OB12" s="123">
        <v>0</v>
      </c>
      <c r="OC12" s="123">
        <v>0</v>
      </c>
      <c r="OD12" s="123">
        <v>354117</v>
      </c>
      <c r="OE12" s="123">
        <v>758441</v>
      </c>
      <c r="OF12" s="124">
        <v>1112558</v>
      </c>
      <c r="OG12" s="125">
        <v>1112558</v>
      </c>
      <c r="OH12" s="160">
        <v>1478031</v>
      </c>
      <c r="OI12" s="123">
        <v>3878925</v>
      </c>
      <c r="OJ12" s="159">
        <v>5356956</v>
      </c>
      <c r="OK12" s="122">
        <v>0</v>
      </c>
      <c r="OL12" s="123">
        <v>27726402</v>
      </c>
      <c r="OM12" s="123">
        <v>35918413</v>
      </c>
      <c r="ON12" s="123">
        <v>42802599</v>
      </c>
      <c r="OO12" s="123">
        <v>50959782</v>
      </c>
      <c r="OP12" s="123">
        <v>24985013</v>
      </c>
      <c r="OQ12" s="124">
        <v>182392209</v>
      </c>
      <c r="OR12" s="161">
        <v>187749165</v>
      </c>
    </row>
    <row r="13" spans="1:408" ht="20.25" customHeight="1" x14ac:dyDescent="0.2">
      <c r="A13" s="130" t="s">
        <v>7</v>
      </c>
      <c r="B13" s="113">
        <v>1021782</v>
      </c>
      <c r="C13" s="117">
        <v>1237343</v>
      </c>
      <c r="D13" s="116">
        <v>2259125</v>
      </c>
      <c r="E13" s="112">
        <v>0</v>
      </c>
      <c r="F13" s="117">
        <v>24206975</v>
      </c>
      <c r="G13" s="117">
        <v>24099750</v>
      </c>
      <c r="H13" s="117">
        <v>21948087</v>
      </c>
      <c r="I13" s="117">
        <v>17143587</v>
      </c>
      <c r="J13" s="117">
        <v>11360728</v>
      </c>
      <c r="K13" s="112">
        <v>98759127</v>
      </c>
      <c r="L13" s="119">
        <v>101018252</v>
      </c>
      <c r="M13" s="113">
        <v>196876</v>
      </c>
      <c r="N13" s="117">
        <v>242503</v>
      </c>
      <c r="O13" s="116">
        <v>439379</v>
      </c>
      <c r="P13" s="113">
        <v>0</v>
      </c>
      <c r="Q13" s="117">
        <v>7004768</v>
      </c>
      <c r="R13" s="117">
        <v>7036834</v>
      </c>
      <c r="S13" s="117">
        <v>8008913</v>
      </c>
      <c r="T13" s="117">
        <v>6705296</v>
      </c>
      <c r="U13" s="117">
        <v>4513964</v>
      </c>
      <c r="V13" s="116">
        <v>33269775</v>
      </c>
      <c r="W13" s="119">
        <v>33709154</v>
      </c>
      <c r="X13" s="113">
        <v>0</v>
      </c>
      <c r="Y13" s="117">
        <v>0</v>
      </c>
      <c r="Z13" s="116">
        <v>0</v>
      </c>
      <c r="AA13" s="113">
        <v>0</v>
      </c>
      <c r="AB13" s="117">
        <v>3273617</v>
      </c>
      <c r="AC13" s="117">
        <v>3516710</v>
      </c>
      <c r="AD13" s="117">
        <v>4613714</v>
      </c>
      <c r="AE13" s="117">
        <v>3959341</v>
      </c>
      <c r="AF13" s="117">
        <v>2405815</v>
      </c>
      <c r="AG13" s="116">
        <v>17769197</v>
      </c>
      <c r="AH13" s="119">
        <v>17769197</v>
      </c>
      <c r="AI13" s="113">
        <v>0</v>
      </c>
      <c r="AJ13" s="117">
        <v>0</v>
      </c>
      <c r="AK13" s="116">
        <v>0</v>
      </c>
      <c r="AL13" s="113">
        <v>0</v>
      </c>
      <c r="AM13" s="117">
        <v>210154</v>
      </c>
      <c r="AN13" s="117">
        <v>223370</v>
      </c>
      <c r="AO13" s="117">
        <v>408322</v>
      </c>
      <c r="AP13" s="117">
        <v>431683</v>
      </c>
      <c r="AQ13" s="117">
        <v>814415</v>
      </c>
      <c r="AR13" s="116">
        <v>2087944</v>
      </c>
      <c r="AS13" s="119">
        <v>2087944</v>
      </c>
      <c r="AT13" s="113">
        <v>30028</v>
      </c>
      <c r="AU13" s="117">
        <v>95499</v>
      </c>
      <c r="AV13" s="116">
        <v>125527</v>
      </c>
      <c r="AW13" s="113">
        <v>0</v>
      </c>
      <c r="AX13" s="117">
        <v>1890508</v>
      </c>
      <c r="AY13" s="117">
        <v>2023436</v>
      </c>
      <c r="AZ13" s="117">
        <v>1682930</v>
      </c>
      <c r="BA13" s="117">
        <v>1195379</v>
      </c>
      <c r="BB13" s="117">
        <v>699012</v>
      </c>
      <c r="BC13" s="116">
        <v>7491265</v>
      </c>
      <c r="BD13" s="119">
        <v>7616792</v>
      </c>
      <c r="BE13" s="113">
        <v>0</v>
      </c>
      <c r="BF13" s="117">
        <v>31700</v>
      </c>
      <c r="BG13" s="115">
        <v>31700</v>
      </c>
      <c r="BH13" s="114">
        <v>0</v>
      </c>
      <c r="BI13" s="117">
        <v>48065</v>
      </c>
      <c r="BJ13" s="117">
        <v>109430</v>
      </c>
      <c r="BK13" s="117">
        <v>122691</v>
      </c>
      <c r="BL13" s="117">
        <v>146605</v>
      </c>
      <c r="BM13" s="117">
        <v>66042</v>
      </c>
      <c r="BN13" s="116">
        <v>492833</v>
      </c>
      <c r="BO13" s="119">
        <v>524533</v>
      </c>
      <c r="BP13" s="113">
        <v>166848</v>
      </c>
      <c r="BQ13" s="117">
        <v>115304</v>
      </c>
      <c r="BR13" s="116">
        <v>282152</v>
      </c>
      <c r="BS13" s="113">
        <v>0</v>
      </c>
      <c r="BT13" s="117">
        <v>1582424</v>
      </c>
      <c r="BU13" s="117">
        <v>1163888</v>
      </c>
      <c r="BV13" s="117">
        <v>1181256</v>
      </c>
      <c r="BW13" s="117">
        <v>972288</v>
      </c>
      <c r="BX13" s="117">
        <v>528680</v>
      </c>
      <c r="BY13" s="116">
        <v>5428536</v>
      </c>
      <c r="BZ13" s="119">
        <v>5710688</v>
      </c>
      <c r="CA13" s="113">
        <v>56631</v>
      </c>
      <c r="CB13" s="117">
        <v>76196</v>
      </c>
      <c r="CC13" s="116">
        <v>132827</v>
      </c>
      <c r="CD13" s="113">
        <v>0</v>
      </c>
      <c r="CE13" s="117">
        <v>7000745</v>
      </c>
      <c r="CF13" s="117">
        <v>6993093</v>
      </c>
      <c r="CG13" s="117">
        <v>4715664</v>
      </c>
      <c r="CH13" s="117">
        <v>2716807</v>
      </c>
      <c r="CI13" s="117">
        <v>1157018</v>
      </c>
      <c r="CJ13" s="116">
        <v>22583327</v>
      </c>
      <c r="CK13" s="119">
        <v>22716154</v>
      </c>
      <c r="CL13" s="113">
        <v>0</v>
      </c>
      <c r="CM13" s="117">
        <v>0</v>
      </c>
      <c r="CN13" s="116">
        <v>0</v>
      </c>
      <c r="CO13" s="114">
        <v>0</v>
      </c>
      <c r="CP13" s="117">
        <v>5960298</v>
      </c>
      <c r="CQ13" s="117">
        <v>6095793</v>
      </c>
      <c r="CR13" s="117">
        <v>3539005</v>
      </c>
      <c r="CS13" s="117">
        <v>2244376</v>
      </c>
      <c r="CT13" s="117">
        <v>1106413</v>
      </c>
      <c r="CU13" s="116">
        <v>18945885</v>
      </c>
      <c r="CV13" s="119">
        <v>18945885</v>
      </c>
      <c r="CW13" s="113">
        <v>56631</v>
      </c>
      <c r="CX13" s="117">
        <v>76196</v>
      </c>
      <c r="CY13" s="116">
        <v>132827</v>
      </c>
      <c r="CZ13" s="113">
        <v>0</v>
      </c>
      <c r="DA13" s="117">
        <v>1040447</v>
      </c>
      <c r="DB13" s="117">
        <v>897300</v>
      </c>
      <c r="DC13" s="117">
        <v>1176659</v>
      </c>
      <c r="DD13" s="117">
        <v>472431</v>
      </c>
      <c r="DE13" s="117">
        <v>50605</v>
      </c>
      <c r="DF13" s="116">
        <v>3637442</v>
      </c>
      <c r="DG13" s="119">
        <v>3770269</v>
      </c>
      <c r="DH13" s="113">
        <v>0</v>
      </c>
      <c r="DI13" s="117">
        <v>0</v>
      </c>
      <c r="DJ13" s="115">
        <v>0</v>
      </c>
      <c r="DK13" s="114">
        <v>0</v>
      </c>
      <c r="DL13" s="117">
        <v>1038134</v>
      </c>
      <c r="DM13" s="117">
        <v>1225204</v>
      </c>
      <c r="DN13" s="117">
        <v>1648223</v>
      </c>
      <c r="DO13" s="117">
        <v>1059775</v>
      </c>
      <c r="DP13" s="117">
        <v>487019</v>
      </c>
      <c r="DQ13" s="116">
        <v>5458355</v>
      </c>
      <c r="DR13" s="119">
        <v>5458355</v>
      </c>
      <c r="DS13" s="113">
        <v>0</v>
      </c>
      <c r="DT13" s="117">
        <v>0</v>
      </c>
      <c r="DU13" s="116">
        <v>0</v>
      </c>
      <c r="DV13" s="113">
        <v>0</v>
      </c>
      <c r="DW13" s="117">
        <v>1038134</v>
      </c>
      <c r="DX13" s="117">
        <v>1225204</v>
      </c>
      <c r="DY13" s="117">
        <v>1648223</v>
      </c>
      <c r="DZ13" s="117">
        <v>895711</v>
      </c>
      <c r="EA13" s="117">
        <v>433616</v>
      </c>
      <c r="EB13" s="116">
        <v>5240888</v>
      </c>
      <c r="EC13" s="119">
        <v>5240888</v>
      </c>
      <c r="ED13" s="113">
        <v>0</v>
      </c>
      <c r="EE13" s="115">
        <v>0</v>
      </c>
      <c r="EF13" s="116">
        <v>0</v>
      </c>
      <c r="EG13" s="113">
        <v>0</v>
      </c>
      <c r="EH13" s="117">
        <v>0</v>
      </c>
      <c r="EI13" s="117">
        <v>0</v>
      </c>
      <c r="EJ13" s="117">
        <v>0</v>
      </c>
      <c r="EK13" s="117">
        <v>164064</v>
      </c>
      <c r="EL13" s="117">
        <v>53403</v>
      </c>
      <c r="EM13" s="115">
        <v>217467</v>
      </c>
      <c r="EN13" s="119">
        <v>217467</v>
      </c>
      <c r="EO13" s="113">
        <v>0</v>
      </c>
      <c r="EP13" s="117">
        <v>0</v>
      </c>
      <c r="EQ13" s="115">
        <v>0</v>
      </c>
      <c r="ER13" s="114">
        <v>0</v>
      </c>
      <c r="ES13" s="117">
        <v>0</v>
      </c>
      <c r="ET13" s="117">
        <v>0</v>
      </c>
      <c r="EU13" s="117">
        <v>0</v>
      </c>
      <c r="EV13" s="117">
        <v>0</v>
      </c>
      <c r="EW13" s="117">
        <v>0</v>
      </c>
      <c r="EX13" s="116">
        <v>0</v>
      </c>
      <c r="EY13" s="119">
        <v>0</v>
      </c>
      <c r="EZ13" s="113">
        <v>0</v>
      </c>
      <c r="FA13" s="117">
        <v>0</v>
      </c>
      <c r="FB13" s="115">
        <v>0</v>
      </c>
      <c r="FC13" s="387"/>
      <c r="FD13" s="117">
        <v>0</v>
      </c>
      <c r="FE13" s="117">
        <v>0</v>
      </c>
      <c r="FF13" s="117">
        <v>0</v>
      </c>
      <c r="FG13" s="117">
        <v>0</v>
      </c>
      <c r="FH13" s="117">
        <v>0</v>
      </c>
      <c r="FI13" s="116">
        <v>0</v>
      </c>
      <c r="FJ13" s="119">
        <v>0</v>
      </c>
      <c r="FK13" s="113">
        <v>297920</v>
      </c>
      <c r="FL13" s="117">
        <v>373544</v>
      </c>
      <c r="FM13" s="116">
        <v>671464</v>
      </c>
      <c r="FN13" s="113">
        <v>0</v>
      </c>
      <c r="FO13" s="117">
        <v>1120274</v>
      </c>
      <c r="FP13" s="117">
        <v>2571608</v>
      </c>
      <c r="FQ13" s="117">
        <v>1539336</v>
      </c>
      <c r="FR13" s="117">
        <v>1375360</v>
      </c>
      <c r="FS13" s="117">
        <v>736888</v>
      </c>
      <c r="FT13" s="116">
        <v>7343466</v>
      </c>
      <c r="FU13" s="119">
        <v>8014930</v>
      </c>
      <c r="FV13" s="118">
        <v>62320</v>
      </c>
      <c r="FW13" s="117">
        <v>103368</v>
      </c>
      <c r="FX13" s="115">
        <v>165688</v>
      </c>
      <c r="FY13" s="114">
        <v>0</v>
      </c>
      <c r="FZ13" s="117">
        <v>749424</v>
      </c>
      <c r="GA13" s="117">
        <v>2346008</v>
      </c>
      <c r="GB13" s="117">
        <v>1490144</v>
      </c>
      <c r="GC13" s="117">
        <v>1127272</v>
      </c>
      <c r="GD13" s="117">
        <v>711544</v>
      </c>
      <c r="GE13" s="116">
        <v>6424392</v>
      </c>
      <c r="GF13" s="351">
        <v>6590080</v>
      </c>
      <c r="GG13" s="118">
        <v>11600</v>
      </c>
      <c r="GH13" s="117">
        <v>42416</v>
      </c>
      <c r="GI13" s="115">
        <v>54016</v>
      </c>
      <c r="GJ13" s="114">
        <v>0</v>
      </c>
      <c r="GK13" s="117">
        <v>11840</v>
      </c>
      <c r="GL13" s="117">
        <v>104640</v>
      </c>
      <c r="GM13" s="117">
        <v>49192</v>
      </c>
      <c r="GN13" s="117">
        <v>30888</v>
      </c>
      <c r="GO13" s="117">
        <v>25344</v>
      </c>
      <c r="GP13" s="116">
        <v>221904</v>
      </c>
      <c r="GQ13" s="119">
        <v>275920</v>
      </c>
      <c r="GR13" s="113">
        <v>224000</v>
      </c>
      <c r="GS13" s="117">
        <v>227760</v>
      </c>
      <c r="GT13" s="116">
        <v>451760</v>
      </c>
      <c r="GU13" s="113">
        <v>0</v>
      </c>
      <c r="GV13" s="117">
        <v>359010</v>
      </c>
      <c r="GW13" s="117">
        <v>120960</v>
      </c>
      <c r="GX13" s="117">
        <v>0</v>
      </c>
      <c r="GY13" s="117">
        <v>217200</v>
      </c>
      <c r="GZ13" s="117">
        <v>0</v>
      </c>
      <c r="HA13" s="115">
        <v>697170</v>
      </c>
      <c r="HB13" s="119">
        <v>1148930</v>
      </c>
      <c r="HC13" s="113">
        <v>470355</v>
      </c>
      <c r="HD13" s="117">
        <v>545100</v>
      </c>
      <c r="HE13" s="115">
        <v>1015455</v>
      </c>
      <c r="HF13" s="114">
        <v>0</v>
      </c>
      <c r="HG13" s="117">
        <v>8043054</v>
      </c>
      <c r="HH13" s="117">
        <v>6273011</v>
      </c>
      <c r="HI13" s="117">
        <v>6035951</v>
      </c>
      <c r="HJ13" s="117">
        <v>5286349</v>
      </c>
      <c r="HK13" s="117">
        <v>4465839</v>
      </c>
      <c r="HL13" s="116">
        <v>30104204</v>
      </c>
      <c r="HM13" s="112">
        <v>31119659</v>
      </c>
      <c r="HN13" s="367"/>
      <c r="HO13" s="368"/>
      <c r="HP13" s="369"/>
      <c r="HQ13" s="370"/>
      <c r="HR13" s="368"/>
      <c r="HS13" s="368"/>
      <c r="HT13" s="368"/>
      <c r="HU13" s="368"/>
      <c r="HV13" s="368"/>
      <c r="HW13" s="371"/>
      <c r="HX13" s="372"/>
      <c r="HY13" s="149">
        <v>42106</v>
      </c>
      <c r="HZ13" s="150">
        <v>0</v>
      </c>
      <c r="IA13" s="151">
        <v>42106</v>
      </c>
      <c r="IB13" s="164">
        <v>0</v>
      </c>
      <c r="IC13" s="150">
        <v>8097725</v>
      </c>
      <c r="ID13" s="165">
        <v>4997019</v>
      </c>
      <c r="IE13" s="151">
        <v>6255473</v>
      </c>
      <c r="IF13" s="150">
        <v>3323820</v>
      </c>
      <c r="IG13" s="151">
        <v>893756</v>
      </c>
      <c r="IH13" s="166">
        <v>23567793</v>
      </c>
      <c r="II13" s="157">
        <v>23609899</v>
      </c>
      <c r="IJ13" s="262">
        <v>0</v>
      </c>
      <c r="IK13" s="269">
        <v>0</v>
      </c>
      <c r="IL13" s="270">
        <v>0</v>
      </c>
      <c r="IM13" s="158"/>
      <c r="IN13" s="123">
        <v>0</v>
      </c>
      <c r="IO13" s="123">
        <v>0</v>
      </c>
      <c r="IP13" s="123">
        <v>0</v>
      </c>
      <c r="IQ13" s="123">
        <v>0</v>
      </c>
      <c r="IR13" s="123">
        <v>0</v>
      </c>
      <c r="IS13" s="159">
        <v>0</v>
      </c>
      <c r="IT13" s="354">
        <v>0</v>
      </c>
      <c r="IU13" s="160">
        <v>0</v>
      </c>
      <c r="IV13" s="123">
        <v>0</v>
      </c>
      <c r="IW13" s="124">
        <v>0</v>
      </c>
      <c r="IX13" s="162"/>
      <c r="IY13" s="123">
        <v>0</v>
      </c>
      <c r="IZ13" s="123">
        <v>0</v>
      </c>
      <c r="JA13" s="123">
        <v>0</v>
      </c>
      <c r="JB13" s="123">
        <v>0</v>
      </c>
      <c r="JC13" s="123">
        <v>0</v>
      </c>
      <c r="JD13" s="124">
        <v>0</v>
      </c>
      <c r="JE13" s="125">
        <v>0</v>
      </c>
      <c r="JF13" s="160">
        <v>0</v>
      </c>
      <c r="JG13" s="123">
        <v>0</v>
      </c>
      <c r="JH13" s="159">
        <v>0</v>
      </c>
      <c r="JI13" s="122">
        <v>0</v>
      </c>
      <c r="JJ13" s="123">
        <v>3204522</v>
      </c>
      <c r="JK13" s="123">
        <v>2088658</v>
      </c>
      <c r="JL13" s="123">
        <v>1203671</v>
      </c>
      <c r="JM13" s="123">
        <v>509167</v>
      </c>
      <c r="JN13" s="123">
        <v>47609</v>
      </c>
      <c r="JO13" s="124">
        <v>7053627</v>
      </c>
      <c r="JP13" s="354">
        <v>7053627</v>
      </c>
      <c r="JQ13" s="160">
        <v>0</v>
      </c>
      <c r="JR13" s="123">
        <v>0</v>
      </c>
      <c r="JS13" s="159">
        <v>0</v>
      </c>
      <c r="JT13" s="122">
        <v>0</v>
      </c>
      <c r="JU13" s="123">
        <v>653554</v>
      </c>
      <c r="JV13" s="123">
        <v>916563</v>
      </c>
      <c r="JW13" s="123">
        <v>729373</v>
      </c>
      <c r="JX13" s="123">
        <v>0</v>
      </c>
      <c r="JY13" s="123">
        <v>0</v>
      </c>
      <c r="JZ13" s="124">
        <v>2299490</v>
      </c>
      <c r="KA13" s="354">
        <v>2299490</v>
      </c>
      <c r="KB13" s="265">
        <v>42106</v>
      </c>
      <c r="KC13" s="259">
        <v>0</v>
      </c>
      <c r="KD13" s="124">
        <v>42106</v>
      </c>
      <c r="KE13" s="122">
        <v>0</v>
      </c>
      <c r="KF13" s="123">
        <v>647487</v>
      </c>
      <c r="KG13" s="123">
        <v>773759</v>
      </c>
      <c r="KH13" s="123">
        <v>0</v>
      </c>
      <c r="KI13" s="123">
        <v>228732</v>
      </c>
      <c r="KJ13" s="123">
        <v>0</v>
      </c>
      <c r="KK13" s="124">
        <v>1649978</v>
      </c>
      <c r="KL13" s="161">
        <v>1692084</v>
      </c>
      <c r="KM13" s="262">
        <v>0</v>
      </c>
      <c r="KN13" s="269">
        <v>0</v>
      </c>
      <c r="KO13" s="270">
        <v>0</v>
      </c>
      <c r="KP13" s="158"/>
      <c r="KQ13" s="123">
        <v>3460043</v>
      </c>
      <c r="KR13" s="123">
        <v>1218039</v>
      </c>
      <c r="KS13" s="123">
        <v>4155740</v>
      </c>
      <c r="KT13" s="123">
        <v>2006677</v>
      </c>
      <c r="KU13" s="123">
        <v>498639</v>
      </c>
      <c r="KV13" s="124">
        <v>11339138</v>
      </c>
      <c r="KW13" s="354">
        <v>11339138</v>
      </c>
      <c r="KX13" s="160">
        <v>0</v>
      </c>
      <c r="KY13" s="123">
        <v>0</v>
      </c>
      <c r="KZ13" s="124">
        <v>0</v>
      </c>
      <c r="LA13" s="163"/>
      <c r="LB13" s="123">
        <v>0</v>
      </c>
      <c r="LC13" s="123">
        <v>0</v>
      </c>
      <c r="LD13" s="123">
        <v>0</v>
      </c>
      <c r="LE13" s="123">
        <v>0</v>
      </c>
      <c r="LF13" s="123">
        <v>0</v>
      </c>
      <c r="LG13" s="124">
        <v>0</v>
      </c>
      <c r="LH13" s="125">
        <v>0</v>
      </c>
      <c r="LI13" s="160">
        <v>0</v>
      </c>
      <c r="LJ13" s="123">
        <v>0</v>
      </c>
      <c r="LK13" s="124">
        <v>0</v>
      </c>
      <c r="LL13" s="163"/>
      <c r="LM13" s="123">
        <v>0</v>
      </c>
      <c r="LN13" s="123">
        <v>0</v>
      </c>
      <c r="LO13" s="123">
        <v>0</v>
      </c>
      <c r="LP13" s="123">
        <v>0</v>
      </c>
      <c r="LQ13" s="123">
        <v>0</v>
      </c>
      <c r="LR13" s="124">
        <v>0</v>
      </c>
      <c r="LS13" s="354">
        <v>0</v>
      </c>
      <c r="LT13" s="160">
        <v>0</v>
      </c>
      <c r="LU13" s="123">
        <v>0</v>
      </c>
      <c r="LV13" s="124">
        <v>0</v>
      </c>
      <c r="LW13" s="163"/>
      <c r="LX13" s="123">
        <v>132119</v>
      </c>
      <c r="LY13" s="123">
        <v>0</v>
      </c>
      <c r="LZ13" s="123">
        <v>166689</v>
      </c>
      <c r="MA13" s="123">
        <v>579244</v>
      </c>
      <c r="MB13" s="123">
        <v>347508</v>
      </c>
      <c r="MC13" s="124">
        <v>1225560</v>
      </c>
      <c r="MD13" s="125">
        <v>1225560</v>
      </c>
      <c r="ME13" s="160">
        <v>0</v>
      </c>
      <c r="MF13" s="123">
        <v>0</v>
      </c>
      <c r="MG13" s="124">
        <v>0</v>
      </c>
      <c r="MH13" s="163"/>
      <c r="MI13" s="123">
        <v>2197037</v>
      </c>
      <c r="MJ13" s="123">
        <v>4104770</v>
      </c>
      <c r="MK13" s="123">
        <v>11771828</v>
      </c>
      <c r="ML13" s="123">
        <v>21285837</v>
      </c>
      <c r="MM13" s="123">
        <v>9881310</v>
      </c>
      <c r="MN13" s="124">
        <v>49240782</v>
      </c>
      <c r="MO13" s="161">
        <v>49240782</v>
      </c>
      <c r="MP13" s="160">
        <v>0</v>
      </c>
      <c r="MQ13" s="123">
        <v>0</v>
      </c>
      <c r="MR13" s="124">
        <v>0</v>
      </c>
      <c r="MS13" s="163"/>
      <c r="MT13" s="123">
        <v>0</v>
      </c>
      <c r="MU13" s="123">
        <v>1368518</v>
      </c>
      <c r="MV13" s="123">
        <v>6514711</v>
      </c>
      <c r="MW13" s="123">
        <v>14957402</v>
      </c>
      <c r="MX13" s="123">
        <v>7274109</v>
      </c>
      <c r="MY13" s="124">
        <v>30114740</v>
      </c>
      <c r="MZ13" s="161">
        <v>30114740</v>
      </c>
      <c r="NA13" s="160">
        <v>0</v>
      </c>
      <c r="NB13" s="123">
        <v>0</v>
      </c>
      <c r="NC13" s="124">
        <v>0</v>
      </c>
      <c r="ND13" s="163"/>
      <c r="NE13" s="123">
        <v>2197037</v>
      </c>
      <c r="NF13" s="123">
        <v>2736252</v>
      </c>
      <c r="NG13" s="123">
        <v>5257117</v>
      </c>
      <c r="NH13" s="123">
        <v>6328435</v>
      </c>
      <c r="NI13" s="123">
        <v>2607201</v>
      </c>
      <c r="NJ13" s="124">
        <v>19126042</v>
      </c>
      <c r="NK13" s="354">
        <v>19126042</v>
      </c>
      <c r="NL13" s="160">
        <v>0</v>
      </c>
      <c r="NM13" s="123">
        <v>0</v>
      </c>
      <c r="NN13" s="124">
        <v>0</v>
      </c>
      <c r="NO13" s="163"/>
      <c r="NP13" s="123">
        <v>0</v>
      </c>
      <c r="NQ13" s="123">
        <v>0</v>
      </c>
      <c r="NR13" s="123">
        <v>0</v>
      </c>
      <c r="NS13" s="123">
        <v>0</v>
      </c>
      <c r="NT13" s="123">
        <v>0</v>
      </c>
      <c r="NU13" s="124">
        <v>0</v>
      </c>
      <c r="NV13" s="125">
        <v>0</v>
      </c>
      <c r="NW13" s="160">
        <v>0</v>
      </c>
      <c r="NX13" s="123">
        <v>0</v>
      </c>
      <c r="NY13" s="124">
        <v>0</v>
      </c>
      <c r="NZ13" s="163"/>
      <c r="OA13" s="123">
        <v>0</v>
      </c>
      <c r="OB13" s="123">
        <v>0</v>
      </c>
      <c r="OC13" s="123">
        <v>0</v>
      </c>
      <c r="OD13" s="123">
        <v>0</v>
      </c>
      <c r="OE13" s="123">
        <v>0</v>
      </c>
      <c r="OF13" s="124">
        <v>0</v>
      </c>
      <c r="OG13" s="125">
        <v>0</v>
      </c>
      <c r="OH13" s="160">
        <v>1063888</v>
      </c>
      <c r="OI13" s="123">
        <v>1237343</v>
      </c>
      <c r="OJ13" s="159">
        <v>2301231</v>
      </c>
      <c r="OK13" s="122">
        <v>0</v>
      </c>
      <c r="OL13" s="123">
        <v>34501737</v>
      </c>
      <c r="OM13" s="123">
        <v>33201539</v>
      </c>
      <c r="ON13" s="123">
        <v>39975388</v>
      </c>
      <c r="OO13" s="123">
        <v>41753244</v>
      </c>
      <c r="OP13" s="123">
        <v>22135794</v>
      </c>
      <c r="OQ13" s="124">
        <v>171567702</v>
      </c>
      <c r="OR13" s="161">
        <v>173868933</v>
      </c>
    </row>
    <row r="14" spans="1:408" ht="20.25" customHeight="1" x14ac:dyDescent="0.2">
      <c r="A14" s="130" t="s">
        <v>8</v>
      </c>
      <c r="B14" s="113">
        <v>935298</v>
      </c>
      <c r="C14" s="117">
        <v>1039030</v>
      </c>
      <c r="D14" s="116">
        <v>1974328</v>
      </c>
      <c r="E14" s="112">
        <v>0</v>
      </c>
      <c r="F14" s="117">
        <v>6991478</v>
      </c>
      <c r="G14" s="117">
        <v>10154989</v>
      </c>
      <c r="H14" s="117">
        <v>8837345</v>
      </c>
      <c r="I14" s="117">
        <v>6015754</v>
      </c>
      <c r="J14" s="117">
        <v>5994083</v>
      </c>
      <c r="K14" s="112">
        <v>37993649</v>
      </c>
      <c r="L14" s="119">
        <v>39967977</v>
      </c>
      <c r="M14" s="113">
        <v>190502</v>
      </c>
      <c r="N14" s="117">
        <v>258111</v>
      </c>
      <c r="O14" s="116">
        <v>448613</v>
      </c>
      <c r="P14" s="113">
        <v>0</v>
      </c>
      <c r="Q14" s="117">
        <v>2394531</v>
      </c>
      <c r="R14" s="117">
        <v>3387443</v>
      </c>
      <c r="S14" s="117">
        <v>3242475</v>
      </c>
      <c r="T14" s="117">
        <v>1820092</v>
      </c>
      <c r="U14" s="117">
        <v>3089946</v>
      </c>
      <c r="V14" s="116">
        <v>13934487</v>
      </c>
      <c r="W14" s="119">
        <v>14383100</v>
      </c>
      <c r="X14" s="113">
        <v>0</v>
      </c>
      <c r="Y14" s="117">
        <v>0</v>
      </c>
      <c r="Z14" s="116">
        <v>0</v>
      </c>
      <c r="AA14" s="113">
        <v>0</v>
      </c>
      <c r="AB14" s="117">
        <v>1042160</v>
      </c>
      <c r="AC14" s="117">
        <v>1863360</v>
      </c>
      <c r="AD14" s="117">
        <v>1876020</v>
      </c>
      <c r="AE14" s="117">
        <v>533676</v>
      </c>
      <c r="AF14" s="117">
        <v>1946830</v>
      </c>
      <c r="AG14" s="116">
        <v>7262046</v>
      </c>
      <c r="AH14" s="119">
        <v>7262046</v>
      </c>
      <c r="AI14" s="113">
        <v>0</v>
      </c>
      <c r="AJ14" s="117">
        <v>0</v>
      </c>
      <c r="AK14" s="116">
        <v>0</v>
      </c>
      <c r="AL14" s="113">
        <v>0</v>
      </c>
      <c r="AM14" s="117">
        <v>0</v>
      </c>
      <c r="AN14" s="117">
        <v>70927</v>
      </c>
      <c r="AO14" s="117">
        <v>57865</v>
      </c>
      <c r="AP14" s="117">
        <v>177231</v>
      </c>
      <c r="AQ14" s="117">
        <v>396931</v>
      </c>
      <c r="AR14" s="116">
        <v>702954</v>
      </c>
      <c r="AS14" s="119">
        <v>702954</v>
      </c>
      <c r="AT14" s="113">
        <v>76918</v>
      </c>
      <c r="AU14" s="117">
        <v>144617</v>
      </c>
      <c r="AV14" s="116">
        <v>221535</v>
      </c>
      <c r="AW14" s="113">
        <v>0</v>
      </c>
      <c r="AX14" s="117">
        <v>852236</v>
      </c>
      <c r="AY14" s="117">
        <v>815253</v>
      </c>
      <c r="AZ14" s="117">
        <v>655948</v>
      </c>
      <c r="BA14" s="117">
        <v>543291</v>
      </c>
      <c r="BB14" s="117">
        <v>490622</v>
      </c>
      <c r="BC14" s="116">
        <v>3357350</v>
      </c>
      <c r="BD14" s="119">
        <v>3578885</v>
      </c>
      <c r="BE14" s="113">
        <v>0</v>
      </c>
      <c r="BF14" s="117">
        <v>36982</v>
      </c>
      <c r="BG14" s="115">
        <v>36982</v>
      </c>
      <c r="BH14" s="114">
        <v>0</v>
      </c>
      <c r="BI14" s="117">
        <v>80703</v>
      </c>
      <c r="BJ14" s="117">
        <v>148727</v>
      </c>
      <c r="BK14" s="117">
        <v>256810</v>
      </c>
      <c r="BL14" s="117">
        <v>175398</v>
      </c>
      <c r="BM14" s="117">
        <v>20931</v>
      </c>
      <c r="BN14" s="116">
        <v>682569</v>
      </c>
      <c r="BO14" s="119">
        <v>719551</v>
      </c>
      <c r="BP14" s="113">
        <v>113584</v>
      </c>
      <c r="BQ14" s="117">
        <v>76512</v>
      </c>
      <c r="BR14" s="116">
        <v>190096</v>
      </c>
      <c r="BS14" s="113">
        <v>0</v>
      </c>
      <c r="BT14" s="117">
        <v>419432</v>
      </c>
      <c r="BU14" s="117">
        <v>489176</v>
      </c>
      <c r="BV14" s="117">
        <v>395832</v>
      </c>
      <c r="BW14" s="117">
        <v>390496</v>
      </c>
      <c r="BX14" s="117">
        <v>234632</v>
      </c>
      <c r="BY14" s="116">
        <v>1929568</v>
      </c>
      <c r="BZ14" s="119">
        <v>2119664</v>
      </c>
      <c r="CA14" s="113">
        <v>141974</v>
      </c>
      <c r="CB14" s="117">
        <v>73452</v>
      </c>
      <c r="CC14" s="116">
        <v>215426</v>
      </c>
      <c r="CD14" s="113">
        <v>0</v>
      </c>
      <c r="CE14" s="117">
        <v>1745069</v>
      </c>
      <c r="CF14" s="117">
        <v>3553160</v>
      </c>
      <c r="CG14" s="117">
        <v>2238745</v>
      </c>
      <c r="CH14" s="117">
        <v>1188058</v>
      </c>
      <c r="CI14" s="117">
        <v>1007615</v>
      </c>
      <c r="CJ14" s="116">
        <v>9732647</v>
      </c>
      <c r="CK14" s="119">
        <v>9948073</v>
      </c>
      <c r="CL14" s="113">
        <v>0</v>
      </c>
      <c r="CM14" s="117">
        <v>0</v>
      </c>
      <c r="CN14" s="116">
        <v>0</v>
      </c>
      <c r="CO14" s="114">
        <v>0</v>
      </c>
      <c r="CP14" s="117">
        <v>1522062</v>
      </c>
      <c r="CQ14" s="117">
        <v>2829716</v>
      </c>
      <c r="CR14" s="117">
        <v>1670883</v>
      </c>
      <c r="CS14" s="117">
        <v>708096</v>
      </c>
      <c r="CT14" s="117">
        <v>834461</v>
      </c>
      <c r="CU14" s="116">
        <v>7565218</v>
      </c>
      <c r="CV14" s="119">
        <v>7565218</v>
      </c>
      <c r="CW14" s="113">
        <v>141974</v>
      </c>
      <c r="CX14" s="117">
        <v>73452</v>
      </c>
      <c r="CY14" s="116">
        <v>215426</v>
      </c>
      <c r="CZ14" s="113">
        <v>0</v>
      </c>
      <c r="DA14" s="117">
        <v>223007</v>
      </c>
      <c r="DB14" s="117">
        <v>723444</v>
      </c>
      <c r="DC14" s="117">
        <v>567862</v>
      </c>
      <c r="DD14" s="117">
        <v>479962</v>
      </c>
      <c r="DE14" s="117">
        <v>173154</v>
      </c>
      <c r="DF14" s="116">
        <v>2167429</v>
      </c>
      <c r="DG14" s="119">
        <v>2382855</v>
      </c>
      <c r="DH14" s="113">
        <v>0</v>
      </c>
      <c r="DI14" s="117">
        <v>87845</v>
      </c>
      <c r="DJ14" s="115">
        <v>87845</v>
      </c>
      <c r="DK14" s="114">
        <v>0</v>
      </c>
      <c r="DL14" s="117">
        <v>100840</v>
      </c>
      <c r="DM14" s="117">
        <v>427184</v>
      </c>
      <c r="DN14" s="117">
        <v>801717</v>
      </c>
      <c r="DO14" s="117">
        <v>599531</v>
      </c>
      <c r="DP14" s="117">
        <v>410206</v>
      </c>
      <c r="DQ14" s="116">
        <v>2339478</v>
      </c>
      <c r="DR14" s="119">
        <v>2427323</v>
      </c>
      <c r="DS14" s="113">
        <v>0</v>
      </c>
      <c r="DT14" s="117">
        <v>87845</v>
      </c>
      <c r="DU14" s="116">
        <v>87845</v>
      </c>
      <c r="DV14" s="113">
        <v>0</v>
      </c>
      <c r="DW14" s="117">
        <v>100840</v>
      </c>
      <c r="DX14" s="117">
        <v>427184</v>
      </c>
      <c r="DY14" s="117">
        <v>592467</v>
      </c>
      <c r="DZ14" s="117">
        <v>403163</v>
      </c>
      <c r="EA14" s="117">
        <v>410206</v>
      </c>
      <c r="EB14" s="116">
        <v>1933860</v>
      </c>
      <c r="EC14" s="119">
        <v>2021705</v>
      </c>
      <c r="ED14" s="113">
        <v>0</v>
      </c>
      <c r="EE14" s="115">
        <v>0</v>
      </c>
      <c r="EF14" s="116">
        <v>0</v>
      </c>
      <c r="EG14" s="113">
        <v>0</v>
      </c>
      <c r="EH14" s="117">
        <v>0</v>
      </c>
      <c r="EI14" s="117">
        <v>0</v>
      </c>
      <c r="EJ14" s="117">
        <v>209250</v>
      </c>
      <c r="EK14" s="117">
        <v>196368</v>
      </c>
      <c r="EL14" s="117">
        <v>0</v>
      </c>
      <c r="EM14" s="115">
        <v>405618</v>
      </c>
      <c r="EN14" s="119">
        <v>405618</v>
      </c>
      <c r="EO14" s="113">
        <v>0</v>
      </c>
      <c r="EP14" s="117">
        <v>0</v>
      </c>
      <c r="EQ14" s="115">
        <v>0</v>
      </c>
      <c r="ER14" s="114">
        <v>0</v>
      </c>
      <c r="ES14" s="117">
        <v>0</v>
      </c>
      <c r="ET14" s="117">
        <v>0</v>
      </c>
      <c r="EU14" s="117">
        <v>0</v>
      </c>
      <c r="EV14" s="117">
        <v>0</v>
      </c>
      <c r="EW14" s="117">
        <v>0</v>
      </c>
      <c r="EX14" s="116">
        <v>0</v>
      </c>
      <c r="EY14" s="119">
        <v>0</v>
      </c>
      <c r="EZ14" s="113">
        <v>0</v>
      </c>
      <c r="FA14" s="117">
        <v>0</v>
      </c>
      <c r="FB14" s="115">
        <v>0</v>
      </c>
      <c r="FC14" s="387"/>
      <c r="FD14" s="117">
        <v>0</v>
      </c>
      <c r="FE14" s="117">
        <v>0</v>
      </c>
      <c r="FF14" s="117">
        <v>0</v>
      </c>
      <c r="FG14" s="117">
        <v>0</v>
      </c>
      <c r="FH14" s="117">
        <v>0</v>
      </c>
      <c r="FI14" s="116">
        <v>0</v>
      </c>
      <c r="FJ14" s="119">
        <v>0</v>
      </c>
      <c r="FK14" s="113">
        <v>376016</v>
      </c>
      <c r="FL14" s="117">
        <v>70832</v>
      </c>
      <c r="FM14" s="116">
        <v>446848</v>
      </c>
      <c r="FN14" s="113">
        <v>0</v>
      </c>
      <c r="FO14" s="117">
        <v>364096</v>
      </c>
      <c r="FP14" s="117">
        <v>1054600</v>
      </c>
      <c r="FQ14" s="117">
        <v>639776</v>
      </c>
      <c r="FR14" s="117">
        <v>685264</v>
      </c>
      <c r="FS14" s="117">
        <v>313656</v>
      </c>
      <c r="FT14" s="116">
        <v>3057392</v>
      </c>
      <c r="FU14" s="119">
        <v>3504240</v>
      </c>
      <c r="FV14" s="118">
        <v>108768</v>
      </c>
      <c r="FW14" s="117">
        <v>70832</v>
      </c>
      <c r="FX14" s="115">
        <v>179600</v>
      </c>
      <c r="FY14" s="114">
        <v>0</v>
      </c>
      <c r="FZ14" s="117">
        <v>325024</v>
      </c>
      <c r="GA14" s="117">
        <v>859048</v>
      </c>
      <c r="GB14" s="117">
        <v>621120</v>
      </c>
      <c r="GC14" s="117">
        <v>584064</v>
      </c>
      <c r="GD14" s="117">
        <v>313656</v>
      </c>
      <c r="GE14" s="116">
        <v>2702912</v>
      </c>
      <c r="GF14" s="351">
        <v>2882512</v>
      </c>
      <c r="GG14" s="118">
        <v>79200</v>
      </c>
      <c r="GH14" s="117">
        <v>0</v>
      </c>
      <c r="GI14" s="115">
        <v>79200</v>
      </c>
      <c r="GJ14" s="114">
        <v>0</v>
      </c>
      <c r="GK14" s="117">
        <v>0</v>
      </c>
      <c r="GL14" s="117">
        <v>35552</v>
      </c>
      <c r="GM14" s="117">
        <v>18656</v>
      </c>
      <c r="GN14" s="117">
        <v>101200</v>
      </c>
      <c r="GO14" s="117">
        <v>0</v>
      </c>
      <c r="GP14" s="116">
        <v>155408</v>
      </c>
      <c r="GQ14" s="119">
        <v>234608</v>
      </c>
      <c r="GR14" s="113">
        <v>188048</v>
      </c>
      <c r="GS14" s="117">
        <v>0</v>
      </c>
      <c r="GT14" s="116">
        <v>188048</v>
      </c>
      <c r="GU14" s="113">
        <v>0</v>
      </c>
      <c r="GV14" s="117">
        <v>39072</v>
      </c>
      <c r="GW14" s="117">
        <v>160000</v>
      </c>
      <c r="GX14" s="117">
        <v>0</v>
      </c>
      <c r="GY14" s="117">
        <v>0</v>
      </c>
      <c r="GZ14" s="117">
        <v>0</v>
      </c>
      <c r="HA14" s="115">
        <v>199072</v>
      </c>
      <c r="HB14" s="119">
        <v>387120</v>
      </c>
      <c r="HC14" s="113">
        <v>226806</v>
      </c>
      <c r="HD14" s="117">
        <v>548790</v>
      </c>
      <c r="HE14" s="115">
        <v>775596</v>
      </c>
      <c r="HF14" s="114">
        <v>0</v>
      </c>
      <c r="HG14" s="117">
        <v>2386942</v>
      </c>
      <c r="HH14" s="117">
        <v>1732602</v>
      </c>
      <c r="HI14" s="117">
        <v>1914632</v>
      </c>
      <c r="HJ14" s="117">
        <v>1722809</v>
      </c>
      <c r="HK14" s="117">
        <v>1172660</v>
      </c>
      <c r="HL14" s="116">
        <v>8929645</v>
      </c>
      <c r="HM14" s="112">
        <v>9705241</v>
      </c>
      <c r="HN14" s="367"/>
      <c r="HO14" s="368"/>
      <c r="HP14" s="369"/>
      <c r="HQ14" s="370"/>
      <c r="HR14" s="368"/>
      <c r="HS14" s="368"/>
      <c r="HT14" s="368"/>
      <c r="HU14" s="368"/>
      <c r="HV14" s="368"/>
      <c r="HW14" s="371"/>
      <c r="HX14" s="372"/>
      <c r="HY14" s="149">
        <v>48251</v>
      </c>
      <c r="HZ14" s="150">
        <v>0</v>
      </c>
      <c r="IA14" s="151">
        <v>48251</v>
      </c>
      <c r="IB14" s="152">
        <v>0</v>
      </c>
      <c r="IC14" s="153">
        <v>3369949</v>
      </c>
      <c r="ID14" s="154">
        <v>3686155</v>
      </c>
      <c r="IE14" s="155">
        <v>2174030</v>
      </c>
      <c r="IF14" s="153">
        <v>2488735</v>
      </c>
      <c r="IG14" s="155">
        <v>373138</v>
      </c>
      <c r="IH14" s="156">
        <v>12092007</v>
      </c>
      <c r="II14" s="157">
        <v>12140258</v>
      </c>
      <c r="IJ14" s="262">
        <v>0</v>
      </c>
      <c r="IK14" s="269">
        <v>0</v>
      </c>
      <c r="IL14" s="270">
        <v>0</v>
      </c>
      <c r="IM14" s="158"/>
      <c r="IN14" s="123">
        <v>163358</v>
      </c>
      <c r="IO14" s="123">
        <v>0</v>
      </c>
      <c r="IP14" s="123">
        <v>0</v>
      </c>
      <c r="IQ14" s="123">
        <v>0</v>
      </c>
      <c r="IR14" s="123">
        <v>0</v>
      </c>
      <c r="IS14" s="159">
        <v>163358</v>
      </c>
      <c r="IT14" s="354">
        <v>163358</v>
      </c>
      <c r="IU14" s="160">
        <v>0</v>
      </c>
      <c r="IV14" s="123">
        <v>0</v>
      </c>
      <c r="IW14" s="124">
        <v>0</v>
      </c>
      <c r="IX14" s="162"/>
      <c r="IY14" s="123">
        <v>0</v>
      </c>
      <c r="IZ14" s="123">
        <v>0</v>
      </c>
      <c r="JA14" s="123">
        <v>0</v>
      </c>
      <c r="JB14" s="123">
        <v>0</v>
      </c>
      <c r="JC14" s="123">
        <v>15416</v>
      </c>
      <c r="JD14" s="124">
        <v>15416</v>
      </c>
      <c r="JE14" s="125">
        <v>15416</v>
      </c>
      <c r="JF14" s="160">
        <v>0</v>
      </c>
      <c r="JG14" s="123">
        <v>0</v>
      </c>
      <c r="JH14" s="159">
        <v>0</v>
      </c>
      <c r="JI14" s="122">
        <v>0</v>
      </c>
      <c r="JJ14" s="123">
        <v>1453313</v>
      </c>
      <c r="JK14" s="123">
        <v>1587076</v>
      </c>
      <c r="JL14" s="123">
        <v>563726</v>
      </c>
      <c r="JM14" s="123">
        <v>508918</v>
      </c>
      <c r="JN14" s="123">
        <v>97844</v>
      </c>
      <c r="JO14" s="124">
        <v>4210877</v>
      </c>
      <c r="JP14" s="354">
        <v>4210877</v>
      </c>
      <c r="JQ14" s="160">
        <v>0</v>
      </c>
      <c r="JR14" s="123">
        <v>0</v>
      </c>
      <c r="JS14" s="159">
        <v>0</v>
      </c>
      <c r="JT14" s="122">
        <v>0</v>
      </c>
      <c r="JU14" s="123">
        <v>34046</v>
      </c>
      <c r="JV14" s="123">
        <v>0</v>
      </c>
      <c r="JW14" s="123">
        <v>0</v>
      </c>
      <c r="JX14" s="123">
        <v>0</v>
      </c>
      <c r="JY14" s="123">
        <v>0</v>
      </c>
      <c r="JZ14" s="124">
        <v>34046</v>
      </c>
      <c r="KA14" s="354">
        <v>34046</v>
      </c>
      <c r="KB14" s="265">
        <v>48251</v>
      </c>
      <c r="KC14" s="259">
        <v>0</v>
      </c>
      <c r="KD14" s="124">
        <v>48251</v>
      </c>
      <c r="KE14" s="122">
        <v>0</v>
      </c>
      <c r="KF14" s="123">
        <v>745888</v>
      </c>
      <c r="KG14" s="123">
        <v>1178219</v>
      </c>
      <c r="KH14" s="123">
        <v>226428</v>
      </c>
      <c r="KI14" s="123">
        <v>508339</v>
      </c>
      <c r="KJ14" s="123">
        <v>0</v>
      </c>
      <c r="KK14" s="124">
        <v>2658874</v>
      </c>
      <c r="KL14" s="161">
        <v>2707125</v>
      </c>
      <c r="KM14" s="262">
        <v>0</v>
      </c>
      <c r="KN14" s="269">
        <v>0</v>
      </c>
      <c r="KO14" s="270">
        <v>0</v>
      </c>
      <c r="KP14" s="158"/>
      <c r="KQ14" s="123">
        <v>699914</v>
      </c>
      <c r="KR14" s="123">
        <v>730176</v>
      </c>
      <c r="KS14" s="123">
        <v>1158491</v>
      </c>
      <c r="KT14" s="123">
        <v>765516</v>
      </c>
      <c r="KU14" s="123">
        <v>259878</v>
      </c>
      <c r="KV14" s="124">
        <v>3613975</v>
      </c>
      <c r="KW14" s="354">
        <v>3613975</v>
      </c>
      <c r="KX14" s="160">
        <v>0</v>
      </c>
      <c r="KY14" s="123">
        <v>0</v>
      </c>
      <c r="KZ14" s="124">
        <v>0</v>
      </c>
      <c r="LA14" s="163"/>
      <c r="LB14" s="123">
        <v>0</v>
      </c>
      <c r="LC14" s="123">
        <v>0</v>
      </c>
      <c r="LD14" s="123">
        <v>0</v>
      </c>
      <c r="LE14" s="123">
        <v>643625</v>
      </c>
      <c r="LF14" s="123">
        <v>0</v>
      </c>
      <c r="LG14" s="124">
        <v>643625</v>
      </c>
      <c r="LH14" s="125">
        <v>643625</v>
      </c>
      <c r="LI14" s="160">
        <v>0</v>
      </c>
      <c r="LJ14" s="123">
        <v>0</v>
      </c>
      <c r="LK14" s="124">
        <v>0</v>
      </c>
      <c r="LL14" s="163"/>
      <c r="LM14" s="123">
        <v>0</v>
      </c>
      <c r="LN14" s="123">
        <v>0</v>
      </c>
      <c r="LO14" s="123">
        <v>225385</v>
      </c>
      <c r="LP14" s="123">
        <v>0</v>
      </c>
      <c r="LQ14" s="123">
        <v>0</v>
      </c>
      <c r="LR14" s="124">
        <v>225385</v>
      </c>
      <c r="LS14" s="354">
        <v>225385</v>
      </c>
      <c r="LT14" s="160">
        <v>0</v>
      </c>
      <c r="LU14" s="123">
        <v>0</v>
      </c>
      <c r="LV14" s="124">
        <v>0</v>
      </c>
      <c r="LW14" s="163"/>
      <c r="LX14" s="123">
        <v>273430</v>
      </c>
      <c r="LY14" s="123">
        <v>190684</v>
      </c>
      <c r="LZ14" s="123">
        <v>0</v>
      </c>
      <c r="MA14" s="123">
        <v>62337</v>
      </c>
      <c r="MB14" s="123">
        <v>0</v>
      </c>
      <c r="MC14" s="124">
        <v>526451</v>
      </c>
      <c r="MD14" s="125">
        <v>526451</v>
      </c>
      <c r="ME14" s="160">
        <v>0</v>
      </c>
      <c r="MF14" s="123">
        <v>0</v>
      </c>
      <c r="MG14" s="124">
        <v>0</v>
      </c>
      <c r="MH14" s="163"/>
      <c r="MI14" s="123">
        <v>441139</v>
      </c>
      <c r="MJ14" s="123">
        <v>1615612</v>
      </c>
      <c r="MK14" s="123">
        <v>3851040</v>
      </c>
      <c r="ML14" s="123">
        <v>4043631</v>
      </c>
      <c r="MM14" s="123">
        <v>2415424</v>
      </c>
      <c r="MN14" s="124">
        <v>12366846</v>
      </c>
      <c r="MO14" s="161">
        <v>12366846</v>
      </c>
      <c r="MP14" s="160">
        <v>0</v>
      </c>
      <c r="MQ14" s="123">
        <v>0</v>
      </c>
      <c r="MR14" s="124">
        <v>0</v>
      </c>
      <c r="MS14" s="163"/>
      <c r="MT14" s="123">
        <v>0</v>
      </c>
      <c r="MU14" s="123">
        <v>443119</v>
      </c>
      <c r="MV14" s="123">
        <v>1415761</v>
      </c>
      <c r="MW14" s="123">
        <v>1759849</v>
      </c>
      <c r="MX14" s="123">
        <v>2065600</v>
      </c>
      <c r="MY14" s="124">
        <v>5684329</v>
      </c>
      <c r="MZ14" s="161">
        <v>5684329</v>
      </c>
      <c r="NA14" s="160">
        <v>0</v>
      </c>
      <c r="NB14" s="123">
        <v>0</v>
      </c>
      <c r="NC14" s="124">
        <v>0</v>
      </c>
      <c r="ND14" s="163"/>
      <c r="NE14" s="123">
        <v>441139</v>
      </c>
      <c r="NF14" s="123">
        <v>1172493</v>
      </c>
      <c r="NG14" s="123">
        <v>2435279</v>
      </c>
      <c r="NH14" s="123">
        <v>1982702</v>
      </c>
      <c r="NI14" s="123">
        <v>349824</v>
      </c>
      <c r="NJ14" s="124">
        <v>6381437</v>
      </c>
      <c r="NK14" s="354">
        <v>6381437</v>
      </c>
      <c r="NL14" s="160">
        <v>0</v>
      </c>
      <c r="NM14" s="123">
        <v>0</v>
      </c>
      <c r="NN14" s="124">
        <v>0</v>
      </c>
      <c r="NO14" s="163"/>
      <c r="NP14" s="123">
        <v>0</v>
      </c>
      <c r="NQ14" s="123">
        <v>0</v>
      </c>
      <c r="NR14" s="123">
        <v>0</v>
      </c>
      <c r="NS14" s="123">
        <v>0</v>
      </c>
      <c r="NT14" s="123">
        <v>0</v>
      </c>
      <c r="NU14" s="124">
        <v>0</v>
      </c>
      <c r="NV14" s="125">
        <v>0</v>
      </c>
      <c r="NW14" s="160">
        <v>0</v>
      </c>
      <c r="NX14" s="123">
        <v>0</v>
      </c>
      <c r="NY14" s="124">
        <v>0</v>
      </c>
      <c r="NZ14" s="163"/>
      <c r="OA14" s="123">
        <v>0</v>
      </c>
      <c r="OB14" s="123">
        <v>0</v>
      </c>
      <c r="OC14" s="123">
        <v>0</v>
      </c>
      <c r="OD14" s="123">
        <v>301080</v>
      </c>
      <c r="OE14" s="123">
        <v>0</v>
      </c>
      <c r="OF14" s="124">
        <v>301080</v>
      </c>
      <c r="OG14" s="125">
        <v>301080</v>
      </c>
      <c r="OH14" s="160">
        <v>983549</v>
      </c>
      <c r="OI14" s="123">
        <v>1039030</v>
      </c>
      <c r="OJ14" s="159">
        <v>2022579</v>
      </c>
      <c r="OK14" s="122">
        <v>0</v>
      </c>
      <c r="OL14" s="123">
        <v>10802566</v>
      </c>
      <c r="OM14" s="123">
        <v>15456756</v>
      </c>
      <c r="ON14" s="123">
        <v>14862415</v>
      </c>
      <c r="OO14" s="123">
        <v>12548120</v>
      </c>
      <c r="OP14" s="123">
        <v>8782645</v>
      </c>
      <c r="OQ14" s="124">
        <v>62452502</v>
      </c>
      <c r="OR14" s="161">
        <v>64475081</v>
      </c>
    </row>
    <row r="15" spans="1:408" ht="20.25" customHeight="1" x14ac:dyDescent="0.2">
      <c r="A15" s="130" t="s">
        <v>9</v>
      </c>
      <c r="B15" s="113">
        <v>1121015</v>
      </c>
      <c r="C15" s="117">
        <v>865120</v>
      </c>
      <c r="D15" s="116">
        <v>1986135</v>
      </c>
      <c r="E15" s="114">
        <v>0</v>
      </c>
      <c r="F15" s="117">
        <v>12070759</v>
      </c>
      <c r="G15" s="117">
        <v>12518457</v>
      </c>
      <c r="H15" s="117">
        <v>11801036</v>
      </c>
      <c r="I15" s="117">
        <v>12070109</v>
      </c>
      <c r="J15" s="117">
        <v>8315243</v>
      </c>
      <c r="K15" s="112">
        <v>56775604</v>
      </c>
      <c r="L15" s="119">
        <v>58761739</v>
      </c>
      <c r="M15" s="113">
        <v>224026</v>
      </c>
      <c r="N15" s="117">
        <v>310522</v>
      </c>
      <c r="O15" s="116">
        <v>534548</v>
      </c>
      <c r="P15" s="113">
        <v>0</v>
      </c>
      <c r="Q15" s="117">
        <v>3898577</v>
      </c>
      <c r="R15" s="117">
        <v>4340173</v>
      </c>
      <c r="S15" s="117">
        <v>4171949</v>
      </c>
      <c r="T15" s="117">
        <v>6016899</v>
      </c>
      <c r="U15" s="117">
        <v>4551556</v>
      </c>
      <c r="V15" s="116">
        <v>22979154</v>
      </c>
      <c r="W15" s="119">
        <v>23513702</v>
      </c>
      <c r="X15" s="113">
        <v>0</v>
      </c>
      <c r="Y15" s="117">
        <v>0</v>
      </c>
      <c r="Z15" s="116">
        <v>0</v>
      </c>
      <c r="AA15" s="113">
        <v>0</v>
      </c>
      <c r="AB15" s="117">
        <v>1914058</v>
      </c>
      <c r="AC15" s="117">
        <v>2186214</v>
      </c>
      <c r="AD15" s="117">
        <v>2110257</v>
      </c>
      <c r="AE15" s="117">
        <v>4015582</v>
      </c>
      <c r="AF15" s="117">
        <v>2750341</v>
      </c>
      <c r="AG15" s="116">
        <v>12976452</v>
      </c>
      <c r="AH15" s="119">
        <v>12976452</v>
      </c>
      <c r="AI15" s="113">
        <v>0</v>
      </c>
      <c r="AJ15" s="117">
        <v>0</v>
      </c>
      <c r="AK15" s="116">
        <v>0</v>
      </c>
      <c r="AL15" s="113">
        <v>0</v>
      </c>
      <c r="AM15" s="117">
        <v>0</v>
      </c>
      <c r="AN15" s="117">
        <v>0</v>
      </c>
      <c r="AO15" s="117">
        <v>46897</v>
      </c>
      <c r="AP15" s="117">
        <v>203195</v>
      </c>
      <c r="AQ15" s="117">
        <v>387242</v>
      </c>
      <c r="AR15" s="116">
        <v>637334</v>
      </c>
      <c r="AS15" s="119">
        <v>637334</v>
      </c>
      <c r="AT15" s="113">
        <v>7956</v>
      </c>
      <c r="AU15" s="117">
        <v>160205</v>
      </c>
      <c r="AV15" s="116">
        <v>168161</v>
      </c>
      <c r="AW15" s="113">
        <v>0</v>
      </c>
      <c r="AX15" s="117">
        <v>1235663</v>
      </c>
      <c r="AY15" s="117">
        <v>1348410</v>
      </c>
      <c r="AZ15" s="117">
        <v>1049523</v>
      </c>
      <c r="BA15" s="117">
        <v>1039498</v>
      </c>
      <c r="BB15" s="117">
        <v>884555</v>
      </c>
      <c r="BC15" s="116">
        <v>5557649</v>
      </c>
      <c r="BD15" s="119">
        <v>5725810</v>
      </c>
      <c r="BE15" s="113">
        <v>21694</v>
      </c>
      <c r="BF15" s="117">
        <v>24405</v>
      </c>
      <c r="BG15" s="115">
        <v>46099</v>
      </c>
      <c r="BH15" s="114">
        <v>0</v>
      </c>
      <c r="BI15" s="117">
        <v>0</v>
      </c>
      <c r="BJ15" s="117">
        <v>209357</v>
      </c>
      <c r="BK15" s="117">
        <v>104960</v>
      </c>
      <c r="BL15" s="117">
        <v>188632</v>
      </c>
      <c r="BM15" s="117">
        <v>98506</v>
      </c>
      <c r="BN15" s="116">
        <v>601455</v>
      </c>
      <c r="BO15" s="119">
        <v>647554</v>
      </c>
      <c r="BP15" s="113">
        <v>194376</v>
      </c>
      <c r="BQ15" s="117">
        <v>125912</v>
      </c>
      <c r="BR15" s="116">
        <v>320288</v>
      </c>
      <c r="BS15" s="113">
        <v>0</v>
      </c>
      <c r="BT15" s="117">
        <v>748856</v>
      </c>
      <c r="BU15" s="117">
        <v>596192</v>
      </c>
      <c r="BV15" s="117">
        <v>860312</v>
      </c>
      <c r="BW15" s="117">
        <v>569992</v>
      </c>
      <c r="BX15" s="117">
        <v>430912</v>
      </c>
      <c r="BY15" s="116">
        <v>3206264</v>
      </c>
      <c r="BZ15" s="119">
        <v>3526552</v>
      </c>
      <c r="CA15" s="113">
        <v>82785</v>
      </c>
      <c r="CB15" s="117">
        <v>77445</v>
      </c>
      <c r="CC15" s="116">
        <v>160230</v>
      </c>
      <c r="CD15" s="113">
        <v>0</v>
      </c>
      <c r="CE15" s="117">
        <v>2888893</v>
      </c>
      <c r="CF15" s="117">
        <v>3429433</v>
      </c>
      <c r="CG15" s="117">
        <v>3118305</v>
      </c>
      <c r="CH15" s="117">
        <v>1903252</v>
      </c>
      <c r="CI15" s="117">
        <v>896041</v>
      </c>
      <c r="CJ15" s="116">
        <v>12235924</v>
      </c>
      <c r="CK15" s="119">
        <v>12396154</v>
      </c>
      <c r="CL15" s="113">
        <v>0</v>
      </c>
      <c r="CM15" s="117">
        <v>0</v>
      </c>
      <c r="CN15" s="116">
        <v>0</v>
      </c>
      <c r="CO15" s="114">
        <v>0</v>
      </c>
      <c r="CP15" s="117">
        <v>2170295</v>
      </c>
      <c r="CQ15" s="117">
        <v>2418562</v>
      </c>
      <c r="CR15" s="117">
        <v>2319400</v>
      </c>
      <c r="CS15" s="117">
        <v>1084685</v>
      </c>
      <c r="CT15" s="117">
        <v>878921</v>
      </c>
      <c r="CU15" s="116">
        <v>8871863</v>
      </c>
      <c r="CV15" s="119">
        <v>8871863</v>
      </c>
      <c r="CW15" s="113">
        <v>82785</v>
      </c>
      <c r="CX15" s="117">
        <v>77445</v>
      </c>
      <c r="CY15" s="116">
        <v>160230</v>
      </c>
      <c r="CZ15" s="113">
        <v>0</v>
      </c>
      <c r="DA15" s="117">
        <v>718598</v>
      </c>
      <c r="DB15" s="117">
        <v>1010871</v>
      </c>
      <c r="DC15" s="117">
        <v>798905</v>
      </c>
      <c r="DD15" s="117">
        <v>818567</v>
      </c>
      <c r="DE15" s="117">
        <v>17120</v>
      </c>
      <c r="DF15" s="116">
        <v>3364061</v>
      </c>
      <c r="DG15" s="119">
        <v>3524291</v>
      </c>
      <c r="DH15" s="113">
        <v>0</v>
      </c>
      <c r="DI15" s="117">
        <v>0</v>
      </c>
      <c r="DJ15" s="115">
        <v>0</v>
      </c>
      <c r="DK15" s="114">
        <v>0</v>
      </c>
      <c r="DL15" s="117">
        <v>360919</v>
      </c>
      <c r="DM15" s="117">
        <v>671923</v>
      </c>
      <c r="DN15" s="117">
        <v>859821</v>
      </c>
      <c r="DO15" s="117">
        <v>905966</v>
      </c>
      <c r="DP15" s="117">
        <v>587434</v>
      </c>
      <c r="DQ15" s="116">
        <v>3386063</v>
      </c>
      <c r="DR15" s="119">
        <v>3386063</v>
      </c>
      <c r="DS15" s="113">
        <v>0</v>
      </c>
      <c r="DT15" s="117">
        <v>0</v>
      </c>
      <c r="DU15" s="116">
        <v>0</v>
      </c>
      <c r="DV15" s="113">
        <v>0</v>
      </c>
      <c r="DW15" s="117">
        <v>360919</v>
      </c>
      <c r="DX15" s="117">
        <v>455360</v>
      </c>
      <c r="DY15" s="117">
        <v>823869</v>
      </c>
      <c r="DZ15" s="117">
        <v>660458</v>
      </c>
      <c r="EA15" s="117">
        <v>587434</v>
      </c>
      <c r="EB15" s="116">
        <v>2888040</v>
      </c>
      <c r="EC15" s="119">
        <v>2888040</v>
      </c>
      <c r="ED15" s="113">
        <v>0</v>
      </c>
      <c r="EE15" s="115">
        <v>0</v>
      </c>
      <c r="EF15" s="116">
        <v>0</v>
      </c>
      <c r="EG15" s="113">
        <v>0</v>
      </c>
      <c r="EH15" s="117">
        <v>0</v>
      </c>
      <c r="EI15" s="117">
        <v>216563</v>
      </c>
      <c r="EJ15" s="117">
        <v>35952</v>
      </c>
      <c r="EK15" s="117">
        <v>245508</v>
      </c>
      <c r="EL15" s="117">
        <v>0</v>
      </c>
      <c r="EM15" s="115">
        <v>498023</v>
      </c>
      <c r="EN15" s="119">
        <v>498023</v>
      </c>
      <c r="EO15" s="113">
        <v>0</v>
      </c>
      <c r="EP15" s="117">
        <v>0</v>
      </c>
      <c r="EQ15" s="115">
        <v>0</v>
      </c>
      <c r="ER15" s="114">
        <v>0</v>
      </c>
      <c r="ES15" s="117">
        <v>0</v>
      </c>
      <c r="ET15" s="117">
        <v>0</v>
      </c>
      <c r="EU15" s="117">
        <v>0</v>
      </c>
      <c r="EV15" s="117">
        <v>0</v>
      </c>
      <c r="EW15" s="117">
        <v>0</v>
      </c>
      <c r="EX15" s="116">
        <v>0</v>
      </c>
      <c r="EY15" s="119">
        <v>0</v>
      </c>
      <c r="EZ15" s="113">
        <v>0</v>
      </c>
      <c r="FA15" s="117">
        <v>0</v>
      </c>
      <c r="FB15" s="115">
        <v>0</v>
      </c>
      <c r="FC15" s="387"/>
      <c r="FD15" s="117">
        <v>0</v>
      </c>
      <c r="FE15" s="117">
        <v>0</v>
      </c>
      <c r="FF15" s="117">
        <v>0</v>
      </c>
      <c r="FG15" s="117">
        <v>0</v>
      </c>
      <c r="FH15" s="117">
        <v>0</v>
      </c>
      <c r="FI15" s="116">
        <v>0</v>
      </c>
      <c r="FJ15" s="119">
        <v>0</v>
      </c>
      <c r="FK15" s="113">
        <v>199512</v>
      </c>
      <c r="FL15" s="117">
        <v>164684</v>
      </c>
      <c r="FM15" s="116">
        <v>364196</v>
      </c>
      <c r="FN15" s="113">
        <v>0</v>
      </c>
      <c r="FO15" s="117">
        <v>1223044</v>
      </c>
      <c r="FP15" s="117">
        <v>1223232</v>
      </c>
      <c r="FQ15" s="117">
        <v>991264</v>
      </c>
      <c r="FR15" s="117">
        <v>880520</v>
      </c>
      <c r="FS15" s="117">
        <v>604968</v>
      </c>
      <c r="FT15" s="116">
        <v>4923028</v>
      </c>
      <c r="FU15" s="119">
        <v>5287224</v>
      </c>
      <c r="FV15" s="118">
        <v>180504</v>
      </c>
      <c r="FW15" s="117">
        <v>131584</v>
      </c>
      <c r="FX15" s="115">
        <v>312088</v>
      </c>
      <c r="FY15" s="114">
        <v>0</v>
      </c>
      <c r="FZ15" s="117">
        <v>638912</v>
      </c>
      <c r="GA15" s="117">
        <v>1182752</v>
      </c>
      <c r="GB15" s="117">
        <v>906464</v>
      </c>
      <c r="GC15" s="117">
        <v>828240</v>
      </c>
      <c r="GD15" s="117">
        <v>604968</v>
      </c>
      <c r="GE15" s="116">
        <v>4161336</v>
      </c>
      <c r="GF15" s="351">
        <v>4473424</v>
      </c>
      <c r="GG15" s="118">
        <v>19008</v>
      </c>
      <c r="GH15" s="117">
        <v>19580</v>
      </c>
      <c r="GI15" s="115">
        <v>38588</v>
      </c>
      <c r="GJ15" s="114">
        <v>0</v>
      </c>
      <c r="GK15" s="117">
        <v>125828</v>
      </c>
      <c r="GL15" s="117">
        <v>40480</v>
      </c>
      <c r="GM15" s="117">
        <v>0</v>
      </c>
      <c r="GN15" s="117">
        <v>52280</v>
      </c>
      <c r="GO15" s="117">
        <v>0</v>
      </c>
      <c r="GP15" s="116">
        <v>218588</v>
      </c>
      <c r="GQ15" s="119">
        <v>257176</v>
      </c>
      <c r="GR15" s="113">
        <v>0</v>
      </c>
      <c r="GS15" s="117">
        <v>13520</v>
      </c>
      <c r="GT15" s="116">
        <v>13520</v>
      </c>
      <c r="GU15" s="113">
        <v>0</v>
      </c>
      <c r="GV15" s="117">
        <v>458304</v>
      </c>
      <c r="GW15" s="117">
        <v>0</v>
      </c>
      <c r="GX15" s="117">
        <v>84800</v>
      </c>
      <c r="GY15" s="117">
        <v>0</v>
      </c>
      <c r="GZ15" s="117">
        <v>0</v>
      </c>
      <c r="HA15" s="115">
        <v>543104</v>
      </c>
      <c r="HB15" s="119">
        <v>556624</v>
      </c>
      <c r="HC15" s="113">
        <v>614692</v>
      </c>
      <c r="HD15" s="117">
        <v>312469</v>
      </c>
      <c r="HE15" s="115">
        <v>927161</v>
      </c>
      <c r="HF15" s="114">
        <v>0</v>
      </c>
      <c r="HG15" s="117">
        <v>3699326</v>
      </c>
      <c r="HH15" s="117">
        <v>2853696</v>
      </c>
      <c r="HI15" s="117">
        <v>2659697</v>
      </c>
      <c r="HJ15" s="117">
        <v>2363472</v>
      </c>
      <c r="HK15" s="117">
        <v>1675244</v>
      </c>
      <c r="HL15" s="116">
        <v>13251435</v>
      </c>
      <c r="HM15" s="112">
        <v>14178596</v>
      </c>
      <c r="HN15" s="367"/>
      <c r="HO15" s="368"/>
      <c r="HP15" s="369"/>
      <c r="HQ15" s="370"/>
      <c r="HR15" s="368"/>
      <c r="HS15" s="368"/>
      <c r="HT15" s="368"/>
      <c r="HU15" s="368"/>
      <c r="HV15" s="368"/>
      <c r="HW15" s="371"/>
      <c r="HX15" s="372"/>
      <c r="HY15" s="132">
        <v>42834</v>
      </c>
      <c r="HZ15" s="167">
        <v>0</v>
      </c>
      <c r="IA15" s="134">
        <v>42834</v>
      </c>
      <c r="IB15" s="164">
        <v>0</v>
      </c>
      <c r="IC15" s="150">
        <v>2848480</v>
      </c>
      <c r="ID15" s="165">
        <v>2720390</v>
      </c>
      <c r="IE15" s="151">
        <v>5155884</v>
      </c>
      <c r="IF15" s="150">
        <v>1590785</v>
      </c>
      <c r="IG15" s="151">
        <v>1070372</v>
      </c>
      <c r="IH15" s="166">
        <v>13385911</v>
      </c>
      <c r="II15" s="138">
        <v>13428745</v>
      </c>
      <c r="IJ15" s="262">
        <v>0</v>
      </c>
      <c r="IK15" s="269">
        <v>0</v>
      </c>
      <c r="IL15" s="270">
        <v>0</v>
      </c>
      <c r="IM15" s="158"/>
      <c r="IN15" s="123">
        <v>76368</v>
      </c>
      <c r="IO15" s="123">
        <v>0</v>
      </c>
      <c r="IP15" s="123">
        <v>0</v>
      </c>
      <c r="IQ15" s="123">
        <v>0</v>
      </c>
      <c r="IR15" s="123">
        <v>300612</v>
      </c>
      <c r="IS15" s="159">
        <v>376980</v>
      </c>
      <c r="IT15" s="354">
        <v>376980</v>
      </c>
      <c r="IU15" s="160">
        <v>0</v>
      </c>
      <c r="IV15" s="123">
        <v>0</v>
      </c>
      <c r="IW15" s="124">
        <v>0</v>
      </c>
      <c r="IX15" s="162"/>
      <c r="IY15" s="123">
        <v>0</v>
      </c>
      <c r="IZ15" s="123">
        <v>0</v>
      </c>
      <c r="JA15" s="123">
        <v>0</v>
      </c>
      <c r="JB15" s="123">
        <v>0</v>
      </c>
      <c r="JC15" s="123">
        <v>0</v>
      </c>
      <c r="JD15" s="124">
        <v>0</v>
      </c>
      <c r="JE15" s="125">
        <v>0</v>
      </c>
      <c r="JF15" s="160">
        <v>0</v>
      </c>
      <c r="JG15" s="123">
        <v>0</v>
      </c>
      <c r="JH15" s="159">
        <v>0</v>
      </c>
      <c r="JI15" s="122">
        <v>0</v>
      </c>
      <c r="JJ15" s="123">
        <v>1569808</v>
      </c>
      <c r="JK15" s="123">
        <v>1173524</v>
      </c>
      <c r="JL15" s="123">
        <v>1322007</v>
      </c>
      <c r="JM15" s="123">
        <v>1077814</v>
      </c>
      <c r="JN15" s="123">
        <v>0</v>
      </c>
      <c r="JO15" s="124">
        <v>5143153</v>
      </c>
      <c r="JP15" s="354">
        <v>5143153</v>
      </c>
      <c r="JQ15" s="160">
        <v>0</v>
      </c>
      <c r="JR15" s="123">
        <v>0</v>
      </c>
      <c r="JS15" s="159">
        <v>0</v>
      </c>
      <c r="JT15" s="122">
        <v>0</v>
      </c>
      <c r="JU15" s="123">
        <v>8368</v>
      </c>
      <c r="JV15" s="123">
        <v>39559</v>
      </c>
      <c r="JW15" s="123">
        <v>219223</v>
      </c>
      <c r="JX15" s="123">
        <v>0</v>
      </c>
      <c r="JY15" s="123">
        <v>0</v>
      </c>
      <c r="JZ15" s="124">
        <v>267150</v>
      </c>
      <c r="KA15" s="354">
        <v>267150</v>
      </c>
      <c r="KB15" s="265">
        <v>42834</v>
      </c>
      <c r="KC15" s="259">
        <v>0</v>
      </c>
      <c r="KD15" s="124">
        <v>42834</v>
      </c>
      <c r="KE15" s="122">
        <v>0</v>
      </c>
      <c r="KF15" s="123">
        <v>319050</v>
      </c>
      <c r="KG15" s="123">
        <v>157884</v>
      </c>
      <c r="KH15" s="123">
        <v>239264</v>
      </c>
      <c r="KI15" s="123">
        <v>250389</v>
      </c>
      <c r="KJ15" s="123">
        <v>0</v>
      </c>
      <c r="KK15" s="124">
        <v>966587</v>
      </c>
      <c r="KL15" s="161">
        <v>1009421</v>
      </c>
      <c r="KM15" s="262">
        <v>0</v>
      </c>
      <c r="KN15" s="269">
        <v>0</v>
      </c>
      <c r="KO15" s="270">
        <v>0</v>
      </c>
      <c r="KP15" s="158"/>
      <c r="KQ15" s="123">
        <v>713815</v>
      </c>
      <c r="KR15" s="123">
        <v>980293</v>
      </c>
      <c r="KS15" s="123">
        <v>1975690</v>
      </c>
      <c r="KT15" s="123">
        <v>262582</v>
      </c>
      <c r="KU15" s="123">
        <v>769760</v>
      </c>
      <c r="KV15" s="124">
        <v>4702140</v>
      </c>
      <c r="KW15" s="354">
        <v>4702140</v>
      </c>
      <c r="KX15" s="160">
        <v>0</v>
      </c>
      <c r="KY15" s="123">
        <v>0</v>
      </c>
      <c r="KZ15" s="124">
        <v>0</v>
      </c>
      <c r="LA15" s="163"/>
      <c r="LB15" s="123">
        <v>161071</v>
      </c>
      <c r="LC15" s="123">
        <v>180483</v>
      </c>
      <c r="LD15" s="123">
        <v>401532</v>
      </c>
      <c r="LE15" s="123">
        <v>0</v>
      </c>
      <c r="LF15" s="123">
        <v>0</v>
      </c>
      <c r="LG15" s="124">
        <v>743086</v>
      </c>
      <c r="LH15" s="125">
        <v>743086</v>
      </c>
      <c r="LI15" s="160">
        <v>0</v>
      </c>
      <c r="LJ15" s="123">
        <v>0</v>
      </c>
      <c r="LK15" s="124">
        <v>0</v>
      </c>
      <c r="LL15" s="163"/>
      <c r="LM15" s="123">
        <v>0</v>
      </c>
      <c r="LN15" s="123">
        <v>0</v>
      </c>
      <c r="LO15" s="123">
        <v>0</v>
      </c>
      <c r="LP15" s="123">
        <v>0</v>
      </c>
      <c r="LQ15" s="123">
        <v>0</v>
      </c>
      <c r="LR15" s="124">
        <v>0</v>
      </c>
      <c r="LS15" s="354">
        <v>0</v>
      </c>
      <c r="LT15" s="160">
        <v>0</v>
      </c>
      <c r="LU15" s="123">
        <v>0</v>
      </c>
      <c r="LV15" s="124">
        <v>0</v>
      </c>
      <c r="LW15" s="163"/>
      <c r="LX15" s="123">
        <v>0</v>
      </c>
      <c r="LY15" s="123">
        <v>188647</v>
      </c>
      <c r="LZ15" s="123">
        <v>998168</v>
      </c>
      <c r="MA15" s="123">
        <v>0</v>
      </c>
      <c r="MB15" s="123">
        <v>0</v>
      </c>
      <c r="MC15" s="124">
        <v>1186815</v>
      </c>
      <c r="MD15" s="125">
        <v>1186815</v>
      </c>
      <c r="ME15" s="160">
        <v>0</v>
      </c>
      <c r="MF15" s="123">
        <v>0</v>
      </c>
      <c r="MG15" s="124">
        <v>0</v>
      </c>
      <c r="MH15" s="163"/>
      <c r="MI15" s="123">
        <v>938086</v>
      </c>
      <c r="MJ15" s="123">
        <v>917122</v>
      </c>
      <c r="MK15" s="123">
        <v>5838842</v>
      </c>
      <c r="ML15" s="123">
        <v>8196887</v>
      </c>
      <c r="MM15" s="123">
        <v>3047828</v>
      </c>
      <c r="MN15" s="124">
        <v>18938765</v>
      </c>
      <c r="MO15" s="161">
        <v>18938765</v>
      </c>
      <c r="MP15" s="160">
        <v>0</v>
      </c>
      <c r="MQ15" s="123">
        <v>0</v>
      </c>
      <c r="MR15" s="124">
        <v>0</v>
      </c>
      <c r="MS15" s="163"/>
      <c r="MT15" s="123">
        <v>0</v>
      </c>
      <c r="MU15" s="123">
        <v>0</v>
      </c>
      <c r="MV15" s="123">
        <v>3725908</v>
      </c>
      <c r="MW15" s="123">
        <v>4936774</v>
      </c>
      <c r="MX15" s="123">
        <v>2700782</v>
      </c>
      <c r="MY15" s="124">
        <v>11363464</v>
      </c>
      <c r="MZ15" s="161">
        <v>11363464</v>
      </c>
      <c r="NA15" s="160">
        <v>0</v>
      </c>
      <c r="NB15" s="123">
        <v>0</v>
      </c>
      <c r="NC15" s="124">
        <v>0</v>
      </c>
      <c r="ND15" s="163"/>
      <c r="NE15" s="123">
        <v>938086</v>
      </c>
      <c r="NF15" s="123">
        <v>917122</v>
      </c>
      <c r="NG15" s="123">
        <v>1790190</v>
      </c>
      <c r="NH15" s="123">
        <v>3260113</v>
      </c>
      <c r="NI15" s="123">
        <v>347046</v>
      </c>
      <c r="NJ15" s="124">
        <v>7252557</v>
      </c>
      <c r="NK15" s="354">
        <v>7252557</v>
      </c>
      <c r="NL15" s="160">
        <v>0</v>
      </c>
      <c r="NM15" s="123">
        <v>0</v>
      </c>
      <c r="NN15" s="124">
        <v>0</v>
      </c>
      <c r="NO15" s="163"/>
      <c r="NP15" s="123">
        <v>0</v>
      </c>
      <c r="NQ15" s="123">
        <v>0</v>
      </c>
      <c r="NR15" s="123">
        <v>0</v>
      </c>
      <c r="NS15" s="123">
        <v>0</v>
      </c>
      <c r="NT15" s="123">
        <v>0</v>
      </c>
      <c r="NU15" s="124">
        <v>0</v>
      </c>
      <c r="NV15" s="125">
        <v>0</v>
      </c>
      <c r="NW15" s="160">
        <v>0</v>
      </c>
      <c r="NX15" s="123">
        <v>0</v>
      </c>
      <c r="NY15" s="124">
        <v>0</v>
      </c>
      <c r="NZ15" s="163"/>
      <c r="OA15" s="123">
        <v>0</v>
      </c>
      <c r="OB15" s="123">
        <v>0</v>
      </c>
      <c r="OC15" s="123">
        <v>322744</v>
      </c>
      <c r="OD15" s="123">
        <v>0</v>
      </c>
      <c r="OE15" s="123">
        <v>0</v>
      </c>
      <c r="OF15" s="124">
        <v>322744</v>
      </c>
      <c r="OG15" s="125">
        <v>322744</v>
      </c>
      <c r="OH15" s="160">
        <v>1163849</v>
      </c>
      <c r="OI15" s="123">
        <v>865120</v>
      </c>
      <c r="OJ15" s="159">
        <v>2028969</v>
      </c>
      <c r="OK15" s="122">
        <v>0</v>
      </c>
      <c r="OL15" s="123">
        <v>15857325</v>
      </c>
      <c r="OM15" s="123">
        <v>16155969</v>
      </c>
      <c r="ON15" s="123">
        <v>22795762</v>
      </c>
      <c r="OO15" s="123">
        <v>21857781</v>
      </c>
      <c r="OP15" s="123">
        <v>12433443</v>
      </c>
      <c r="OQ15" s="124">
        <v>89100280</v>
      </c>
      <c r="OR15" s="161">
        <v>91129249</v>
      </c>
    </row>
    <row r="16" spans="1:408" ht="20.25" customHeight="1" x14ac:dyDescent="0.2">
      <c r="A16" s="130" t="s">
        <v>10</v>
      </c>
      <c r="B16" s="113">
        <v>1498374</v>
      </c>
      <c r="C16" s="117">
        <v>2769281</v>
      </c>
      <c r="D16" s="116">
        <v>4267655</v>
      </c>
      <c r="E16" s="191">
        <v>0</v>
      </c>
      <c r="F16" s="117">
        <v>20544072</v>
      </c>
      <c r="G16" s="117">
        <v>15691736</v>
      </c>
      <c r="H16" s="117">
        <v>15937490</v>
      </c>
      <c r="I16" s="117">
        <v>12716673</v>
      </c>
      <c r="J16" s="117">
        <v>10659332</v>
      </c>
      <c r="K16" s="112">
        <v>75549303</v>
      </c>
      <c r="L16" s="119">
        <v>79816958</v>
      </c>
      <c r="M16" s="113">
        <v>516155</v>
      </c>
      <c r="N16" s="117">
        <v>1009649</v>
      </c>
      <c r="O16" s="116">
        <v>1525804</v>
      </c>
      <c r="P16" s="113">
        <v>0</v>
      </c>
      <c r="Q16" s="117">
        <v>6992536</v>
      </c>
      <c r="R16" s="117">
        <v>5118606</v>
      </c>
      <c r="S16" s="117">
        <v>5353860</v>
      </c>
      <c r="T16" s="117">
        <v>5476006</v>
      </c>
      <c r="U16" s="117">
        <v>5077403</v>
      </c>
      <c r="V16" s="116">
        <v>28018411</v>
      </c>
      <c r="W16" s="119">
        <v>29544215</v>
      </c>
      <c r="X16" s="113">
        <v>0</v>
      </c>
      <c r="Y16" s="117">
        <v>0</v>
      </c>
      <c r="Z16" s="116">
        <v>0</v>
      </c>
      <c r="AA16" s="113">
        <v>0</v>
      </c>
      <c r="AB16" s="117">
        <v>3152887</v>
      </c>
      <c r="AC16" s="117">
        <v>2157467</v>
      </c>
      <c r="AD16" s="117">
        <v>3242216</v>
      </c>
      <c r="AE16" s="117">
        <v>2693631</v>
      </c>
      <c r="AF16" s="117">
        <v>3170029</v>
      </c>
      <c r="AG16" s="116">
        <v>14416230</v>
      </c>
      <c r="AH16" s="119">
        <v>14416230</v>
      </c>
      <c r="AI16" s="113">
        <v>0</v>
      </c>
      <c r="AJ16" s="117">
        <v>0</v>
      </c>
      <c r="AK16" s="116">
        <v>0</v>
      </c>
      <c r="AL16" s="113">
        <v>0</v>
      </c>
      <c r="AM16" s="117">
        <v>0</v>
      </c>
      <c r="AN16" s="117">
        <v>24957</v>
      </c>
      <c r="AO16" s="117">
        <v>325230</v>
      </c>
      <c r="AP16" s="117">
        <v>512818</v>
      </c>
      <c r="AQ16" s="117">
        <v>486960</v>
      </c>
      <c r="AR16" s="116">
        <v>1349965</v>
      </c>
      <c r="AS16" s="119">
        <v>1349965</v>
      </c>
      <c r="AT16" s="113">
        <v>343842</v>
      </c>
      <c r="AU16" s="117">
        <v>661087</v>
      </c>
      <c r="AV16" s="116">
        <v>1004929</v>
      </c>
      <c r="AW16" s="113">
        <v>0</v>
      </c>
      <c r="AX16" s="117">
        <v>2396822</v>
      </c>
      <c r="AY16" s="117">
        <v>1846269</v>
      </c>
      <c r="AZ16" s="117">
        <v>933590</v>
      </c>
      <c r="BA16" s="117">
        <v>1386905</v>
      </c>
      <c r="BB16" s="117">
        <v>1194922</v>
      </c>
      <c r="BC16" s="116">
        <v>7758508</v>
      </c>
      <c r="BD16" s="119">
        <v>8763437</v>
      </c>
      <c r="BE16" s="113">
        <v>21353</v>
      </c>
      <c r="BF16" s="117">
        <v>100890</v>
      </c>
      <c r="BG16" s="115">
        <v>122243</v>
      </c>
      <c r="BH16" s="114">
        <v>0</v>
      </c>
      <c r="BI16" s="117">
        <v>413387</v>
      </c>
      <c r="BJ16" s="117">
        <v>135745</v>
      </c>
      <c r="BK16" s="117">
        <v>107960</v>
      </c>
      <c r="BL16" s="117">
        <v>66652</v>
      </c>
      <c r="BM16" s="117">
        <v>-529196</v>
      </c>
      <c r="BN16" s="116">
        <v>194548</v>
      </c>
      <c r="BO16" s="119">
        <v>316791</v>
      </c>
      <c r="BP16" s="113">
        <v>150960</v>
      </c>
      <c r="BQ16" s="117">
        <v>247672</v>
      </c>
      <c r="BR16" s="116">
        <v>398632</v>
      </c>
      <c r="BS16" s="113">
        <v>0</v>
      </c>
      <c r="BT16" s="117">
        <v>1029440</v>
      </c>
      <c r="BU16" s="117">
        <v>954168</v>
      </c>
      <c r="BV16" s="117">
        <v>744864</v>
      </c>
      <c r="BW16" s="117">
        <v>816000</v>
      </c>
      <c r="BX16" s="117">
        <v>754688</v>
      </c>
      <c r="BY16" s="116">
        <v>4299160</v>
      </c>
      <c r="BZ16" s="119">
        <v>4697792</v>
      </c>
      <c r="CA16" s="113">
        <v>83967</v>
      </c>
      <c r="CB16" s="117">
        <v>116082</v>
      </c>
      <c r="CC16" s="116">
        <v>200049</v>
      </c>
      <c r="CD16" s="113">
        <v>0</v>
      </c>
      <c r="CE16" s="117">
        <v>6633160</v>
      </c>
      <c r="CF16" s="117">
        <v>5022113</v>
      </c>
      <c r="CG16" s="117">
        <v>3853882</v>
      </c>
      <c r="CH16" s="117">
        <v>1785349</v>
      </c>
      <c r="CI16" s="117">
        <v>1116500</v>
      </c>
      <c r="CJ16" s="116">
        <v>18411004</v>
      </c>
      <c r="CK16" s="119">
        <v>18611053</v>
      </c>
      <c r="CL16" s="113">
        <v>0</v>
      </c>
      <c r="CM16" s="117">
        <v>0</v>
      </c>
      <c r="CN16" s="116">
        <v>0</v>
      </c>
      <c r="CO16" s="114">
        <v>0</v>
      </c>
      <c r="CP16" s="117">
        <v>5856689</v>
      </c>
      <c r="CQ16" s="117">
        <v>4335632</v>
      </c>
      <c r="CR16" s="117">
        <v>3058186</v>
      </c>
      <c r="CS16" s="117">
        <v>1313292</v>
      </c>
      <c r="CT16" s="117">
        <v>1004554</v>
      </c>
      <c r="CU16" s="116">
        <v>15568353</v>
      </c>
      <c r="CV16" s="119">
        <v>15568353</v>
      </c>
      <c r="CW16" s="113">
        <v>83967</v>
      </c>
      <c r="CX16" s="117">
        <v>116082</v>
      </c>
      <c r="CY16" s="116">
        <v>200049</v>
      </c>
      <c r="CZ16" s="113">
        <v>0</v>
      </c>
      <c r="DA16" s="117">
        <v>776471</v>
      </c>
      <c r="DB16" s="117">
        <v>686481</v>
      </c>
      <c r="DC16" s="117">
        <v>795696</v>
      </c>
      <c r="DD16" s="117">
        <v>472057</v>
      </c>
      <c r="DE16" s="117">
        <v>111946</v>
      </c>
      <c r="DF16" s="116">
        <v>2842651</v>
      </c>
      <c r="DG16" s="119">
        <v>3042700</v>
      </c>
      <c r="DH16" s="113">
        <v>0</v>
      </c>
      <c r="DI16" s="117">
        <v>141511</v>
      </c>
      <c r="DJ16" s="115">
        <v>141511</v>
      </c>
      <c r="DK16" s="114">
        <v>0</v>
      </c>
      <c r="DL16" s="117">
        <v>599644</v>
      </c>
      <c r="DM16" s="117">
        <v>1322743</v>
      </c>
      <c r="DN16" s="117">
        <v>2719065</v>
      </c>
      <c r="DO16" s="117">
        <v>1841011</v>
      </c>
      <c r="DP16" s="117">
        <v>882667</v>
      </c>
      <c r="DQ16" s="116">
        <v>7365130</v>
      </c>
      <c r="DR16" s="119">
        <v>7506641</v>
      </c>
      <c r="DS16" s="113">
        <v>0</v>
      </c>
      <c r="DT16" s="117">
        <v>141511</v>
      </c>
      <c r="DU16" s="116">
        <v>141511</v>
      </c>
      <c r="DV16" s="113">
        <v>0</v>
      </c>
      <c r="DW16" s="117">
        <v>492786</v>
      </c>
      <c r="DX16" s="117">
        <v>1054701</v>
      </c>
      <c r="DY16" s="117">
        <v>2401531</v>
      </c>
      <c r="DZ16" s="117">
        <v>1841011</v>
      </c>
      <c r="EA16" s="117">
        <v>882667</v>
      </c>
      <c r="EB16" s="116">
        <v>6672696</v>
      </c>
      <c r="EC16" s="119">
        <v>6814207</v>
      </c>
      <c r="ED16" s="113">
        <v>0</v>
      </c>
      <c r="EE16" s="115">
        <v>0</v>
      </c>
      <c r="EF16" s="116">
        <v>0</v>
      </c>
      <c r="EG16" s="113">
        <v>0</v>
      </c>
      <c r="EH16" s="117">
        <v>106858</v>
      </c>
      <c r="EI16" s="117">
        <v>268042</v>
      </c>
      <c r="EJ16" s="117">
        <v>317534</v>
      </c>
      <c r="EK16" s="117">
        <v>0</v>
      </c>
      <c r="EL16" s="117">
        <v>0</v>
      </c>
      <c r="EM16" s="115">
        <v>692434</v>
      </c>
      <c r="EN16" s="119">
        <v>692434</v>
      </c>
      <c r="EO16" s="113">
        <v>0</v>
      </c>
      <c r="EP16" s="117">
        <v>0</v>
      </c>
      <c r="EQ16" s="115">
        <v>0</v>
      </c>
      <c r="ER16" s="114">
        <v>0</v>
      </c>
      <c r="ES16" s="117">
        <v>0</v>
      </c>
      <c r="ET16" s="117">
        <v>0</v>
      </c>
      <c r="EU16" s="117">
        <v>0</v>
      </c>
      <c r="EV16" s="117">
        <v>0</v>
      </c>
      <c r="EW16" s="117">
        <v>0</v>
      </c>
      <c r="EX16" s="116">
        <v>0</v>
      </c>
      <c r="EY16" s="119">
        <v>0</v>
      </c>
      <c r="EZ16" s="113">
        <v>0</v>
      </c>
      <c r="FA16" s="117">
        <v>0</v>
      </c>
      <c r="FB16" s="115">
        <v>0</v>
      </c>
      <c r="FC16" s="387"/>
      <c r="FD16" s="117">
        <v>0</v>
      </c>
      <c r="FE16" s="117">
        <v>0</v>
      </c>
      <c r="FF16" s="117">
        <v>0</v>
      </c>
      <c r="FG16" s="117">
        <v>0</v>
      </c>
      <c r="FH16" s="117">
        <v>0</v>
      </c>
      <c r="FI16" s="116">
        <v>0</v>
      </c>
      <c r="FJ16" s="119">
        <v>0</v>
      </c>
      <c r="FK16" s="113">
        <v>498848</v>
      </c>
      <c r="FL16" s="117">
        <v>772936</v>
      </c>
      <c r="FM16" s="116">
        <v>1271784</v>
      </c>
      <c r="FN16" s="113">
        <v>0</v>
      </c>
      <c r="FO16" s="117">
        <v>1118051</v>
      </c>
      <c r="FP16" s="117">
        <v>1632888</v>
      </c>
      <c r="FQ16" s="117">
        <v>1199560</v>
      </c>
      <c r="FR16" s="117">
        <v>887888</v>
      </c>
      <c r="FS16" s="117">
        <v>719056</v>
      </c>
      <c r="FT16" s="116">
        <v>5557443</v>
      </c>
      <c r="FU16" s="119">
        <v>6829227</v>
      </c>
      <c r="FV16" s="118">
        <v>248728</v>
      </c>
      <c r="FW16" s="117">
        <v>438616</v>
      </c>
      <c r="FX16" s="115">
        <v>687344</v>
      </c>
      <c r="FY16" s="114">
        <v>0</v>
      </c>
      <c r="FZ16" s="117">
        <v>950776</v>
      </c>
      <c r="GA16" s="117">
        <v>1576328</v>
      </c>
      <c r="GB16" s="117">
        <v>1199560</v>
      </c>
      <c r="GC16" s="117">
        <v>887888</v>
      </c>
      <c r="GD16" s="117">
        <v>699856</v>
      </c>
      <c r="GE16" s="116">
        <v>5314408</v>
      </c>
      <c r="GF16" s="351">
        <v>6001752</v>
      </c>
      <c r="GG16" s="118">
        <v>33000</v>
      </c>
      <c r="GH16" s="117">
        <v>0</v>
      </c>
      <c r="GI16" s="115">
        <v>33000</v>
      </c>
      <c r="GJ16" s="114">
        <v>0</v>
      </c>
      <c r="GK16" s="117">
        <v>0</v>
      </c>
      <c r="GL16" s="117">
        <v>23760</v>
      </c>
      <c r="GM16" s="117">
        <v>0</v>
      </c>
      <c r="GN16" s="117">
        <v>0</v>
      </c>
      <c r="GO16" s="117">
        <v>19200</v>
      </c>
      <c r="GP16" s="116">
        <v>42960</v>
      </c>
      <c r="GQ16" s="119">
        <v>75960</v>
      </c>
      <c r="GR16" s="113">
        <v>217120</v>
      </c>
      <c r="GS16" s="117">
        <v>334320</v>
      </c>
      <c r="GT16" s="116">
        <v>551440</v>
      </c>
      <c r="GU16" s="113">
        <v>0</v>
      </c>
      <c r="GV16" s="117">
        <v>167275</v>
      </c>
      <c r="GW16" s="117">
        <v>32800</v>
      </c>
      <c r="GX16" s="117">
        <v>0</v>
      </c>
      <c r="GY16" s="117">
        <v>0</v>
      </c>
      <c r="GZ16" s="117">
        <v>0</v>
      </c>
      <c r="HA16" s="115">
        <v>200075</v>
      </c>
      <c r="HB16" s="119">
        <v>751515</v>
      </c>
      <c r="HC16" s="113">
        <v>399404</v>
      </c>
      <c r="HD16" s="117">
        <v>729103</v>
      </c>
      <c r="HE16" s="115">
        <v>1128507</v>
      </c>
      <c r="HF16" s="114">
        <v>0</v>
      </c>
      <c r="HG16" s="117">
        <v>5200681</v>
      </c>
      <c r="HH16" s="117">
        <v>2595386</v>
      </c>
      <c r="HI16" s="117">
        <v>2811123</v>
      </c>
      <c r="HJ16" s="117">
        <v>2726419</v>
      </c>
      <c r="HK16" s="117">
        <v>2863706</v>
      </c>
      <c r="HL16" s="116">
        <v>16197315</v>
      </c>
      <c r="HM16" s="112">
        <v>17325822</v>
      </c>
      <c r="HN16" s="367"/>
      <c r="HO16" s="368"/>
      <c r="HP16" s="369"/>
      <c r="HQ16" s="370"/>
      <c r="HR16" s="368"/>
      <c r="HS16" s="368"/>
      <c r="HT16" s="368"/>
      <c r="HU16" s="368"/>
      <c r="HV16" s="368"/>
      <c r="HW16" s="371"/>
      <c r="HX16" s="372"/>
      <c r="HY16" s="168">
        <v>0</v>
      </c>
      <c r="HZ16" s="153">
        <v>0</v>
      </c>
      <c r="IA16" s="168">
        <v>0</v>
      </c>
      <c r="IB16" s="152">
        <v>0</v>
      </c>
      <c r="IC16" s="153">
        <v>4198967</v>
      </c>
      <c r="ID16" s="154">
        <v>5931973</v>
      </c>
      <c r="IE16" s="155">
        <v>4604986</v>
      </c>
      <c r="IF16" s="153">
        <v>5831342</v>
      </c>
      <c r="IG16" s="155">
        <v>3439116</v>
      </c>
      <c r="IH16" s="156">
        <v>24006384</v>
      </c>
      <c r="II16" s="168">
        <v>24006384</v>
      </c>
      <c r="IJ16" s="262">
        <v>0</v>
      </c>
      <c r="IK16" s="269">
        <v>0</v>
      </c>
      <c r="IL16" s="270">
        <v>0</v>
      </c>
      <c r="IM16" s="158"/>
      <c r="IN16" s="123">
        <v>155609</v>
      </c>
      <c r="IO16" s="123">
        <v>100100</v>
      </c>
      <c r="IP16" s="123">
        <v>0</v>
      </c>
      <c r="IQ16" s="123">
        <v>0</v>
      </c>
      <c r="IR16" s="123">
        <v>0</v>
      </c>
      <c r="IS16" s="159">
        <v>255709</v>
      </c>
      <c r="IT16" s="354">
        <v>255709</v>
      </c>
      <c r="IU16" s="160">
        <v>0</v>
      </c>
      <c r="IV16" s="123">
        <v>0</v>
      </c>
      <c r="IW16" s="124">
        <v>0</v>
      </c>
      <c r="IX16" s="162"/>
      <c r="IY16" s="123">
        <v>20950</v>
      </c>
      <c r="IZ16" s="123">
        <v>10475</v>
      </c>
      <c r="JA16" s="123">
        <v>20950</v>
      </c>
      <c r="JB16" s="123">
        <v>0</v>
      </c>
      <c r="JC16" s="123">
        <v>9036</v>
      </c>
      <c r="JD16" s="124">
        <v>61411</v>
      </c>
      <c r="JE16" s="125">
        <v>61411</v>
      </c>
      <c r="JF16" s="160">
        <v>0</v>
      </c>
      <c r="JG16" s="123">
        <v>0</v>
      </c>
      <c r="JH16" s="159">
        <v>0</v>
      </c>
      <c r="JI16" s="122">
        <v>0</v>
      </c>
      <c r="JJ16" s="123">
        <v>1698180</v>
      </c>
      <c r="JK16" s="123">
        <v>993818</v>
      </c>
      <c r="JL16" s="123">
        <v>244296</v>
      </c>
      <c r="JM16" s="123">
        <v>44621</v>
      </c>
      <c r="JN16" s="123">
        <v>294538</v>
      </c>
      <c r="JO16" s="124">
        <v>3275453</v>
      </c>
      <c r="JP16" s="354">
        <v>3275453</v>
      </c>
      <c r="JQ16" s="160">
        <v>0</v>
      </c>
      <c r="JR16" s="123">
        <v>0</v>
      </c>
      <c r="JS16" s="159">
        <v>0</v>
      </c>
      <c r="JT16" s="122">
        <v>0</v>
      </c>
      <c r="JU16" s="123">
        <v>131995</v>
      </c>
      <c r="JV16" s="123">
        <v>508957</v>
      </c>
      <c r="JW16" s="123">
        <v>60649</v>
      </c>
      <c r="JX16" s="123">
        <v>31340</v>
      </c>
      <c r="JY16" s="123">
        <v>0</v>
      </c>
      <c r="JZ16" s="124">
        <v>732941</v>
      </c>
      <c r="KA16" s="354">
        <v>732941</v>
      </c>
      <c r="KB16" s="265">
        <v>0</v>
      </c>
      <c r="KC16" s="259">
        <v>0</v>
      </c>
      <c r="KD16" s="124">
        <v>0</v>
      </c>
      <c r="KE16" s="122">
        <v>0</v>
      </c>
      <c r="KF16" s="123">
        <v>551085</v>
      </c>
      <c r="KG16" s="123">
        <v>856163</v>
      </c>
      <c r="KH16" s="123">
        <v>1176407</v>
      </c>
      <c r="KI16" s="123">
        <v>1955345</v>
      </c>
      <c r="KJ16" s="123">
        <v>269322</v>
      </c>
      <c r="KK16" s="124">
        <v>4808322</v>
      </c>
      <c r="KL16" s="161">
        <v>4808322</v>
      </c>
      <c r="KM16" s="262">
        <v>0</v>
      </c>
      <c r="KN16" s="269">
        <v>0</v>
      </c>
      <c r="KO16" s="270">
        <v>0</v>
      </c>
      <c r="KP16" s="158"/>
      <c r="KQ16" s="123">
        <v>1641148</v>
      </c>
      <c r="KR16" s="123">
        <v>2760981</v>
      </c>
      <c r="KS16" s="123">
        <v>1526980</v>
      </c>
      <c r="KT16" s="123">
        <v>2534634</v>
      </c>
      <c r="KU16" s="123">
        <v>1058398</v>
      </c>
      <c r="KV16" s="124">
        <v>9522141</v>
      </c>
      <c r="KW16" s="354">
        <v>9522141</v>
      </c>
      <c r="KX16" s="160">
        <v>0</v>
      </c>
      <c r="KY16" s="123">
        <v>0</v>
      </c>
      <c r="KZ16" s="124">
        <v>0</v>
      </c>
      <c r="LA16" s="163"/>
      <c r="LB16" s="123">
        <v>0</v>
      </c>
      <c r="LC16" s="123">
        <v>701479</v>
      </c>
      <c r="LD16" s="123">
        <v>783776</v>
      </c>
      <c r="LE16" s="123">
        <v>427628</v>
      </c>
      <c r="LF16" s="123">
        <v>706219</v>
      </c>
      <c r="LG16" s="124">
        <v>2619102</v>
      </c>
      <c r="LH16" s="125">
        <v>2619102</v>
      </c>
      <c r="LI16" s="160">
        <v>0</v>
      </c>
      <c r="LJ16" s="123">
        <v>0</v>
      </c>
      <c r="LK16" s="124">
        <v>0</v>
      </c>
      <c r="LL16" s="163"/>
      <c r="LM16" s="123">
        <v>0</v>
      </c>
      <c r="LN16" s="123">
        <v>0</v>
      </c>
      <c r="LO16" s="123">
        <v>230556</v>
      </c>
      <c r="LP16" s="123">
        <v>537581</v>
      </c>
      <c r="LQ16" s="123">
        <v>811797</v>
      </c>
      <c r="LR16" s="124">
        <v>1579934</v>
      </c>
      <c r="LS16" s="354">
        <v>1579934</v>
      </c>
      <c r="LT16" s="160">
        <v>0</v>
      </c>
      <c r="LU16" s="123">
        <v>0</v>
      </c>
      <c r="LV16" s="124">
        <v>0</v>
      </c>
      <c r="LW16" s="163"/>
      <c r="LX16" s="123">
        <v>0</v>
      </c>
      <c r="LY16" s="123">
        <v>0</v>
      </c>
      <c r="LZ16" s="123">
        <v>561372</v>
      </c>
      <c r="MA16" s="123">
        <v>300193</v>
      </c>
      <c r="MB16" s="123">
        <v>289806</v>
      </c>
      <c r="MC16" s="124">
        <v>1151371</v>
      </c>
      <c r="MD16" s="125">
        <v>1151371</v>
      </c>
      <c r="ME16" s="160">
        <v>0</v>
      </c>
      <c r="MF16" s="123">
        <v>0</v>
      </c>
      <c r="MG16" s="124">
        <v>0</v>
      </c>
      <c r="MH16" s="163"/>
      <c r="MI16" s="123">
        <v>1441089</v>
      </c>
      <c r="MJ16" s="123">
        <v>1457820</v>
      </c>
      <c r="MK16" s="123">
        <v>7596530</v>
      </c>
      <c r="ML16" s="123">
        <v>9875568</v>
      </c>
      <c r="MM16" s="123">
        <v>8350612</v>
      </c>
      <c r="MN16" s="124">
        <v>28721619</v>
      </c>
      <c r="MO16" s="161">
        <v>28721619</v>
      </c>
      <c r="MP16" s="160">
        <v>0</v>
      </c>
      <c r="MQ16" s="123">
        <v>0</v>
      </c>
      <c r="MR16" s="124">
        <v>0</v>
      </c>
      <c r="MS16" s="163"/>
      <c r="MT16" s="123">
        <v>211693</v>
      </c>
      <c r="MU16" s="123">
        <v>0</v>
      </c>
      <c r="MV16" s="123">
        <v>4625382</v>
      </c>
      <c r="MW16" s="123">
        <v>7542505</v>
      </c>
      <c r="MX16" s="123">
        <v>4513431</v>
      </c>
      <c r="MY16" s="124">
        <v>16893011</v>
      </c>
      <c r="MZ16" s="161">
        <v>16893011</v>
      </c>
      <c r="NA16" s="160">
        <v>0</v>
      </c>
      <c r="NB16" s="123">
        <v>0</v>
      </c>
      <c r="NC16" s="124">
        <v>0</v>
      </c>
      <c r="ND16" s="163"/>
      <c r="NE16" s="123">
        <v>1229396</v>
      </c>
      <c r="NF16" s="123">
        <v>1457820</v>
      </c>
      <c r="NG16" s="123">
        <v>2971148</v>
      </c>
      <c r="NH16" s="123">
        <v>1973319</v>
      </c>
      <c r="NI16" s="123">
        <v>3468282</v>
      </c>
      <c r="NJ16" s="124">
        <v>11099965</v>
      </c>
      <c r="NK16" s="354">
        <v>11099965</v>
      </c>
      <c r="NL16" s="160">
        <v>0</v>
      </c>
      <c r="NM16" s="123">
        <v>0</v>
      </c>
      <c r="NN16" s="124">
        <v>0</v>
      </c>
      <c r="NO16" s="163"/>
      <c r="NP16" s="123">
        <v>0</v>
      </c>
      <c r="NQ16" s="123">
        <v>0</v>
      </c>
      <c r="NR16" s="123">
        <v>0</v>
      </c>
      <c r="NS16" s="123">
        <v>0</v>
      </c>
      <c r="NT16" s="123">
        <v>0</v>
      </c>
      <c r="NU16" s="124">
        <v>0</v>
      </c>
      <c r="NV16" s="125">
        <v>0</v>
      </c>
      <c r="NW16" s="160">
        <v>0</v>
      </c>
      <c r="NX16" s="123">
        <v>0</v>
      </c>
      <c r="NY16" s="124">
        <v>0</v>
      </c>
      <c r="NZ16" s="163"/>
      <c r="OA16" s="123">
        <v>0</v>
      </c>
      <c r="OB16" s="123">
        <v>0</v>
      </c>
      <c r="OC16" s="123">
        <v>0</v>
      </c>
      <c r="OD16" s="123">
        <v>359744</v>
      </c>
      <c r="OE16" s="123">
        <v>368899</v>
      </c>
      <c r="OF16" s="124">
        <v>728643</v>
      </c>
      <c r="OG16" s="125">
        <v>728643</v>
      </c>
      <c r="OH16" s="160">
        <v>1498374</v>
      </c>
      <c r="OI16" s="123">
        <v>2769281</v>
      </c>
      <c r="OJ16" s="159">
        <v>4267655</v>
      </c>
      <c r="OK16" s="122">
        <v>0</v>
      </c>
      <c r="OL16" s="123">
        <v>26184128</v>
      </c>
      <c r="OM16" s="123">
        <v>23081529</v>
      </c>
      <c r="ON16" s="123">
        <v>28139006</v>
      </c>
      <c r="OO16" s="123">
        <v>28423583</v>
      </c>
      <c r="OP16" s="123">
        <v>22449060</v>
      </c>
      <c r="OQ16" s="124">
        <v>128277306</v>
      </c>
      <c r="OR16" s="161">
        <v>132544961</v>
      </c>
    </row>
    <row r="17" spans="1:408" ht="20.25" customHeight="1" x14ac:dyDescent="0.2">
      <c r="A17" s="130" t="s">
        <v>11</v>
      </c>
      <c r="B17" s="113">
        <v>470228</v>
      </c>
      <c r="C17" s="117">
        <v>720962</v>
      </c>
      <c r="D17" s="189">
        <v>1191190</v>
      </c>
      <c r="E17" s="114">
        <v>0</v>
      </c>
      <c r="F17" s="117">
        <v>9385995</v>
      </c>
      <c r="G17" s="117">
        <v>7121194</v>
      </c>
      <c r="H17" s="117">
        <v>7460288</v>
      </c>
      <c r="I17" s="117">
        <v>8441487</v>
      </c>
      <c r="J17" s="117">
        <v>3887108</v>
      </c>
      <c r="K17" s="112">
        <v>36296072</v>
      </c>
      <c r="L17" s="119">
        <v>37487262</v>
      </c>
      <c r="M17" s="113">
        <v>103029</v>
      </c>
      <c r="N17" s="117">
        <v>160763</v>
      </c>
      <c r="O17" s="116">
        <v>263792</v>
      </c>
      <c r="P17" s="113">
        <v>0</v>
      </c>
      <c r="Q17" s="117">
        <v>1974700</v>
      </c>
      <c r="R17" s="117">
        <v>1232334</v>
      </c>
      <c r="S17" s="117">
        <v>2719958</v>
      </c>
      <c r="T17" s="117">
        <v>2395324</v>
      </c>
      <c r="U17" s="117">
        <v>2037535</v>
      </c>
      <c r="V17" s="116">
        <v>10359851</v>
      </c>
      <c r="W17" s="119">
        <v>10623643</v>
      </c>
      <c r="X17" s="113">
        <v>0</v>
      </c>
      <c r="Y17" s="117">
        <v>0</v>
      </c>
      <c r="Z17" s="116">
        <v>0</v>
      </c>
      <c r="AA17" s="113">
        <v>0</v>
      </c>
      <c r="AB17" s="117">
        <v>748288</v>
      </c>
      <c r="AC17" s="117">
        <v>269251</v>
      </c>
      <c r="AD17" s="117">
        <v>1436305</v>
      </c>
      <c r="AE17" s="117">
        <v>942063</v>
      </c>
      <c r="AF17" s="117">
        <v>1068399</v>
      </c>
      <c r="AG17" s="116">
        <v>4464306</v>
      </c>
      <c r="AH17" s="119">
        <v>4464306</v>
      </c>
      <c r="AI17" s="113">
        <v>0</v>
      </c>
      <c r="AJ17" s="117">
        <v>0</v>
      </c>
      <c r="AK17" s="116">
        <v>0</v>
      </c>
      <c r="AL17" s="113">
        <v>0</v>
      </c>
      <c r="AM17" s="117">
        <v>12536</v>
      </c>
      <c r="AN17" s="117">
        <v>0</v>
      </c>
      <c r="AO17" s="117">
        <v>225768</v>
      </c>
      <c r="AP17" s="117">
        <v>327982</v>
      </c>
      <c r="AQ17" s="117">
        <v>216814</v>
      </c>
      <c r="AR17" s="116">
        <v>783100</v>
      </c>
      <c r="AS17" s="119">
        <v>783100</v>
      </c>
      <c r="AT17" s="113">
        <v>50381</v>
      </c>
      <c r="AU17" s="117">
        <v>86307</v>
      </c>
      <c r="AV17" s="116">
        <v>136688</v>
      </c>
      <c r="AW17" s="113">
        <v>0</v>
      </c>
      <c r="AX17" s="117">
        <v>861668</v>
      </c>
      <c r="AY17" s="117">
        <v>654103</v>
      </c>
      <c r="AZ17" s="117">
        <v>590998</v>
      </c>
      <c r="BA17" s="117">
        <v>601510</v>
      </c>
      <c r="BB17" s="117">
        <v>602186</v>
      </c>
      <c r="BC17" s="116">
        <v>3310465</v>
      </c>
      <c r="BD17" s="119">
        <v>3447153</v>
      </c>
      <c r="BE17" s="113">
        <v>15024</v>
      </c>
      <c r="BF17" s="117">
        <v>37560</v>
      </c>
      <c r="BG17" s="115">
        <v>52584</v>
      </c>
      <c r="BH17" s="114">
        <v>0</v>
      </c>
      <c r="BI17" s="117">
        <v>31784</v>
      </c>
      <c r="BJ17" s="117">
        <v>31700</v>
      </c>
      <c r="BK17" s="117">
        <v>101033</v>
      </c>
      <c r="BL17" s="117">
        <v>229205</v>
      </c>
      <c r="BM17" s="117">
        <v>0</v>
      </c>
      <c r="BN17" s="116">
        <v>393722</v>
      </c>
      <c r="BO17" s="119">
        <v>446306</v>
      </c>
      <c r="BP17" s="113">
        <v>37624</v>
      </c>
      <c r="BQ17" s="117">
        <v>36896</v>
      </c>
      <c r="BR17" s="116">
        <v>74520</v>
      </c>
      <c r="BS17" s="113">
        <v>0</v>
      </c>
      <c r="BT17" s="117">
        <v>320424</v>
      </c>
      <c r="BU17" s="117">
        <v>277280</v>
      </c>
      <c r="BV17" s="117">
        <v>365854</v>
      </c>
      <c r="BW17" s="117">
        <v>294564</v>
      </c>
      <c r="BX17" s="117">
        <v>150136</v>
      </c>
      <c r="BY17" s="116">
        <v>1408258</v>
      </c>
      <c r="BZ17" s="119">
        <v>1482778</v>
      </c>
      <c r="CA17" s="113">
        <v>61744</v>
      </c>
      <c r="CB17" s="117">
        <v>111673</v>
      </c>
      <c r="CC17" s="116">
        <v>173417</v>
      </c>
      <c r="CD17" s="113">
        <v>0</v>
      </c>
      <c r="CE17" s="117">
        <v>3137220</v>
      </c>
      <c r="CF17" s="117">
        <v>1912267</v>
      </c>
      <c r="CG17" s="117">
        <v>1659048</v>
      </c>
      <c r="CH17" s="117">
        <v>1772221</v>
      </c>
      <c r="CI17" s="117">
        <v>352414</v>
      </c>
      <c r="CJ17" s="116">
        <v>8833170</v>
      </c>
      <c r="CK17" s="119">
        <v>9006587</v>
      </c>
      <c r="CL17" s="113">
        <v>0</v>
      </c>
      <c r="CM17" s="117">
        <v>0</v>
      </c>
      <c r="CN17" s="116">
        <v>0</v>
      </c>
      <c r="CO17" s="114">
        <v>0</v>
      </c>
      <c r="CP17" s="117">
        <v>1980987</v>
      </c>
      <c r="CQ17" s="117">
        <v>1414726</v>
      </c>
      <c r="CR17" s="117">
        <v>1305887</v>
      </c>
      <c r="CS17" s="117">
        <v>1203085</v>
      </c>
      <c r="CT17" s="117">
        <v>249928</v>
      </c>
      <c r="CU17" s="116">
        <v>6154613</v>
      </c>
      <c r="CV17" s="119">
        <v>6154613</v>
      </c>
      <c r="CW17" s="113">
        <v>61744</v>
      </c>
      <c r="CX17" s="117">
        <v>111673</v>
      </c>
      <c r="CY17" s="116">
        <v>173417</v>
      </c>
      <c r="CZ17" s="113">
        <v>0</v>
      </c>
      <c r="DA17" s="117">
        <v>1156233</v>
      </c>
      <c r="DB17" s="117">
        <v>497541</v>
      </c>
      <c r="DC17" s="117">
        <v>353161</v>
      </c>
      <c r="DD17" s="117">
        <v>569136</v>
      </c>
      <c r="DE17" s="117">
        <v>102486</v>
      </c>
      <c r="DF17" s="116">
        <v>2678557</v>
      </c>
      <c r="DG17" s="119">
        <v>2851974</v>
      </c>
      <c r="DH17" s="113">
        <v>8920</v>
      </c>
      <c r="DI17" s="117">
        <v>0</v>
      </c>
      <c r="DJ17" s="115">
        <v>8920</v>
      </c>
      <c r="DK17" s="114">
        <v>0</v>
      </c>
      <c r="DL17" s="117">
        <v>372071</v>
      </c>
      <c r="DM17" s="117">
        <v>357951</v>
      </c>
      <c r="DN17" s="117">
        <v>559112</v>
      </c>
      <c r="DO17" s="117">
        <v>1237701</v>
      </c>
      <c r="DP17" s="117">
        <v>138396</v>
      </c>
      <c r="DQ17" s="116">
        <v>2665231</v>
      </c>
      <c r="DR17" s="119">
        <v>2674151</v>
      </c>
      <c r="DS17" s="113">
        <v>8920</v>
      </c>
      <c r="DT17" s="117">
        <v>0</v>
      </c>
      <c r="DU17" s="116">
        <v>8920</v>
      </c>
      <c r="DV17" s="113">
        <v>0</v>
      </c>
      <c r="DW17" s="117">
        <v>372071</v>
      </c>
      <c r="DX17" s="117">
        <v>286348</v>
      </c>
      <c r="DY17" s="117">
        <v>559112</v>
      </c>
      <c r="DZ17" s="117">
        <v>647367</v>
      </c>
      <c r="EA17" s="117">
        <v>81732</v>
      </c>
      <c r="EB17" s="116">
        <v>1946630</v>
      </c>
      <c r="EC17" s="119">
        <v>1955550</v>
      </c>
      <c r="ED17" s="113">
        <v>0</v>
      </c>
      <c r="EE17" s="115">
        <v>0</v>
      </c>
      <c r="EF17" s="116">
        <v>0</v>
      </c>
      <c r="EG17" s="113">
        <v>0</v>
      </c>
      <c r="EH17" s="117">
        <v>0</v>
      </c>
      <c r="EI17" s="117">
        <v>71603</v>
      </c>
      <c r="EJ17" s="117">
        <v>0</v>
      </c>
      <c r="EK17" s="117">
        <v>590334</v>
      </c>
      <c r="EL17" s="117">
        <v>56664</v>
      </c>
      <c r="EM17" s="115">
        <v>718601</v>
      </c>
      <c r="EN17" s="119">
        <v>718601</v>
      </c>
      <c r="EO17" s="113">
        <v>0</v>
      </c>
      <c r="EP17" s="117">
        <v>0</v>
      </c>
      <c r="EQ17" s="115">
        <v>0</v>
      </c>
      <c r="ER17" s="114">
        <v>0</v>
      </c>
      <c r="ES17" s="117">
        <v>0</v>
      </c>
      <c r="ET17" s="117">
        <v>0</v>
      </c>
      <c r="EU17" s="117">
        <v>0</v>
      </c>
      <c r="EV17" s="117">
        <v>0</v>
      </c>
      <c r="EW17" s="117">
        <v>0</v>
      </c>
      <c r="EX17" s="116">
        <v>0</v>
      </c>
      <c r="EY17" s="119">
        <v>0</v>
      </c>
      <c r="EZ17" s="113">
        <v>0</v>
      </c>
      <c r="FA17" s="117">
        <v>0</v>
      </c>
      <c r="FB17" s="115">
        <v>0</v>
      </c>
      <c r="FC17" s="387"/>
      <c r="FD17" s="117">
        <v>0</v>
      </c>
      <c r="FE17" s="117">
        <v>0</v>
      </c>
      <c r="FF17" s="117">
        <v>0</v>
      </c>
      <c r="FG17" s="117">
        <v>0</v>
      </c>
      <c r="FH17" s="117">
        <v>0</v>
      </c>
      <c r="FI17" s="116">
        <v>0</v>
      </c>
      <c r="FJ17" s="119">
        <v>0</v>
      </c>
      <c r="FK17" s="113">
        <v>78400</v>
      </c>
      <c r="FL17" s="117">
        <v>153328</v>
      </c>
      <c r="FM17" s="116">
        <v>231728</v>
      </c>
      <c r="FN17" s="113">
        <v>0</v>
      </c>
      <c r="FO17" s="117">
        <v>378512</v>
      </c>
      <c r="FP17" s="117">
        <v>421240</v>
      </c>
      <c r="FQ17" s="117">
        <v>565395</v>
      </c>
      <c r="FR17" s="117">
        <v>530592</v>
      </c>
      <c r="FS17" s="117">
        <v>186052</v>
      </c>
      <c r="FT17" s="116">
        <v>2081791</v>
      </c>
      <c r="FU17" s="119">
        <v>2313519</v>
      </c>
      <c r="FV17" s="118">
        <v>78400</v>
      </c>
      <c r="FW17" s="117">
        <v>153328</v>
      </c>
      <c r="FX17" s="115">
        <v>231728</v>
      </c>
      <c r="FY17" s="114">
        <v>0</v>
      </c>
      <c r="FZ17" s="117">
        <v>378512</v>
      </c>
      <c r="GA17" s="117">
        <v>421240</v>
      </c>
      <c r="GB17" s="117">
        <v>565395</v>
      </c>
      <c r="GC17" s="117">
        <v>530592</v>
      </c>
      <c r="GD17" s="117">
        <v>186052</v>
      </c>
      <c r="GE17" s="116">
        <v>2081791</v>
      </c>
      <c r="GF17" s="351">
        <v>2313519</v>
      </c>
      <c r="GG17" s="118">
        <v>0</v>
      </c>
      <c r="GH17" s="117">
        <v>0</v>
      </c>
      <c r="GI17" s="115">
        <v>0</v>
      </c>
      <c r="GJ17" s="114">
        <v>0</v>
      </c>
      <c r="GK17" s="117">
        <v>0</v>
      </c>
      <c r="GL17" s="117">
        <v>0</v>
      </c>
      <c r="GM17" s="117">
        <v>0</v>
      </c>
      <c r="GN17" s="117">
        <v>0</v>
      </c>
      <c r="GO17" s="117">
        <v>0</v>
      </c>
      <c r="GP17" s="116">
        <v>0</v>
      </c>
      <c r="GQ17" s="119">
        <v>0</v>
      </c>
      <c r="GR17" s="113">
        <v>0</v>
      </c>
      <c r="GS17" s="117">
        <v>0</v>
      </c>
      <c r="GT17" s="116">
        <v>0</v>
      </c>
      <c r="GU17" s="113">
        <v>0</v>
      </c>
      <c r="GV17" s="117">
        <v>0</v>
      </c>
      <c r="GW17" s="117">
        <v>0</v>
      </c>
      <c r="GX17" s="117">
        <v>0</v>
      </c>
      <c r="GY17" s="117">
        <v>0</v>
      </c>
      <c r="GZ17" s="117">
        <v>0</v>
      </c>
      <c r="HA17" s="115">
        <v>0</v>
      </c>
      <c r="HB17" s="119">
        <v>0</v>
      </c>
      <c r="HC17" s="113">
        <v>218135</v>
      </c>
      <c r="HD17" s="117">
        <v>295198</v>
      </c>
      <c r="HE17" s="115">
        <v>513333</v>
      </c>
      <c r="HF17" s="114">
        <v>0</v>
      </c>
      <c r="HG17" s="117">
        <v>3523492</v>
      </c>
      <c r="HH17" s="117">
        <v>3197402</v>
      </c>
      <c r="HI17" s="117">
        <v>1956775</v>
      </c>
      <c r="HJ17" s="117">
        <v>2505649</v>
      </c>
      <c r="HK17" s="117">
        <v>1172711</v>
      </c>
      <c r="HL17" s="116">
        <v>12356029</v>
      </c>
      <c r="HM17" s="112">
        <v>12869362</v>
      </c>
      <c r="HN17" s="367"/>
      <c r="HO17" s="368"/>
      <c r="HP17" s="369"/>
      <c r="HQ17" s="370"/>
      <c r="HR17" s="368"/>
      <c r="HS17" s="368"/>
      <c r="HT17" s="368"/>
      <c r="HU17" s="368"/>
      <c r="HV17" s="368"/>
      <c r="HW17" s="371"/>
      <c r="HX17" s="372"/>
      <c r="HY17" s="149">
        <v>0</v>
      </c>
      <c r="HZ17" s="150">
        <v>0</v>
      </c>
      <c r="IA17" s="151">
        <v>0</v>
      </c>
      <c r="IB17" s="164">
        <v>0</v>
      </c>
      <c r="IC17" s="150">
        <v>2199136</v>
      </c>
      <c r="ID17" s="165">
        <v>872565</v>
      </c>
      <c r="IE17" s="151">
        <v>2850149</v>
      </c>
      <c r="IF17" s="150">
        <v>1475790</v>
      </c>
      <c r="IG17" s="151">
        <v>264591</v>
      </c>
      <c r="IH17" s="166">
        <v>7662231</v>
      </c>
      <c r="II17" s="157">
        <v>7662231</v>
      </c>
      <c r="IJ17" s="262">
        <v>0</v>
      </c>
      <c r="IK17" s="269">
        <v>0</v>
      </c>
      <c r="IL17" s="270">
        <v>0</v>
      </c>
      <c r="IM17" s="158"/>
      <c r="IN17" s="123">
        <v>61696</v>
      </c>
      <c r="IO17" s="123">
        <v>0</v>
      </c>
      <c r="IP17" s="123">
        <v>321728</v>
      </c>
      <c r="IQ17" s="123">
        <v>0</v>
      </c>
      <c r="IR17" s="123">
        <v>0</v>
      </c>
      <c r="IS17" s="159">
        <v>383424</v>
      </c>
      <c r="IT17" s="354">
        <v>383424</v>
      </c>
      <c r="IU17" s="160">
        <v>0</v>
      </c>
      <c r="IV17" s="123">
        <v>0</v>
      </c>
      <c r="IW17" s="124">
        <v>0</v>
      </c>
      <c r="IX17" s="162"/>
      <c r="IY17" s="123">
        <v>0</v>
      </c>
      <c r="IZ17" s="123">
        <v>0</v>
      </c>
      <c r="JA17" s="123">
        <v>0</v>
      </c>
      <c r="JB17" s="123">
        <v>0</v>
      </c>
      <c r="JC17" s="123">
        <v>0</v>
      </c>
      <c r="JD17" s="124">
        <v>0</v>
      </c>
      <c r="JE17" s="125">
        <v>0</v>
      </c>
      <c r="JF17" s="160">
        <v>0</v>
      </c>
      <c r="JG17" s="123">
        <v>0</v>
      </c>
      <c r="JH17" s="159">
        <v>0</v>
      </c>
      <c r="JI17" s="122">
        <v>0</v>
      </c>
      <c r="JJ17" s="123">
        <v>1543924</v>
      </c>
      <c r="JK17" s="123">
        <v>297076</v>
      </c>
      <c r="JL17" s="123">
        <v>1678114</v>
      </c>
      <c r="JM17" s="123">
        <v>290441</v>
      </c>
      <c r="JN17" s="123">
        <v>264591</v>
      </c>
      <c r="JO17" s="124">
        <v>4074146</v>
      </c>
      <c r="JP17" s="354">
        <v>4074146</v>
      </c>
      <c r="JQ17" s="160">
        <v>0</v>
      </c>
      <c r="JR17" s="123">
        <v>0</v>
      </c>
      <c r="JS17" s="159">
        <v>0</v>
      </c>
      <c r="JT17" s="122">
        <v>0</v>
      </c>
      <c r="JU17" s="123">
        <v>239059</v>
      </c>
      <c r="JV17" s="123">
        <v>150577</v>
      </c>
      <c r="JW17" s="123">
        <v>0</v>
      </c>
      <c r="JX17" s="123">
        <v>0</v>
      </c>
      <c r="JY17" s="123">
        <v>0</v>
      </c>
      <c r="JZ17" s="124">
        <v>389636</v>
      </c>
      <c r="KA17" s="354">
        <v>389636</v>
      </c>
      <c r="KB17" s="265">
        <v>0</v>
      </c>
      <c r="KC17" s="259">
        <v>0</v>
      </c>
      <c r="KD17" s="124">
        <v>0</v>
      </c>
      <c r="KE17" s="122">
        <v>0</v>
      </c>
      <c r="KF17" s="123">
        <v>106242</v>
      </c>
      <c r="KG17" s="123">
        <v>0</v>
      </c>
      <c r="KH17" s="123">
        <v>600503</v>
      </c>
      <c r="KI17" s="123">
        <v>416850</v>
      </c>
      <c r="KJ17" s="123">
        <v>0</v>
      </c>
      <c r="KK17" s="124">
        <v>1123595</v>
      </c>
      <c r="KL17" s="161">
        <v>1123595</v>
      </c>
      <c r="KM17" s="262">
        <v>0</v>
      </c>
      <c r="KN17" s="269">
        <v>0</v>
      </c>
      <c r="KO17" s="270">
        <v>0</v>
      </c>
      <c r="KP17" s="158"/>
      <c r="KQ17" s="123">
        <v>248215</v>
      </c>
      <c r="KR17" s="123">
        <v>237824</v>
      </c>
      <c r="KS17" s="123">
        <v>249804</v>
      </c>
      <c r="KT17" s="123">
        <v>768499</v>
      </c>
      <c r="KU17" s="123">
        <v>0</v>
      </c>
      <c r="KV17" s="124">
        <v>1504342</v>
      </c>
      <c r="KW17" s="354">
        <v>1504342</v>
      </c>
      <c r="KX17" s="160">
        <v>0</v>
      </c>
      <c r="KY17" s="123">
        <v>0</v>
      </c>
      <c r="KZ17" s="124">
        <v>0</v>
      </c>
      <c r="LA17" s="163"/>
      <c r="LB17" s="123">
        <v>0</v>
      </c>
      <c r="LC17" s="123">
        <v>0</v>
      </c>
      <c r="LD17" s="123">
        <v>0</v>
      </c>
      <c r="LE17" s="123">
        <v>0</v>
      </c>
      <c r="LF17" s="123">
        <v>0</v>
      </c>
      <c r="LG17" s="124">
        <v>0</v>
      </c>
      <c r="LH17" s="125">
        <v>0</v>
      </c>
      <c r="LI17" s="160">
        <v>0</v>
      </c>
      <c r="LJ17" s="123">
        <v>0</v>
      </c>
      <c r="LK17" s="124">
        <v>0</v>
      </c>
      <c r="LL17" s="163"/>
      <c r="LM17" s="123">
        <v>0</v>
      </c>
      <c r="LN17" s="123">
        <v>0</v>
      </c>
      <c r="LO17" s="123">
        <v>0</v>
      </c>
      <c r="LP17" s="123">
        <v>0</v>
      </c>
      <c r="LQ17" s="123">
        <v>0</v>
      </c>
      <c r="LR17" s="124">
        <v>0</v>
      </c>
      <c r="LS17" s="354">
        <v>0</v>
      </c>
      <c r="LT17" s="160">
        <v>0</v>
      </c>
      <c r="LU17" s="123">
        <v>0</v>
      </c>
      <c r="LV17" s="124">
        <v>0</v>
      </c>
      <c r="LW17" s="163"/>
      <c r="LX17" s="123">
        <v>0</v>
      </c>
      <c r="LY17" s="123">
        <v>187088</v>
      </c>
      <c r="LZ17" s="123">
        <v>0</v>
      </c>
      <c r="MA17" s="123">
        <v>0</v>
      </c>
      <c r="MB17" s="123">
        <v>0</v>
      </c>
      <c r="MC17" s="124">
        <v>187088</v>
      </c>
      <c r="MD17" s="125">
        <v>187088</v>
      </c>
      <c r="ME17" s="160">
        <v>0</v>
      </c>
      <c r="MF17" s="123">
        <v>0</v>
      </c>
      <c r="MG17" s="124">
        <v>0</v>
      </c>
      <c r="MH17" s="163"/>
      <c r="MI17" s="123">
        <v>959782</v>
      </c>
      <c r="MJ17" s="123">
        <v>1732632</v>
      </c>
      <c r="MK17" s="123">
        <v>2996144</v>
      </c>
      <c r="ML17" s="123">
        <v>6137409</v>
      </c>
      <c r="MM17" s="123">
        <v>3136006</v>
      </c>
      <c r="MN17" s="124">
        <v>14961973</v>
      </c>
      <c r="MO17" s="161">
        <v>14961973</v>
      </c>
      <c r="MP17" s="160">
        <v>0</v>
      </c>
      <c r="MQ17" s="123">
        <v>0</v>
      </c>
      <c r="MR17" s="124">
        <v>0</v>
      </c>
      <c r="MS17" s="163"/>
      <c r="MT17" s="123">
        <v>0</v>
      </c>
      <c r="MU17" s="123">
        <v>0</v>
      </c>
      <c r="MV17" s="123">
        <v>1700521</v>
      </c>
      <c r="MW17" s="123">
        <v>4670856</v>
      </c>
      <c r="MX17" s="123">
        <v>1643182</v>
      </c>
      <c r="MY17" s="124">
        <v>8014559</v>
      </c>
      <c r="MZ17" s="161">
        <v>8014559</v>
      </c>
      <c r="NA17" s="160">
        <v>0</v>
      </c>
      <c r="NB17" s="123">
        <v>0</v>
      </c>
      <c r="NC17" s="124">
        <v>0</v>
      </c>
      <c r="ND17" s="163"/>
      <c r="NE17" s="123">
        <v>959782</v>
      </c>
      <c r="NF17" s="123">
        <v>1504712</v>
      </c>
      <c r="NG17" s="123">
        <v>1024239</v>
      </c>
      <c r="NH17" s="123">
        <v>1165473</v>
      </c>
      <c r="NI17" s="123">
        <v>1492824</v>
      </c>
      <c r="NJ17" s="124">
        <v>6147030</v>
      </c>
      <c r="NK17" s="354">
        <v>6147030</v>
      </c>
      <c r="NL17" s="160">
        <v>0</v>
      </c>
      <c r="NM17" s="123">
        <v>0</v>
      </c>
      <c r="NN17" s="124">
        <v>0</v>
      </c>
      <c r="NO17" s="163"/>
      <c r="NP17" s="123">
        <v>0</v>
      </c>
      <c r="NQ17" s="123">
        <v>0</v>
      </c>
      <c r="NR17" s="123">
        <v>0</v>
      </c>
      <c r="NS17" s="123">
        <v>0</v>
      </c>
      <c r="NT17" s="123">
        <v>0</v>
      </c>
      <c r="NU17" s="124">
        <v>0</v>
      </c>
      <c r="NV17" s="125">
        <v>0</v>
      </c>
      <c r="NW17" s="160">
        <v>0</v>
      </c>
      <c r="NX17" s="123">
        <v>0</v>
      </c>
      <c r="NY17" s="124">
        <v>0</v>
      </c>
      <c r="NZ17" s="163"/>
      <c r="OA17" s="123">
        <v>0</v>
      </c>
      <c r="OB17" s="123">
        <v>227920</v>
      </c>
      <c r="OC17" s="123">
        <v>271384</v>
      </c>
      <c r="OD17" s="123">
        <v>301080</v>
      </c>
      <c r="OE17" s="123">
        <v>0</v>
      </c>
      <c r="OF17" s="124">
        <v>800384</v>
      </c>
      <c r="OG17" s="125">
        <v>800384</v>
      </c>
      <c r="OH17" s="160">
        <v>470228</v>
      </c>
      <c r="OI17" s="123">
        <v>720962</v>
      </c>
      <c r="OJ17" s="159">
        <v>1191190</v>
      </c>
      <c r="OK17" s="122">
        <v>0</v>
      </c>
      <c r="OL17" s="123">
        <v>12544913</v>
      </c>
      <c r="OM17" s="123">
        <v>9726391</v>
      </c>
      <c r="ON17" s="123">
        <v>13306581</v>
      </c>
      <c r="OO17" s="123">
        <v>16054686</v>
      </c>
      <c r="OP17" s="123">
        <v>7287705</v>
      </c>
      <c r="OQ17" s="124">
        <v>58920276</v>
      </c>
      <c r="OR17" s="161">
        <v>60111466</v>
      </c>
    </row>
    <row r="18" spans="1:408" ht="20.25" customHeight="1" x14ac:dyDescent="0.2">
      <c r="A18" s="130" t="s">
        <v>12</v>
      </c>
      <c r="B18" s="113">
        <v>875287</v>
      </c>
      <c r="C18" s="117">
        <v>1385311</v>
      </c>
      <c r="D18" s="116">
        <v>2260598</v>
      </c>
      <c r="E18" s="112">
        <v>0</v>
      </c>
      <c r="F18" s="117">
        <v>8266168</v>
      </c>
      <c r="G18" s="188">
        <v>9134895</v>
      </c>
      <c r="H18" s="188">
        <v>9192226</v>
      </c>
      <c r="I18" s="188">
        <v>10582644</v>
      </c>
      <c r="J18" s="188">
        <v>6086558</v>
      </c>
      <c r="K18" s="115">
        <v>43262491</v>
      </c>
      <c r="L18" s="119">
        <v>45523089</v>
      </c>
      <c r="M18" s="113">
        <v>368441</v>
      </c>
      <c r="N18" s="117">
        <v>641713</v>
      </c>
      <c r="O18" s="116">
        <v>1010154</v>
      </c>
      <c r="P18" s="113">
        <v>0</v>
      </c>
      <c r="Q18" s="117">
        <v>2794026</v>
      </c>
      <c r="R18" s="117">
        <v>3812748</v>
      </c>
      <c r="S18" s="117">
        <v>2483780</v>
      </c>
      <c r="T18" s="117">
        <v>4010598</v>
      </c>
      <c r="U18" s="117">
        <v>3853472</v>
      </c>
      <c r="V18" s="116">
        <v>16954624</v>
      </c>
      <c r="W18" s="119">
        <v>17964778</v>
      </c>
      <c r="X18" s="113">
        <v>0</v>
      </c>
      <c r="Y18" s="117">
        <v>0</v>
      </c>
      <c r="Z18" s="116">
        <v>0</v>
      </c>
      <c r="AA18" s="113">
        <v>0</v>
      </c>
      <c r="AB18" s="117">
        <v>1463828</v>
      </c>
      <c r="AC18" s="117">
        <v>1900472</v>
      </c>
      <c r="AD18" s="117">
        <v>1451779</v>
      </c>
      <c r="AE18" s="117">
        <v>2638225</v>
      </c>
      <c r="AF18" s="117">
        <v>2530808</v>
      </c>
      <c r="AG18" s="116">
        <v>9985112</v>
      </c>
      <c r="AH18" s="119">
        <v>9985112</v>
      </c>
      <c r="AI18" s="113">
        <v>0</v>
      </c>
      <c r="AJ18" s="117">
        <v>26116</v>
      </c>
      <c r="AK18" s="116">
        <v>26116</v>
      </c>
      <c r="AL18" s="113">
        <v>0</v>
      </c>
      <c r="AM18" s="117">
        <v>0</v>
      </c>
      <c r="AN18" s="117">
        <v>11581</v>
      </c>
      <c r="AO18" s="117">
        <v>57865</v>
      </c>
      <c r="AP18" s="117">
        <v>57376</v>
      </c>
      <c r="AQ18" s="117">
        <v>473901</v>
      </c>
      <c r="AR18" s="116">
        <v>600723</v>
      </c>
      <c r="AS18" s="119">
        <v>626839</v>
      </c>
      <c r="AT18" s="113">
        <v>300457</v>
      </c>
      <c r="AU18" s="117">
        <v>521021</v>
      </c>
      <c r="AV18" s="116">
        <v>821478</v>
      </c>
      <c r="AW18" s="113">
        <v>0</v>
      </c>
      <c r="AX18" s="117">
        <v>926300</v>
      </c>
      <c r="AY18" s="117">
        <v>1460745</v>
      </c>
      <c r="AZ18" s="117">
        <v>617539</v>
      </c>
      <c r="BA18" s="117">
        <v>606477</v>
      </c>
      <c r="BB18" s="117">
        <v>572335</v>
      </c>
      <c r="BC18" s="116">
        <v>4183396</v>
      </c>
      <c r="BD18" s="119">
        <v>5004874</v>
      </c>
      <c r="BE18" s="113">
        <v>0</v>
      </c>
      <c r="BF18" s="117">
        <v>0</v>
      </c>
      <c r="BG18" s="115">
        <v>0</v>
      </c>
      <c r="BH18" s="114">
        <v>0</v>
      </c>
      <c r="BI18" s="117">
        <v>63978</v>
      </c>
      <c r="BJ18" s="117">
        <v>182646</v>
      </c>
      <c r="BK18" s="117">
        <v>103685</v>
      </c>
      <c r="BL18" s="117">
        <v>129920</v>
      </c>
      <c r="BM18" s="117">
        <v>56428</v>
      </c>
      <c r="BN18" s="116">
        <v>536657</v>
      </c>
      <c r="BO18" s="119">
        <v>536657</v>
      </c>
      <c r="BP18" s="113">
        <v>67984</v>
      </c>
      <c r="BQ18" s="117">
        <v>94576</v>
      </c>
      <c r="BR18" s="116">
        <v>162560</v>
      </c>
      <c r="BS18" s="113">
        <v>0</v>
      </c>
      <c r="BT18" s="117">
        <v>339920</v>
      </c>
      <c r="BU18" s="117">
        <v>257304</v>
      </c>
      <c r="BV18" s="117">
        <v>252912</v>
      </c>
      <c r="BW18" s="117">
        <v>578600</v>
      </c>
      <c r="BX18" s="117">
        <v>220000</v>
      </c>
      <c r="BY18" s="116">
        <v>1648736</v>
      </c>
      <c r="BZ18" s="119">
        <v>1811296</v>
      </c>
      <c r="CA18" s="113">
        <v>233422</v>
      </c>
      <c r="CB18" s="117">
        <v>162920</v>
      </c>
      <c r="CC18" s="116">
        <v>396342</v>
      </c>
      <c r="CD18" s="113">
        <v>0</v>
      </c>
      <c r="CE18" s="117">
        <v>3655996</v>
      </c>
      <c r="CF18" s="117">
        <v>2333194</v>
      </c>
      <c r="CG18" s="117">
        <v>3287659</v>
      </c>
      <c r="CH18" s="117">
        <v>1420548</v>
      </c>
      <c r="CI18" s="117">
        <v>544833</v>
      </c>
      <c r="CJ18" s="116">
        <v>11242230</v>
      </c>
      <c r="CK18" s="119">
        <v>11638572</v>
      </c>
      <c r="CL18" s="113">
        <v>0</v>
      </c>
      <c r="CM18" s="117">
        <v>0</v>
      </c>
      <c r="CN18" s="116">
        <v>0</v>
      </c>
      <c r="CO18" s="114">
        <v>0</v>
      </c>
      <c r="CP18" s="117">
        <v>2875936</v>
      </c>
      <c r="CQ18" s="117">
        <v>1669503</v>
      </c>
      <c r="CR18" s="117">
        <v>2453952</v>
      </c>
      <c r="CS18" s="117">
        <v>941003</v>
      </c>
      <c r="CT18" s="117">
        <v>482827</v>
      </c>
      <c r="CU18" s="116">
        <v>8423221</v>
      </c>
      <c r="CV18" s="119">
        <v>8423221</v>
      </c>
      <c r="CW18" s="113">
        <v>233422</v>
      </c>
      <c r="CX18" s="117">
        <v>162920</v>
      </c>
      <c r="CY18" s="116">
        <v>396342</v>
      </c>
      <c r="CZ18" s="113">
        <v>0</v>
      </c>
      <c r="DA18" s="117">
        <v>780060</v>
      </c>
      <c r="DB18" s="117">
        <v>663691</v>
      </c>
      <c r="DC18" s="117">
        <v>833707</v>
      </c>
      <c r="DD18" s="117">
        <v>479545</v>
      </c>
      <c r="DE18" s="117">
        <v>62006</v>
      </c>
      <c r="DF18" s="116">
        <v>2819009</v>
      </c>
      <c r="DG18" s="119">
        <v>3215351</v>
      </c>
      <c r="DH18" s="113">
        <v>0</v>
      </c>
      <c r="DI18" s="117">
        <v>0</v>
      </c>
      <c r="DJ18" s="115">
        <v>0</v>
      </c>
      <c r="DK18" s="114">
        <v>0</v>
      </c>
      <c r="DL18" s="117">
        <v>430211</v>
      </c>
      <c r="DM18" s="117">
        <v>546166</v>
      </c>
      <c r="DN18" s="117">
        <v>958365</v>
      </c>
      <c r="DO18" s="117">
        <v>922516</v>
      </c>
      <c r="DP18" s="117">
        <v>518247</v>
      </c>
      <c r="DQ18" s="116">
        <v>3375505</v>
      </c>
      <c r="DR18" s="119">
        <v>3375505</v>
      </c>
      <c r="DS18" s="113">
        <v>0</v>
      </c>
      <c r="DT18" s="117">
        <v>0</v>
      </c>
      <c r="DU18" s="116">
        <v>0</v>
      </c>
      <c r="DV18" s="113">
        <v>0</v>
      </c>
      <c r="DW18" s="117">
        <v>430211</v>
      </c>
      <c r="DX18" s="117">
        <v>477732</v>
      </c>
      <c r="DY18" s="117">
        <v>899105</v>
      </c>
      <c r="DZ18" s="117">
        <v>889352</v>
      </c>
      <c r="EA18" s="117">
        <v>518247</v>
      </c>
      <c r="EB18" s="116">
        <v>3214647</v>
      </c>
      <c r="EC18" s="119">
        <v>3214647</v>
      </c>
      <c r="ED18" s="113">
        <v>0</v>
      </c>
      <c r="EE18" s="115">
        <v>0</v>
      </c>
      <c r="EF18" s="116">
        <v>0</v>
      </c>
      <c r="EG18" s="113">
        <v>0</v>
      </c>
      <c r="EH18" s="117">
        <v>0</v>
      </c>
      <c r="EI18" s="117">
        <v>68434</v>
      </c>
      <c r="EJ18" s="117">
        <v>59260</v>
      </c>
      <c r="EK18" s="117">
        <v>33164</v>
      </c>
      <c r="EL18" s="117">
        <v>0</v>
      </c>
      <c r="EM18" s="115">
        <v>160858</v>
      </c>
      <c r="EN18" s="119">
        <v>160858</v>
      </c>
      <c r="EO18" s="113">
        <v>0</v>
      </c>
      <c r="EP18" s="117">
        <v>0</v>
      </c>
      <c r="EQ18" s="115">
        <v>0</v>
      </c>
      <c r="ER18" s="114">
        <v>0</v>
      </c>
      <c r="ES18" s="117">
        <v>0</v>
      </c>
      <c r="ET18" s="117">
        <v>0</v>
      </c>
      <c r="EU18" s="117">
        <v>0</v>
      </c>
      <c r="EV18" s="117">
        <v>0</v>
      </c>
      <c r="EW18" s="117">
        <v>0</v>
      </c>
      <c r="EX18" s="116">
        <v>0</v>
      </c>
      <c r="EY18" s="119">
        <v>0</v>
      </c>
      <c r="EZ18" s="113">
        <v>0</v>
      </c>
      <c r="FA18" s="117">
        <v>0</v>
      </c>
      <c r="FB18" s="115">
        <v>0</v>
      </c>
      <c r="FC18" s="387"/>
      <c r="FD18" s="117">
        <v>0</v>
      </c>
      <c r="FE18" s="117">
        <v>0</v>
      </c>
      <c r="FF18" s="117">
        <v>0</v>
      </c>
      <c r="FG18" s="117">
        <v>0</v>
      </c>
      <c r="FH18" s="117">
        <v>0</v>
      </c>
      <c r="FI18" s="116">
        <v>0</v>
      </c>
      <c r="FJ18" s="119">
        <v>0</v>
      </c>
      <c r="FK18" s="113">
        <v>220264</v>
      </c>
      <c r="FL18" s="117">
        <v>209664</v>
      </c>
      <c r="FM18" s="116">
        <v>429928</v>
      </c>
      <c r="FN18" s="113">
        <v>0</v>
      </c>
      <c r="FO18" s="117">
        <v>347952</v>
      </c>
      <c r="FP18" s="117">
        <v>1007232</v>
      </c>
      <c r="FQ18" s="117">
        <v>844480</v>
      </c>
      <c r="FR18" s="117">
        <v>869536</v>
      </c>
      <c r="FS18" s="117">
        <v>448192</v>
      </c>
      <c r="FT18" s="116">
        <v>3517392</v>
      </c>
      <c r="FU18" s="119">
        <v>3947320</v>
      </c>
      <c r="FV18" s="118">
        <v>125064</v>
      </c>
      <c r="FW18" s="117">
        <v>189664</v>
      </c>
      <c r="FX18" s="115">
        <v>314728</v>
      </c>
      <c r="FY18" s="114">
        <v>0</v>
      </c>
      <c r="FZ18" s="117">
        <v>308792</v>
      </c>
      <c r="GA18" s="117">
        <v>861456</v>
      </c>
      <c r="GB18" s="117">
        <v>844480</v>
      </c>
      <c r="GC18" s="117">
        <v>784736</v>
      </c>
      <c r="GD18" s="117">
        <v>448192</v>
      </c>
      <c r="GE18" s="116">
        <v>3247656</v>
      </c>
      <c r="GF18" s="351">
        <v>3562384</v>
      </c>
      <c r="GG18" s="118">
        <v>0</v>
      </c>
      <c r="GH18" s="117">
        <v>0</v>
      </c>
      <c r="GI18" s="115">
        <v>0</v>
      </c>
      <c r="GJ18" s="114">
        <v>0</v>
      </c>
      <c r="GK18" s="117">
        <v>39160</v>
      </c>
      <c r="GL18" s="117">
        <v>61776</v>
      </c>
      <c r="GM18" s="117">
        <v>0</v>
      </c>
      <c r="GN18" s="117">
        <v>0</v>
      </c>
      <c r="GO18" s="117">
        <v>0</v>
      </c>
      <c r="GP18" s="116">
        <v>100936</v>
      </c>
      <c r="GQ18" s="119">
        <v>100936</v>
      </c>
      <c r="GR18" s="113">
        <v>95200</v>
      </c>
      <c r="GS18" s="117">
        <v>20000</v>
      </c>
      <c r="GT18" s="116">
        <v>115200</v>
      </c>
      <c r="GU18" s="113">
        <v>0</v>
      </c>
      <c r="GV18" s="117">
        <v>0</v>
      </c>
      <c r="GW18" s="117">
        <v>84000</v>
      </c>
      <c r="GX18" s="117">
        <v>0</v>
      </c>
      <c r="GY18" s="117">
        <v>84800</v>
      </c>
      <c r="GZ18" s="117">
        <v>0</v>
      </c>
      <c r="HA18" s="115">
        <v>168800</v>
      </c>
      <c r="HB18" s="119">
        <v>284000</v>
      </c>
      <c r="HC18" s="113">
        <v>53160</v>
      </c>
      <c r="HD18" s="117">
        <v>371014</v>
      </c>
      <c r="HE18" s="115">
        <v>424174</v>
      </c>
      <c r="HF18" s="114">
        <v>0</v>
      </c>
      <c r="HG18" s="117">
        <v>1037983</v>
      </c>
      <c r="HH18" s="117">
        <v>1435555</v>
      </c>
      <c r="HI18" s="117">
        <v>1617942</v>
      </c>
      <c r="HJ18" s="117">
        <v>3359446</v>
      </c>
      <c r="HK18" s="117">
        <v>721814</v>
      </c>
      <c r="HL18" s="116">
        <v>8172740</v>
      </c>
      <c r="HM18" s="112">
        <v>8596914</v>
      </c>
      <c r="HN18" s="367"/>
      <c r="HO18" s="368"/>
      <c r="HP18" s="369"/>
      <c r="HQ18" s="370"/>
      <c r="HR18" s="368"/>
      <c r="HS18" s="368"/>
      <c r="HT18" s="368"/>
      <c r="HU18" s="368"/>
      <c r="HV18" s="368"/>
      <c r="HW18" s="371"/>
      <c r="HX18" s="372"/>
      <c r="HY18" s="168">
        <v>0</v>
      </c>
      <c r="HZ18" s="153">
        <v>0</v>
      </c>
      <c r="IA18" s="168">
        <v>0</v>
      </c>
      <c r="IB18" s="152">
        <v>0</v>
      </c>
      <c r="IC18" s="153">
        <v>2815879</v>
      </c>
      <c r="ID18" s="154">
        <v>2384263</v>
      </c>
      <c r="IE18" s="155">
        <v>2142066</v>
      </c>
      <c r="IF18" s="153">
        <v>4537259</v>
      </c>
      <c r="IG18" s="155">
        <v>2015340</v>
      </c>
      <c r="IH18" s="156">
        <v>13894807</v>
      </c>
      <c r="II18" s="168">
        <v>13894807</v>
      </c>
      <c r="IJ18" s="262">
        <v>0</v>
      </c>
      <c r="IK18" s="269">
        <v>0</v>
      </c>
      <c r="IL18" s="270">
        <v>0</v>
      </c>
      <c r="IM18" s="158"/>
      <c r="IN18" s="123">
        <v>0</v>
      </c>
      <c r="IO18" s="123">
        <v>0</v>
      </c>
      <c r="IP18" s="123">
        <v>0</v>
      </c>
      <c r="IQ18" s="123">
        <v>0</v>
      </c>
      <c r="IR18" s="123">
        <v>0</v>
      </c>
      <c r="IS18" s="159">
        <v>0</v>
      </c>
      <c r="IT18" s="354">
        <v>0</v>
      </c>
      <c r="IU18" s="160">
        <v>0</v>
      </c>
      <c r="IV18" s="123">
        <v>0</v>
      </c>
      <c r="IW18" s="124">
        <v>0</v>
      </c>
      <c r="IX18" s="162"/>
      <c r="IY18" s="123">
        <v>0</v>
      </c>
      <c r="IZ18" s="123">
        <v>0</v>
      </c>
      <c r="JA18" s="123">
        <v>0</v>
      </c>
      <c r="JB18" s="123">
        <v>0</v>
      </c>
      <c r="JC18" s="123">
        <v>0</v>
      </c>
      <c r="JD18" s="124">
        <v>0</v>
      </c>
      <c r="JE18" s="125">
        <v>0</v>
      </c>
      <c r="JF18" s="160">
        <v>0</v>
      </c>
      <c r="JG18" s="123">
        <v>0</v>
      </c>
      <c r="JH18" s="159">
        <v>0</v>
      </c>
      <c r="JI18" s="122">
        <v>0</v>
      </c>
      <c r="JJ18" s="123">
        <v>1248045</v>
      </c>
      <c r="JK18" s="123">
        <v>820816</v>
      </c>
      <c r="JL18" s="123">
        <v>633203</v>
      </c>
      <c r="JM18" s="123">
        <v>211639</v>
      </c>
      <c r="JN18" s="123">
        <v>353993</v>
      </c>
      <c r="JO18" s="124">
        <v>3267696</v>
      </c>
      <c r="JP18" s="354">
        <v>3267696</v>
      </c>
      <c r="JQ18" s="160">
        <v>0</v>
      </c>
      <c r="JR18" s="123">
        <v>0</v>
      </c>
      <c r="JS18" s="159">
        <v>0</v>
      </c>
      <c r="JT18" s="122">
        <v>0</v>
      </c>
      <c r="JU18" s="123">
        <v>0</v>
      </c>
      <c r="JV18" s="123">
        <v>0</v>
      </c>
      <c r="JW18" s="123">
        <v>0</v>
      </c>
      <c r="JX18" s="123">
        <v>0</v>
      </c>
      <c r="JY18" s="123">
        <v>0</v>
      </c>
      <c r="JZ18" s="124">
        <v>0</v>
      </c>
      <c r="KA18" s="354">
        <v>0</v>
      </c>
      <c r="KB18" s="265">
        <v>0</v>
      </c>
      <c r="KC18" s="259">
        <v>0</v>
      </c>
      <c r="KD18" s="124">
        <v>0</v>
      </c>
      <c r="KE18" s="122">
        <v>0</v>
      </c>
      <c r="KF18" s="123">
        <v>122059</v>
      </c>
      <c r="KG18" s="123">
        <v>441794</v>
      </c>
      <c r="KH18" s="123">
        <v>713625</v>
      </c>
      <c r="KI18" s="123">
        <v>769945</v>
      </c>
      <c r="KJ18" s="123">
        <v>663288</v>
      </c>
      <c r="KK18" s="124">
        <v>2710711</v>
      </c>
      <c r="KL18" s="161">
        <v>2710711</v>
      </c>
      <c r="KM18" s="262">
        <v>0</v>
      </c>
      <c r="KN18" s="269">
        <v>0</v>
      </c>
      <c r="KO18" s="270">
        <v>0</v>
      </c>
      <c r="KP18" s="158"/>
      <c r="KQ18" s="123">
        <v>1179183</v>
      </c>
      <c r="KR18" s="123">
        <v>730677</v>
      </c>
      <c r="KS18" s="123">
        <v>251560</v>
      </c>
      <c r="KT18" s="123">
        <v>1023612</v>
      </c>
      <c r="KU18" s="123">
        <v>0</v>
      </c>
      <c r="KV18" s="124">
        <v>3185032</v>
      </c>
      <c r="KW18" s="354">
        <v>3185032</v>
      </c>
      <c r="KX18" s="160">
        <v>0</v>
      </c>
      <c r="KY18" s="123">
        <v>0</v>
      </c>
      <c r="KZ18" s="124">
        <v>0</v>
      </c>
      <c r="LA18" s="163"/>
      <c r="LB18" s="123">
        <v>0</v>
      </c>
      <c r="LC18" s="123">
        <v>179639</v>
      </c>
      <c r="LD18" s="123">
        <v>0</v>
      </c>
      <c r="LE18" s="123">
        <v>1663524</v>
      </c>
      <c r="LF18" s="123">
        <v>0</v>
      </c>
      <c r="LG18" s="124">
        <v>1843163</v>
      </c>
      <c r="LH18" s="125">
        <v>1843163</v>
      </c>
      <c r="LI18" s="160">
        <v>0</v>
      </c>
      <c r="LJ18" s="123">
        <v>0</v>
      </c>
      <c r="LK18" s="124">
        <v>0</v>
      </c>
      <c r="LL18" s="163"/>
      <c r="LM18" s="123">
        <v>0</v>
      </c>
      <c r="LN18" s="123">
        <v>0</v>
      </c>
      <c r="LO18" s="123">
        <v>0</v>
      </c>
      <c r="LP18" s="123">
        <v>278948</v>
      </c>
      <c r="LQ18" s="123">
        <v>295717</v>
      </c>
      <c r="LR18" s="124">
        <v>574665</v>
      </c>
      <c r="LS18" s="354">
        <v>574665</v>
      </c>
      <c r="LT18" s="160">
        <v>0</v>
      </c>
      <c r="LU18" s="123">
        <v>0</v>
      </c>
      <c r="LV18" s="124">
        <v>0</v>
      </c>
      <c r="LW18" s="163"/>
      <c r="LX18" s="123">
        <v>266592</v>
      </c>
      <c r="LY18" s="123">
        <v>211337</v>
      </c>
      <c r="LZ18" s="123">
        <v>543678</v>
      </c>
      <c r="MA18" s="123">
        <v>589591</v>
      </c>
      <c r="MB18" s="123">
        <v>702342</v>
      </c>
      <c r="MC18" s="124">
        <v>2313540</v>
      </c>
      <c r="MD18" s="125">
        <v>2313540</v>
      </c>
      <c r="ME18" s="160">
        <v>0</v>
      </c>
      <c r="MF18" s="123">
        <v>0</v>
      </c>
      <c r="MG18" s="124">
        <v>0</v>
      </c>
      <c r="MH18" s="163"/>
      <c r="MI18" s="123">
        <v>1104179</v>
      </c>
      <c r="MJ18" s="123">
        <v>731677</v>
      </c>
      <c r="MK18" s="123">
        <v>3865944</v>
      </c>
      <c r="ML18" s="123">
        <v>5989649</v>
      </c>
      <c r="MM18" s="123">
        <v>2795549</v>
      </c>
      <c r="MN18" s="124">
        <v>14486998</v>
      </c>
      <c r="MO18" s="161">
        <v>14486998</v>
      </c>
      <c r="MP18" s="160">
        <v>0</v>
      </c>
      <c r="MQ18" s="123">
        <v>0</v>
      </c>
      <c r="MR18" s="124">
        <v>0</v>
      </c>
      <c r="MS18" s="163"/>
      <c r="MT18" s="123">
        <v>162225</v>
      </c>
      <c r="MU18" s="123">
        <v>233870</v>
      </c>
      <c r="MV18" s="123">
        <v>2067823</v>
      </c>
      <c r="MW18" s="123">
        <v>2970632</v>
      </c>
      <c r="MX18" s="123">
        <v>1673293</v>
      </c>
      <c r="MY18" s="124">
        <v>7107843</v>
      </c>
      <c r="MZ18" s="161">
        <v>7107843</v>
      </c>
      <c r="NA18" s="160">
        <v>0</v>
      </c>
      <c r="NB18" s="123">
        <v>0</v>
      </c>
      <c r="NC18" s="124">
        <v>0</v>
      </c>
      <c r="ND18" s="163"/>
      <c r="NE18" s="123">
        <v>941954</v>
      </c>
      <c r="NF18" s="123">
        <v>497807</v>
      </c>
      <c r="NG18" s="123">
        <v>1798121</v>
      </c>
      <c r="NH18" s="123">
        <v>3019017</v>
      </c>
      <c r="NI18" s="123">
        <v>804212</v>
      </c>
      <c r="NJ18" s="124">
        <v>7061111</v>
      </c>
      <c r="NK18" s="354">
        <v>7061111</v>
      </c>
      <c r="NL18" s="160">
        <v>0</v>
      </c>
      <c r="NM18" s="123">
        <v>0</v>
      </c>
      <c r="NN18" s="124">
        <v>0</v>
      </c>
      <c r="NO18" s="163"/>
      <c r="NP18" s="123">
        <v>0</v>
      </c>
      <c r="NQ18" s="123">
        <v>0</v>
      </c>
      <c r="NR18" s="123">
        <v>0</v>
      </c>
      <c r="NS18" s="123">
        <v>0</v>
      </c>
      <c r="NT18" s="123">
        <v>318044</v>
      </c>
      <c r="NU18" s="124">
        <v>318044</v>
      </c>
      <c r="NV18" s="125">
        <v>318044</v>
      </c>
      <c r="NW18" s="160">
        <v>0</v>
      </c>
      <c r="NX18" s="123">
        <v>0</v>
      </c>
      <c r="NY18" s="124">
        <v>0</v>
      </c>
      <c r="NZ18" s="163"/>
      <c r="OA18" s="123">
        <v>0</v>
      </c>
      <c r="OB18" s="123">
        <v>0</v>
      </c>
      <c r="OC18" s="123">
        <v>0</v>
      </c>
      <c r="OD18" s="123">
        <v>0</v>
      </c>
      <c r="OE18" s="123">
        <v>0</v>
      </c>
      <c r="OF18" s="124">
        <v>0</v>
      </c>
      <c r="OG18" s="125">
        <v>0</v>
      </c>
      <c r="OH18" s="160">
        <v>875287</v>
      </c>
      <c r="OI18" s="123">
        <v>1385311</v>
      </c>
      <c r="OJ18" s="159">
        <v>2260598</v>
      </c>
      <c r="OK18" s="122">
        <v>0</v>
      </c>
      <c r="OL18" s="123">
        <v>12186226</v>
      </c>
      <c r="OM18" s="123">
        <v>12250835</v>
      </c>
      <c r="ON18" s="123">
        <v>15200236</v>
      </c>
      <c r="OO18" s="123">
        <v>21109552</v>
      </c>
      <c r="OP18" s="123">
        <v>10897447</v>
      </c>
      <c r="OQ18" s="124">
        <v>71644296</v>
      </c>
      <c r="OR18" s="161">
        <v>73904894</v>
      </c>
    </row>
    <row r="19" spans="1:408" ht="20.25" customHeight="1" x14ac:dyDescent="0.2">
      <c r="A19" s="130" t="s">
        <v>13</v>
      </c>
      <c r="B19" s="113">
        <v>151444</v>
      </c>
      <c r="C19" s="117">
        <v>154180</v>
      </c>
      <c r="D19" s="116">
        <v>305624</v>
      </c>
      <c r="E19" s="113">
        <v>0</v>
      </c>
      <c r="F19" s="188">
        <v>2661648</v>
      </c>
      <c r="G19" s="117">
        <v>6306529</v>
      </c>
      <c r="H19" s="117">
        <v>4640304</v>
      </c>
      <c r="I19" s="117">
        <v>5503102</v>
      </c>
      <c r="J19" s="117">
        <v>3886548</v>
      </c>
      <c r="K19" s="115">
        <v>22998131</v>
      </c>
      <c r="L19" s="119">
        <v>23303755</v>
      </c>
      <c r="M19" s="113">
        <v>83866</v>
      </c>
      <c r="N19" s="117">
        <v>49966</v>
      </c>
      <c r="O19" s="116">
        <v>133832</v>
      </c>
      <c r="P19" s="113">
        <v>0</v>
      </c>
      <c r="Q19" s="117">
        <v>931087</v>
      </c>
      <c r="R19" s="117">
        <v>2425811</v>
      </c>
      <c r="S19" s="117">
        <v>1408405</v>
      </c>
      <c r="T19" s="117">
        <v>1698028</v>
      </c>
      <c r="U19" s="117">
        <v>1651948</v>
      </c>
      <c r="V19" s="116">
        <v>8115279</v>
      </c>
      <c r="W19" s="119">
        <v>8249111</v>
      </c>
      <c r="X19" s="113">
        <v>0</v>
      </c>
      <c r="Y19" s="117">
        <v>0</v>
      </c>
      <c r="Z19" s="116">
        <v>0</v>
      </c>
      <c r="AA19" s="113">
        <v>0</v>
      </c>
      <c r="AB19" s="117">
        <v>524684</v>
      </c>
      <c r="AC19" s="117">
        <v>1554218</v>
      </c>
      <c r="AD19" s="117">
        <v>860990</v>
      </c>
      <c r="AE19" s="117">
        <v>1036143</v>
      </c>
      <c r="AF19" s="117">
        <v>691861</v>
      </c>
      <c r="AG19" s="116">
        <v>4667896</v>
      </c>
      <c r="AH19" s="119">
        <v>4667896</v>
      </c>
      <c r="AI19" s="113">
        <v>0</v>
      </c>
      <c r="AJ19" s="117">
        <v>0</v>
      </c>
      <c r="AK19" s="116">
        <v>0</v>
      </c>
      <c r="AL19" s="113">
        <v>0</v>
      </c>
      <c r="AM19" s="117">
        <v>0</v>
      </c>
      <c r="AN19" s="117">
        <v>0</v>
      </c>
      <c r="AO19" s="117">
        <v>0</v>
      </c>
      <c r="AP19" s="117">
        <v>57865</v>
      </c>
      <c r="AQ19" s="117">
        <v>236033</v>
      </c>
      <c r="AR19" s="116">
        <v>293898</v>
      </c>
      <c r="AS19" s="119">
        <v>293898</v>
      </c>
      <c r="AT19" s="113">
        <v>38810</v>
      </c>
      <c r="AU19" s="117">
        <v>49966</v>
      </c>
      <c r="AV19" s="116">
        <v>88776</v>
      </c>
      <c r="AW19" s="113">
        <v>0</v>
      </c>
      <c r="AX19" s="117">
        <v>283051</v>
      </c>
      <c r="AY19" s="117">
        <v>539263</v>
      </c>
      <c r="AZ19" s="117">
        <v>352687</v>
      </c>
      <c r="BA19" s="117">
        <v>284800</v>
      </c>
      <c r="BB19" s="117">
        <v>506161</v>
      </c>
      <c r="BC19" s="116">
        <v>1965962</v>
      </c>
      <c r="BD19" s="119">
        <v>2054738</v>
      </c>
      <c r="BE19" s="113">
        <v>0</v>
      </c>
      <c r="BF19" s="117">
        <v>0</v>
      </c>
      <c r="BG19" s="115">
        <v>0</v>
      </c>
      <c r="BH19" s="114">
        <v>0</v>
      </c>
      <c r="BI19" s="117">
        <v>0</v>
      </c>
      <c r="BJ19" s="117">
        <v>32610</v>
      </c>
      <c r="BK19" s="117">
        <v>0</v>
      </c>
      <c r="BL19" s="117">
        <v>71684</v>
      </c>
      <c r="BM19" s="117">
        <v>21933</v>
      </c>
      <c r="BN19" s="116">
        <v>126227</v>
      </c>
      <c r="BO19" s="119">
        <v>126227</v>
      </c>
      <c r="BP19" s="113">
        <v>45056</v>
      </c>
      <c r="BQ19" s="117">
        <v>0</v>
      </c>
      <c r="BR19" s="116">
        <v>45056</v>
      </c>
      <c r="BS19" s="113">
        <v>0</v>
      </c>
      <c r="BT19" s="117">
        <v>123352</v>
      </c>
      <c r="BU19" s="117">
        <v>299720</v>
      </c>
      <c r="BV19" s="117">
        <v>194728</v>
      </c>
      <c r="BW19" s="117">
        <v>247536</v>
      </c>
      <c r="BX19" s="117">
        <v>195960</v>
      </c>
      <c r="BY19" s="116">
        <v>1061296</v>
      </c>
      <c r="BZ19" s="119">
        <v>1106352</v>
      </c>
      <c r="CA19" s="113">
        <v>0</v>
      </c>
      <c r="CB19" s="117">
        <v>39126</v>
      </c>
      <c r="CC19" s="116">
        <v>39126</v>
      </c>
      <c r="CD19" s="113">
        <v>0</v>
      </c>
      <c r="CE19" s="117">
        <v>537196</v>
      </c>
      <c r="CF19" s="117">
        <v>1614120</v>
      </c>
      <c r="CG19" s="117">
        <v>1300288</v>
      </c>
      <c r="CH19" s="117">
        <v>772896</v>
      </c>
      <c r="CI19" s="117">
        <v>245614</v>
      </c>
      <c r="CJ19" s="116">
        <v>4470114</v>
      </c>
      <c r="CK19" s="119">
        <v>4509240</v>
      </c>
      <c r="CL19" s="113">
        <v>0</v>
      </c>
      <c r="CM19" s="117">
        <v>0</v>
      </c>
      <c r="CN19" s="116">
        <v>0</v>
      </c>
      <c r="CO19" s="114">
        <v>0</v>
      </c>
      <c r="CP19" s="117">
        <v>505099</v>
      </c>
      <c r="CQ19" s="117">
        <v>1400705</v>
      </c>
      <c r="CR19" s="117">
        <v>1187775</v>
      </c>
      <c r="CS19" s="117">
        <v>408329</v>
      </c>
      <c r="CT19" s="117">
        <v>245614</v>
      </c>
      <c r="CU19" s="116">
        <v>3747522</v>
      </c>
      <c r="CV19" s="119">
        <v>3747522</v>
      </c>
      <c r="CW19" s="113">
        <v>0</v>
      </c>
      <c r="CX19" s="117">
        <v>39126</v>
      </c>
      <c r="CY19" s="116">
        <v>39126</v>
      </c>
      <c r="CZ19" s="113">
        <v>0</v>
      </c>
      <c r="DA19" s="117">
        <v>32097</v>
      </c>
      <c r="DB19" s="117">
        <v>213415</v>
      </c>
      <c r="DC19" s="117">
        <v>112513</v>
      </c>
      <c r="DD19" s="117">
        <v>364567</v>
      </c>
      <c r="DE19" s="117">
        <v>0</v>
      </c>
      <c r="DF19" s="116">
        <v>722592</v>
      </c>
      <c r="DG19" s="119">
        <v>761718</v>
      </c>
      <c r="DH19" s="113">
        <v>0</v>
      </c>
      <c r="DI19" s="117">
        <v>0</v>
      </c>
      <c r="DJ19" s="115">
        <v>0</v>
      </c>
      <c r="DK19" s="114">
        <v>0</v>
      </c>
      <c r="DL19" s="117">
        <v>183111</v>
      </c>
      <c r="DM19" s="117">
        <v>461784</v>
      </c>
      <c r="DN19" s="117">
        <v>696876</v>
      </c>
      <c r="DO19" s="117">
        <v>848966</v>
      </c>
      <c r="DP19" s="117">
        <v>595088</v>
      </c>
      <c r="DQ19" s="116">
        <v>2785825</v>
      </c>
      <c r="DR19" s="119">
        <v>2785825</v>
      </c>
      <c r="DS19" s="113">
        <v>0</v>
      </c>
      <c r="DT19" s="117">
        <v>0</v>
      </c>
      <c r="DU19" s="116">
        <v>0</v>
      </c>
      <c r="DV19" s="113">
        <v>0</v>
      </c>
      <c r="DW19" s="117">
        <v>149814</v>
      </c>
      <c r="DX19" s="117">
        <v>317808</v>
      </c>
      <c r="DY19" s="117">
        <v>477427</v>
      </c>
      <c r="DZ19" s="117">
        <v>848966</v>
      </c>
      <c r="EA19" s="117">
        <v>595088</v>
      </c>
      <c r="EB19" s="116">
        <v>2389103</v>
      </c>
      <c r="EC19" s="119">
        <v>2389103</v>
      </c>
      <c r="ED19" s="113">
        <v>0</v>
      </c>
      <c r="EE19" s="115">
        <v>0</v>
      </c>
      <c r="EF19" s="116">
        <v>0</v>
      </c>
      <c r="EG19" s="113">
        <v>0</v>
      </c>
      <c r="EH19" s="117">
        <v>33297</v>
      </c>
      <c r="EI19" s="117">
        <v>143976</v>
      </c>
      <c r="EJ19" s="117">
        <v>219449</v>
      </c>
      <c r="EK19" s="117">
        <v>0</v>
      </c>
      <c r="EL19" s="117">
        <v>0</v>
      </c>
      <c r="EM19" s="115">
        <v>396722</v>
      </c>
      <c r="EN19" s="119">
        <v>396722</v>
      </c>
      <c r="EO19" s="113">
        <v>0</v>
      </c>
      <c r="EP19" s="117">
        <v>0</v>
      </c>
      <c r="EQ19" s="115">
        <v>0</v>
      </c>
      <c r="ER19" s="114">
        <v>0</v>
      </c>
      <c r="ES19" s="117">
        <v>0</v>
      </c>
      <c r="ET19" s="117">
        <v>0</v>
      </c>
      <c r="EU19" s="117">
        <v>0</v>
      </c>
      <c r="EV19" s="117">
        <v>0</v>
      </c>
      <c r="EW19" s="117">
        <v>0</v>
      </c>
      <c r="EX19" s="116">
        <v>0</v>
      </c>
      <c r="EY19" s="119">
        <v>0</v>
      </c>
      <c r="EZ19" s="113">
        <v>0</v>
      </c>
      <c r="FA19" s="117">
        <v>0</v>
      </c>
      <c r="FB19" s="115">
        <v>0</v>
      </c>
      <c r="FC19" s="387"/>
      <c r="FD19" s="117">
        <v>0</v>
      </c>
      <c r="FE19" s="117">
        <v>0</v>
      </c>
      <c r="FF19" s="117">
        <v>0</v>
      </c>
      <c r="FG19" s="117">
        <v>0</v>
      </c>
      <c r="FH19" s="117">
        <v>0</v>
      </c>
      <c r="FI19" s="116">
        <v>0</v>
      </c>
      <c r="FJ19" s="119">
        <v>0</v>
      </c>
      <c r="FK19" s="113">
        <v>14208</v>
      </c>
      <c r="FL19" s="117">
        <v>65088</v>
      </c>
      <c r="FM19" s="116">
        <v>79296</v>
      </c>
      <c r="FN19" s="113">
        <v>0</v>
      </c>
      <c r="FO19" s="117">
        <v>201736</v>
      </c>
      <c r="FP19" s="117">
        <v>373864</v>
      </c>
      <c r="FQ19" s="117">
        <v>267336</v>
      </c>
      <c r="FR19" s="117">
        <v>353392</v>
      </c>
      <c r="FS19" s="117">
        <v>141008</v>
      </c>
      <c r="FT19" s="116">
        <v>1337336</v>
      </c>
      <c r="FU19" s="119">
        <v>1416632</v>
      </c>
      <c r="FV19" s="118">
        <v>14208</v>
      </c>
      <c r="FW19" s="117">
        <v>65088</v>
      </c>
      <c r="FX19" s="115">
        <v>79296</v>
      </c>
      <c r="FY19" s="114">
        <v>0</v>
      </c>
      <c r="FZ19" s="117">
        <v>107576</v>
      </c>
      <c r="GA19" s="117">
        <v>373864</v>
      </c>
      <c r="GB19" s="117">
        <v>267336</v>
      </c>
      <c r="GC19" s="117">
        <v>353392</v>
      </c>
      <c r="GD19" s="117">
        <v>141008</v>
      </c>
      <c r="GE19" s="116">
        <v>1243176</v>
      </c>
      <c r="GF19" s="351">
        <v>1322472</v>
      </c>
      <c r="GG19" s="118">
        <v>0</v>
      </c>
      <c r="GH19" s="117">
        <v>0</v>
      </c>
      <c r="GI19" s="115">
        <v>0</v>
      </c>
      <c r="GJ19" s="114">
        <v>0</v>
      </c>
      <c r="GK19" s="117">
        <v>0</v>
      </c>
      <c r="GL19" s="117">
        <v>0</v>
      </c>
      <c r="GM19" s="117">
        <v>0</v>
      </c>
      <c r="GN19" s="117">
        <v>0</v>
      </c>
      <c r="GO19" s="117">
        <v>0</v>
      </c>
      <c r="GP19" s="116">
        <v>0</v>
      </c>
      <c r="GQ19" s="119">
        <v>0</v>
      </c>
      <c r="GR19" s="113">
        <v>0</v>
      </c>
      <c r="GS19" s="117">
        <v>0</v>
      </c>
      <c r="GT19" s="116">
        <v>0</v>
      </c>
      <c r="GU19" s="113">
        <v>0</v>
      </c>
      <c r="GV19" s="117">
        <v>94160</v>
      </c>
      <c r="GW19" s="117">
        <v>0</v>
      </c>
      <c r="GX19" s="117">
        <v>0</v>
      </c>
      <c r="GY19" s="117">
        <v>0</v>
      </c>
      <c r="GZ19" s="117">
        <v>0</v>
      </c>
      <c r="HA19" s="115">
        <v>94160</v>
      </c>
      <c r="HB19" s="119">
        <v>94160</v>
      </c>
      <c r="HC19" s="113">
        <v>53370</v>
      </c>
      <c r="HD19" s="117">
        <v>0</v>
      </c>
      <c r="HE19" s="115">
        <v>53370</v>
      </c>
      <c r="HF19" s="114">
        <v>0</v>
      </c>
      <c r="HG19" s="117">
        <v>808518</v>
      </c>
      <c r="HH19" s="117">
        <v>1430950</v>
      </c>
      <c r="HI19" s="117">
        <v>967399</v>
      </c>
      <c r="HJ19" s="117">
        <v>1829820</v>
      </c>
      <c r="HK19" s="117">
        <v>1252890</v>
      </c>
      <c r="HL19" s="116">
        <v>6289577</v>
      </c>
      <c r="HM19" s="112">
        <v>6342947</v>
      </c>
      <c r="HN19" s="367"/>
      <c r="HO19" s="368"/>
      <c r="HP19" s="369"/>
      <c r="HQ19" s="370"/>
      <c r="HR19" s="368"/>
      <c r="HS19" s="368"/>
      <c r="HT19" s="368"/>
      <c r="HU19" s="368"/>
      <c r="HV19" s="368"/>
      <c r="HW19" s="371"/>
      <c r="HX19" s="372"/>
      <c r="HY19" s="149">
        <v>0</v>
      </c>
      <c r="HZ19" s="150">
        <v>0</v>
      </c>
      <c r="IA19" s="151">
        <v>0</v>
      </c>
      <c r="IB19" s="164">
        <v>0</v>
      </c>
      <c r="IC19" s="150">
        <v>635627</v>
      </c>
      <c r="ID19" s="165">
        <v>819773</v>
      </c>
      <c r="IE19" s="151">
        <v>1090204</v>
      </c>
      <c r="IF19" s="150">
        <v>1225303</v>
      </c>
      <c r="IG19" s="151">
        <v>144265</v>
      </c>
      <c r="IH19" s="166">
        <v>3915172</v>
      </c>
      <c r="II19" s="157">
        <v>3915172</v>
      </c>
      <c r="IJ19" s="262">
        <v>0</v>
      </c>
      <c r="IK19" s="269">
        <v>0</v>
      </c>
      <c r="IL19" s="270">
        <v>0</v>
      </c>
      <c r="IM19" s="158"/>
      <c r="IN19" s="123">
        <v>0</v>
      </c>
      <c r="IO19" s="123">
        <v>0</v>
      </c>
      <c r="IP19" s="123">
        <v>0</v>
      </c>
      <c r="IQ19" s="123">
        <v>0</v>
      </c>
      <c r="IR19" s="123">
        <v>0</v>
      </c>
      <c r="IS19" s="159">
        <v>0</v>
      </c>
      <c r="IT19" s="354">
        <v>0</v>
      </c>
      <c r="IU19" s="160">
        <v>0</v>
      </c>
      <c r="IV19" s="123">
        <v>0</v>
      </c>
      <c r="IW19" s="124">
        <v>0</v>
      </c>
      <c r="IX19" s="162"/>
      <c r="IY19" s="123">
        <v>0</v>
      </c>
      <c r="IZ19" s="123">
        <v>0</v>
      </c>
      <c r="JA19" s="123">
        <v>0</v>
      </c>
      <c r="JB19" s="123">
        <v>0</v>
      </c>
      <c r="JC19" s="123">
        <v>0</v>
      </c>
      <c r="JD19" s="124">
        <v>0</v>
      </c>
      <c r="JE19" s="125">
        <v>0</v>
      </c>
      <c r="JF19" s="160">
        <v>0</v>
      </c>
      <c r="JG19" s="123">
        <v>0</v>
      </c>
      <c r="JH19" s="159">
        <v>0</v>
      </c>
      <c r="JI19" s="122">
        <v>0</v>
      </c>
      <c r="JJ19" s="123">
        <v>521999</v>
      </c>
      <c r="JK19" s="123">
        <v>342796</v>
      </c>
      <c r="JL19" s="123">
        <v>178066</v>
      </c>
      <c r="JM19" s="123">
        <v>198757</v>
      </c>
      <c r="JN19" s="123">
        <v>144265</v>
      </c>
      <c r="JO19" s="124">
        <v>1385883</v>
      </c>
      <c r="JP19" s="354">
        <v>1385883</v>
      </c>
      <c r="JQ19" s="160">
        <v>0</v>
      </c>
      <c r="JR19" s="123">
        <v>0</v>
      </c>
      <c r="JS19" s="159">
        <v>0</v>
      </c>
      <c r="JT19" s="122">
        <v>0</v>
      </c>
      <c r="JU19" s="123">
        <v>0</v>
      </c>
      <c r="JV19" s="123">
        <v>129855</v>
      </c>
      <c r="JW19" s="123">
        <v>399305</v>
      </c>
      <c r="JX19" s="123">
        <v>52173</v>
      </c>
      <c r="JY19" s="123">
        <v>0</v>
      </c>
      <c r="JZ19" s="124">
        <v>581333</v>
      </c>
      <c r="KA19" s="354">
        <v>581333</v>
      </c>
      <c r="KB19" s="265">
        <v>0</v>
      </c>
      <c r="KC19" s="259">
        <v>0</v>
      </c>
      <c r="KD19" s="124">
        <v>0</v>
      </c>
      <c r="KE19" s="122">
        <v>0</v>
      </c>
      <c r="KF19" s="123">
        <v>113628</v>
      </c>
      <c r="KG19" s="123">
        <v>347122</v>
      </c>
      <c r="KH19" s="123">
        <v>0</v>
      </c>
      <c r="KI19" s="123">
        <v>253204</v>
      </c>
      <c r="KJ19" s="123">
        <v>0</v>
      </c>
      <c r="KK19" s="124">
        <v>713954</v>
      </c>
      <c r="KL19" s="161">
        <v>713954</v>
      </c>
      <c r="KM19" s="262">
        <v>0</v>
      </c>
      <c r="KN19" s="269">
        <v>0</v>
      </c>
      <c r="KO19" s="270">
        <v>0</v>
      </c>
      <c r="KP19" s="158"/>
      <c r="KQ19" s="123">
        <v>0</v>
      </c>
      <c r="KR19" s="123">
        <v>0</v>
      </c>
      <c r="KS19" s="123">
        <v>512833</v>
      </c>
      <c r="KT19" s="123">
        <v>505960</v>
      </c>
      <c r="KU19" s="123">
        <v>0</v>
      </c>
      <c r="KV19" s="124">
        <v>1018793</v>
      </c>
      <c r="KW19" s="354">
        <v>1018793</v>
      </c>
      <c r="KX19" s="160">
        <v>0</v>
      </c>
      <c r="KY19" s="123">
        <v>0</v>
      </c>
      <c r="KZ19" s="124">
        <v>0</v>
      </c>
      <c r="LA19" s="163"/>
      <c r="LB19" s="123">
        <v>0</v>
      </c>
      <c r="LC19" s="123">
        <v>0</v>
      </c>
      <c r="LD19" s="123">
        <v>0</v>
      </c>
      <c r="LE19" s="123">
        <v>215209</v>
      </c>
      <c r="LF19" s="123">
        <v>0</v>
      </c>
      <c r="LG19" s="124">
        <v>215209</v>
      </c>
      <c r="LH19" s="125">
        <v>215209</v>
      </c>
      <c r="LI19" s="160">
        <v>0</v>
      </c>
      <c r="LJ19" s="123">
        <v>0</v>
      </c>
      <c r="LK19" s="124">
        <v>0</v>
      </c>
      <c r="LL19" s="163"/>
      <c r="LM19" s="123">
        <v>0</v>
      </c>
      <c r="LN19" s="123">
        <v>0</v>
      </c>
      <c r="LO19" s="123">
        <v>0</v>
      </c>
      <c r="LP19" s="123">
        <v>0</v>
      </c>
      <c r="LQ19" s="123">
        <v>0</v>
      </c>
      <c r="LR19" s="124">
        <v>0</v>
      </c>
      <c r="LS19" s="354">
        <v>0</v>
      </c>
      <c r="LT19" s="160">
        <v>0</v>
      </c>
      <c r="LU19" s="123">
        <v>0</v>
      </c>
      <c r="LV19" s="124">
        <v>0</v>
      </c>
      <c r="LW19" s="163"/>
      <c r="LX19" s="123">
        <v>0</v>
      </c>
      <c r="LY19" s="123">
        <v>0</v>
      </c>
      <c r="LZ19" s="123">
        <v>0</v>
      </c>
      <c r="MA19" s="123">
        <v>0</v>
      </c>
      <c r="MB19" s="123">
        <v>0</v>
      </c>
      <c r="MC19" s="124">
        <v>0</v>
      </c>
      <c r="MD19" s="125">
        <v>0</v>
      </c>
      <c r="ME19" s="160">
        <v>0</v>
      </c>
      <c r="MF19" s="123">
        <v>0</v>
      </c>
      <c r="MG19" s="124">
        <v>0</v>
      </c>
      <c r="MH19" s="163"/>
      <c r="MI19" s="123">
        <v>234707</v>
      </c>
      <c r="MJ19" s="123">
        <v>284404</v>
      </c>
      <c r="MK19" s="123">
        <v>1288236</v>
      </c>
      <c r="ML19" s="123">
        <v>2215265</v>
      </c>
      <c r="MM19" s="123">
        <v>2414286</v>
      </c>
      <c r="MN19" s="124">
        <v>6436898</v>
      </c>
      <c r="MO19" s="161">
        <v>6436898</v>
      </c>
      <c r="MP19" s="160">
        <v>0</v>
      </c>
      <c r="MQ19" s="123">
        <v>0</v>
      </c>
      <c r="MR19" s="124">
        <v>0</v>
      </c>
      <c r="MS19" s="163"/>
      <c r="MT19" s="123">
        <v>0</v>
      </c>
      <c r="MU19" s="123">
        <v>0</v>
      </c>
      <c r="MV19" s="123">
        <v>485952</v>
      </c>
      <c r="MW19" s="123">
        <v>1642338</v>
      </c>
      <c r="MX19" s="123">
        <v>1445114</v>
      </c>
      <c r="MY19" s="124">
        <v>3573404</v>
      </c>
      <c r="MZ19" s="161">
        <v>3573404</v>
      </c>
      <c r="NA19" s="160">
        <v>0</v>
      </c>
      <c r="NB19" s="123">
        <v>0</v>
      </c>
      <c r="NC19" s="124">
        <v>0</v>
      </c>
      <c r="ND19" s="163"/>
      <c r="NE19" s="123">
        <v>234707</v>
      </c>
      <c r="NF19" s="123">
        <v>284404</v>
      </c>
      <c r="NG19" s="123">
        <v>802284</v>
      </c>
      <c r="NH19" s="123">
        <v>572927</v>
      </c>
      <c r="NI19" s="123">
        <v>969172</v>
      </c>
      <c r="NJ19" s="124">
        <v>2863494</v>
      </c>
      <c r="NK19" s="354">
        <v>2863494</v>
      </c>
      <c r="NL19" s="160">
        <v>0</v>
      </c>
      <c r="NM19" s="123">
        <v>0</v>
      </c>
      <c r="NN19" s="124">
        <v>0</v>
      </c>
      <c r="NO19" s="163"/>
      <c r="NP19" s="123">
        <v>0</v>
      </c>
      <c r="NQ19" s="123">
        <v>0</v>
      </c>
      <c r="NR19" s="123">
        <v>0</v>
      </c>
      <c r="NS19" s="123">
        <v>0</v>
      </c>
      <c r="NT19" s="123">
        <v>0</v>
      </c>
      <c r="NU19" s="124">
        <v>0</v>
      </c>
      <c r="NV19" s="125">
        <v>0</v>
      </c>
      <c r="NW19" s="160">
        <v>0</v>
      </c>
      <c r="NX19" s="123">
        <v>0</v>
      </c>
      <c r="NY19" s="124">
        <v>0</v>
      </c>
      <c r="NZ19" s="163"/>
      <c r="OA19" s="123">
        <v>0</v>
      </c>
      <c r="OB19" s="123">
        <v>0</v>
      </c>
      <c r="OC19" s="123">
        <v>0</v>
      </c>
      <c r="OD19" s="123">
        <v>0</v>
      </c>
      <c r="OE19" s="123">
        <v>0</v>
      </c>
      <c r="OF19" s="124">
        <v>0</v>
      </c>
      <c r="OG19" s="125">
        <v>0</v>
      </c>
      <c r="OH19" s="160">
        <v>151444</v>
      </c>
      <c r="OI19" s="123">
        <v>154180</v>
      </c>
      <c r="OJ19" s="159">
        <v>305624</v>
      </c>
      <c r="OK19" s="122">
        <v>0</v>
      </c>
      <c r="OL19" s="123">
        <v>3531982</v>
      </c>
      <c r="OM19" s="123">
        <v>7410706</v>
      </c>
      <c r="ON19" s="123">
        <v>7018744</v>
      </c>
      <c r="OO19" s="123">
        <v>8943670</v>
      </c>
      <c r="OP19" s="123">
        <v>6445099</v>
      </c>
      <c r="OQ19" s="124">
        <v>33350201</v>
      </c>
      <c r="OR19" s="161">
        <v>33655825</v>
      </c>
    </row>
    <row r="20" spans="1:408" ht="20.25" customHeight="1" x14ac:dyDescent="0.2">
      <c r="A20" s="130" t="s">
        <v>15</v>
      </c>
      <c r="B20" s="113">
        <v>175446</v>
      </c>
      <c r="C20" s="117">
        <v>230022</v>
      </c>
      <c r="D20" s="116">
        <v>405468</v>
      </c>
      <c r="E20" s="112">
        <v>0</v>
      </c>
      <c r="F20" s="117">
        <v>1239533</v>
      </c>
      <c r="G20" s="117">
        <v>2099453</v>
      </c>
      <c r="H20" s="117">
        <v>1741448</v>
      </c>
      <c r="I20" s="117">
        <v>1799529</v>
      </c>
      <c r="J20" s="117">
        <v>523049</v>
      </c>
      <c r="K20" s="112">
        <v>7403012</v>
      </c>
      <c r="L20" s="119">
        <v>7808480</v>
      </c>
      <c r="M20" s="113">
        <v>0</v>
      </c>
      <c r="N20" s="117">
        <v>0</v>
      </c>
      <c r="O20" s="116">
        <v>0</v>
      </c>
      <c r="P20" s="113">
        <v>0</v>
      </c>
      <c r="Q20" s="117">
        <v>220756</v>
      </c>
      <c r="R20" s="117">
        <v>802010</v>
      </c>
      <c r="S20" s="117">
        <v>394650</v>
      </c>
      <c r="T20" s="117">
        <v>651222</v>
      </c>
      <c r="U20" s="117">
        <v>398561</v>
      </c>
      <c r="V20" s="116">
        <v>2467199</v>
      </c>
      <c r="W20" s="119">
        <v>2467199</v>
      </c>
      <c r="X20" s="113">
        <v>0</v>
      </c>
      <c r="Y20" s="117">
        <v>0</v>
      </c>
      <c r="Z20" s="116">
        <v>0</v>
      </c>
      <c r="AA20" s="113">
        <v>0</v>
      </c>
      <c r="AB20" s="117">
        <v>88091</v>
      </c>
      <c r="AC20" s="117">
        <v>355404</v>
      </c>
      <c r="AD20" s="117">
        <v>295850</v>
      </c>
      <c r="AE20" s="117">
        <v>164227</v>
      </c>
      <c r="AF20" s="117">
        <v>265056</v>
      </c>
      <c r="AG20" s="116">
        <v>1168628</v>
      </c>
      <c r="AH20" s="119">
        <v>1168628</v>
      </c>
      <c r="AI20" s="113">
        <v>0</v>
      </c>
      <c r="AJ20" s="117">
        <v>0</v>
      </c>
      <c r="AK20" s="116">
        <v>0</v>
      </c>
      <c r="AL20" s="113">
        <v>0</v>
      </c>
      <c r="AM20" s="117">
        <v>0</v>
      </c>
      <c r="AN20" s="117">
        <v>0</v>
      </c>
      <c r="AO20" s="117">
        <v>0</v>
      </c>
      <c r="AP20" s="117">
        <v>198221</v>
      </c>
      <c r="AQ20" s="117">
        <v>46728</v>
      </c>
      <c r="AR20" s="116">
        <v>244949</v>
      </c>
      <c r="AS20" s="119">
        <v>244949</v>
      </c>
      <c r="AT20" s="113">
        <v>0</v>
      </c>
      <c r="AU20" s="117">
        <v>0</v>
      </c>
      <c r="AV20" s="116">
        <v>0</v>
      </c>
      <c r="AW20" s="113">
        <v>0</v>
      </c>
      <c r="AX20" s="117">
        <v>54750</v>
      </c>
      <c r="AY20" s="117">
        <v>349111</v>
      </c>
      <c r="AZ20" s="117">
        <v>0</v>
      </c>
      <c r="BA20" s="117">
        <v>212974</v>
      </c>
      <c r="BB20" s="117">
        <v>35138</v>
      </c>
      <c r="BC20" s="116">
        <v>651973</v>
      </c>
      <c r="BD20" s="119">
        <v>651973</v>
      </c>
      <c r="BE20" s="113">
        <v>0</v>
      </c>
      <c r="BF20" s="117">
        <v>0</v>
      </c>
      <c r="BG20" s="115">
        <v>0</v>
      </c>
      <c r="BH20" s="114">
        <v>0</v>
      </c>
      <c r="BI20" s="117">
        <v>21707</v>
      </c>
      <c r="BJ20" s="117">
        <v>31039</v>
      </c>
      <c r="BK20" s="117">
        <v>0</v>
      </c>
      <c r="BL20" s="117">
        <v>0</v>
      </c>
      <c r="BM20" s="117">
        <v>47063</v>
      </c>
      <c r="BN20" s="116">
        <v>99809</v>
      </c>
      <c r="BO20" s="119">
        <v>99809</v>
      </c>
      <c r="BP20" s="113">
        <v>0</v>
      </c>
      <c r="BQ20" s="117">
        <v>0</v>
      </c>
      <c r="BR20" s="116">
        <v>0</v>
      </c>
      <c r="BS20" s="113">
        <v>0</v>
      </c>
      <c r="BT20" s="117">
        <v>56208</v>
      </c>
      <c r="BU20" s="117">
        <v>66456</v>
      </c>
      <c r="BV20" s="117">
        <v>98800</v>
      </c>
      <c r="BW20" s="117">
        <v>75800</v>
      </c>
      <c r="BX20" s="117">
        <v>4576</v>
      </c>
      <c r="BY20" s="116">
        <v>301840</v>
      </c>
      <c r="BZ20" s="119">
        <v>301840</v>
      </c>
      <c r="CA20" s="113">
        <v>0</v>
      </c>
      <c r="CB20" s="117">
        <v>0</v>
      </c>
      <c r="CC20" s="116">
        <v>0</v>
      </c>
      <c r="CD20" s="113">
        <v>0</v>
      </c>
      <c r="CE20" s="117">
        <v>186116</v>
      </c>
      <c r="CF20" s="117">
        <v>355463</v>
      </c>
      <c r="CG20" s="117">
        <v>389853</v>
      </c>
      <c r="CH20" s="117">
        <v>103733</v>
      </c>
      <c r="CI20" s="117">
        <v>0</v>
      </c>
      <c r="CJ20" s="116">
        <v>1035165</v>
      </c>
      <c r="CK20" s="119">
        <v>1035165</v>
      </c>
      <c r="CL20" s="113">
        <v>0</v>
      </c>
      <c r="CM20" s="117">
        <v>0</v>
      </c>
      <c r="CN20" s="116">
        <v>0</v>
      </c>
      <c r="CO20" s="114">
        <v>0</v>
      </c>
      <c r="CP20" s="117">
        <v>80020</v>
      </c>
      <c r="CQ20" s="117">
        <v>221341</v>
      </c>
      <c r="CR20" s="117">
        <v>258703</v>
      </c>
      <c r="CS20" s="117">
        <v>60885</v>
      </c>
      <c r="CT20" s="117">
        <v>0</v>
      </c>
      <c r="CU20" s="116">
        <v>620949</v>
      </c>
      <c r="CV20" s="119">
        <v>620949</v>
      </c>
      <c r="CW20" s="113">
        <v>0</v>
      </c>
      <c r="CX20" s="117">
        <v>0</v>
      </c>
      <c r="CY20" s="116">
        <v>0</v>
      </c>
      <c r="CZ20" s="113">
        <v>0</v>
      </c>
      <c r="DA20" s="117">
        <v>106096</v>
      </c>
      <c r="DB20" s="117">
        <v>134122</v>
      </c>
      <c r="DC20" s="117">
        <v>131150</v>
      </c>
      <c r="DD20" s="117">
        <v>42848</v>
      </c>
      <c r="DE20" s="117">
        <v>0</v>
      </c>
      <c r="DF20" s="116">
        <v>414216</v>
      </c>
      <c r="DG20" s="119">
        <v>414216</v>
      </c>
      <c r="DH20" s="113">
        <v>0</v>
      </c>
      <c r="DI20" s="117">
        <v>0</v>
      </c>
      <c r="DJ20" s="115">
        <v>0</v>
      </c>
      <c r="DK20" s="114">
        <v>0</v>
      </c>
      <c r="DL20" s="117">
        <v>0</v>
      </c>
      <c r="DM20" s="117">
        <v>26684</v>
      </c>
      <c r="DN20" s="117">
        <v>109913</v>
      </c>
      <c r="DO20" s="117">
        <v>207199</v>
      </c>
      <c r="DP20" s="117">
        <v>0</v>
      </c>
      <c r="DQ20" s="116">
        <v>343796</v>
      </c>
      <c r="DR20" s="119">
        <v>343796</v>
      </c>
      <c r="DS20" s="113">
        <v>0</v>
      </c>
      <c r="DT20" s="117">
        <v>0</v>
      </c>
      <c r="DU20" s="116">
        <v>0</v>
      </c>
      <c r="DV20" s="113">
        <v>0</v>
      </c>
      <c r="DW20" s="117">
        <v>0</v>
      </c>
      <c r="DX20" s="117">
        <v>26684</v>
      </c>
      <c r="DY20" s="117">
        <v>17180</v>
      </c>
      <c r="DZ20" s="117">
        <v>0</v>
      </c>
      <c r="EA20" s="117">
        <v>0</v>
      </c>
      <c r="EB20" s="116">
        <v>43864</v>
      </c>
      <c r="EC20" s="119">
        <v>43864</v>
      </c>
      <c r="ED20" s="113">
        <v>0</v>
      </c>
      <c r="EE20" s="115">
        <v>0</v>
      </c>
      <c r="EF20" s="116">
        <v>0</v>
      </c>
      <c r="EG20" s="113">
        <v>0</v>
      </c>
      <c r="EH20" s="117">
        <v>0</v>
      </c>
      <c r="EI20" s="117">
        <v>0</v>
      </c>
      <c r="EJ20" s="117">
        <v>92733</v>
      </c>
      <c r="EK20" s="117">
        <v>207199</v>
      </c>
      <c r="EL20" s="117">
        <v>0</v>
      </c>
      <c r="EM20" s="115">
        <v>299932</v>
      </c>
      <c r="EN20" s="119">
        <v>299932</v>
      </c>
      <c r="EO20" s="113">
        <v>0</v>
      </c>
      <c r="EP20" s="117">
        <v>0</v>
      </c>
      <c r="EQ20" s="115">
        <v>0</v>
      </c>
      <c r="ER20" s="114">
        <v>0</v>
      </c>
      <c r="ES20" s="117">
        <v>0</v>
      </c>
      <c r="ET20" s="117">
        <v>0</v>
      </c>
      <c r="EU20" s="117">
        <v>0</v>
      </c>
      <c r="EV20" s="117">
        <v>0</v>
      </c>
      <c r="EW20" s="117">
        <v>0</v>
      </c>
      <c r="EX20" s="116">
        <v>0</v>
      </c>
      <c r="EY20" s="119">
        <v>0</v>
      </c>
      <c r="EZ20" s="113">
        <v>0</v>
      </c>
      <c r="FA20" s="117">
        <v>0</v>
      </c>
      <c r="FB20" s="115">
        <v>0</v>
      </c>
      <c r="FC20" s="387"/>
      <c r="FD20" s="117">
        <v>0</v>
      </c>
      <c r="FE20" s="117">
        <v>0</v>
      </c>
      <c r="FF20" s="117">
        <v>0</v>
      </c>
      <c r="FG20" s="117">
        <v>0</v>
      </c>
      <c r="FH20" s="117">
        <v>0</v>
      </c>
      <c r="FI20" s="116">
        <v>0</v>
      </c>
      <c r="FJ20" s="119">
        <v>0</v>
      </c>
      <c r="FK20" s="113">
        <v>1600</v>
      </c>
      <c r="FL20" s="117">
        <v>38000</v>
      </c>
      <c r="FM20" s="116">
        <v>39600</v>
      </c>
      <c r="FN20" s="113">
        <v>0</v>
      </c>
      <c r="FO20" s="117">
        <v>59680</v>
      </c>
      <c r="FP20" s="117">
        <v>194312</v>
      </c>
      <c r="FQ20" s="117">
        <v>62760</v>
      </c>
      <c r="FR20" s="117">
        <v>189240</v>
      </c>
      <c r="FS20" s="117">
        <v>124488</v>
      </c>
      <c r="FT20" s="116">
        <v>630480</v>
      </c>
      <c r="FU20" s="119">
        <v>670080</v>
      </c>
      <c r="FV20" s="118">
        <v>1600</v>
      </c>
      <c r="FW20" s="117">
        <v>38000</v>
      </c>
      <c r="FX20" s="115">
        <v>39600</v>
      </c>
      <c r="FY20" s="114">
        <v>0</v>
      </c>
      <c r="FZ20" s="117">
        <v>33280</v>
      </c>
      <c r="GA20" s="117">
        <v>194312</v>
      </c>
      <c r="GB20" s="117">
        <v>62760</v>
      </c>
      <c r="GC20" s="117">
        <v>189240</v>
      </c>
      <c r="GD20" s="117">
        <v>45000</v>
      </c>
      <c r="GE20" s="116">
        <v>524592</v>
      </c>
      <c r="GF20" s="351">
        <v>564192</v>
      </c>
      <c r="GG20" s="118">
        <v>0</v>
      </c>
      <c r="GH20" s="117">
        <v>0</v>
      </c>
      <c r="GI20" s="115">
        <v>0</v>
      </c>
      <c r="GJ20" s="114">
        <v>0</v>
      </c>
      <c r="GK20" s="117">
        <v>0</v>
      </c>
      <c r="GL20" s="117">
        <v>0</v>
      </c>
      <c r="GM20" s="117">
        <v>0</v>
      </c>
      <c r="GN20" s="117">
        <v>0</v>
      </c>
      <c r="GO20" s="117">
        <v>50688</v>
      </c>
      <c r="GP20" s="116">
        <v>50688</v>
      </c>
      <c r="GQ20" s="119">
        <v>50688</v>
      </c>
      <c r="GR20" s="113">
        <v>0</v>
      </c>
      <c r="GS20" s="117">
        <v>0</v>
      </c>
      <c r="GT20" s="116">
        <v>0</v>
      </c>
      <c r="GU20" s="113">
        <v>0</v>
      </c>
      <c r="GV20" s="117">
        <v>26400</v>
      </c>
      <c r="GW20" s="117">
        <v>0</v>
      </c>
      <c r="GX20" s="117">
        <v>0</v>
      </c>
      <c r="GY20" s="117">
        <v>0</v>
      </c>
      <c r="GZ20" s="117">
        <v>28800</v>
      </c>
      <c r="HA20" s="115">
        <v>55200</v>
      </c>
      <c r="HB20" s="119">
        <v>55200</v>
      </c>
      <c r="HC20" s="113">
        <v>173846</v>
      </c>
      <c r="HD20" s="117">
        <v>192022</v>
      </c>
      <c r="HE20" s="115">
        <v>365868</v>
      </c>
      <c r="HF20" s="114">
        <v>0</v>
      </c>
      <c r="HG20" s="117">
        <v>772981</v>
      </c>
      <c r="HH20" s="117">
        <v>720984</v>
      </c>
      <c r="HI20" s="117">
        <v>784272</v>
      </c>
      <c r="HJ20" s="117">
        <v>648135</v>
      </c>
      <c r="HK20" s="117">
        <v>0</v>
      </c>
      <c r="HL20" s="116">
        <v>2926372</v>
      </c>
      <c r="HM20" s="112">
        <v>3292240</v>
      </c>
      <c r="HN20" s="367"/>
      <c r="HO20" s="368"/>
      <c r="HP20" s="369"/>
      <c r="HQ20" s="370"/>
      <c r="HR20" s="368"/>
      <c r="HS20" s="368"/>
      <c r="HT20" s="368"/>
      <c r="HU20" s="368"/>
      <c r="HV20" s="368"/>
      <c r="HW20" s="371"/>
      <c r="HX20" s="372"/>
      <c r="HY20" s="168">
        <v>0</v>
      </c>
      <c r="HZ20" s="153">
        <v>0</v>
      </c>
      <c r="IA20" s="168">
        <v>0</v>
      </c>
      <c r="IB20" s="152">
        <v>0</v>
      </c>
      <c r="IC20" s="153">
        <v>618756</v>
      </c>
      <c r="ID20" s="154">
        <v>1165867</v>
      </c>
      <c r="IE20" s="155">
        <v>229439</v>
      </c>
      <c r="IF20" s="153">
        <v>776499</v>
      </c>
      <c r="IG20" s="155">
        <v>0</v>
      </c>
      <c r="IH20" s="156">
        <v>2790561</v>
      </c>
      <c r="II20" s="168">
        <v>2790561</v>
      </c>
      <c r="IJ20" s="262">
        <v>0</v>
      </c>
      <c r="IK20" s="269">
        <v>0</v>
      </c>
      <c r="IL20" s="270">
        <v>0</v>
      </c>
      <c r="IM20" s="158"/>
      <c r="IN20" s="123">
        <v>0</v>
      </c>
      <c r="IO20" s="123">
        <v>0</v>
      </c>
      <c r="IP20" s="123">
        <v>0</v>
      </c>
      <c r="IQ20" s="123">
        <v>0</v>
      </c>
      <c r="IR20" s="123">
        <v>0</v>
      </c>
      <c r="IS20" s="159">
        <v>0</v>
      </c>
      <c r="IT20" s="354">
        <v>0</v>
      </c>
      <c r="IU20" s="160">
        <v>0</v>
      </c>
      <c r="IV20" s="123">
        <v>0</v>
      </c>
      <c r="IW20" s="124">
        <v>0</v>
      </c>
      <c r="IX20" s="162"/>
      <c r="IY20" s="123">
        <v>0</v>
      </c>
      <c r="IZ20" s="123">
        <v>0</v>
      </c>
      <c r="JA20" s="123">
        <v>0</v>
      </c>
      <c r="JB20" s="123">
        <v>0</v>
      </c>
      <c r="JC20" s="123">
        <v>0</v>
      </c>
      <c r="JD20" s="124">
        <v>0</v>
      </c>
      <c r="JE20" s="125">
        <v>0</v>
      </c>
      <c r="JF20" s="160">
        <v>0</v>
      </c>
      <c r="JG20" s="123">
        <v>0</v>
      </c>
      <c r="JH20" s="159">
        <v>0</v>
      </c>
      <c r="JI20" s="122">
        <v>0</v>
      </c>
      <c r="JJ20" s="123">
        <v>167741</v>
      </c>
      <c r="JK20" s="123">
        <v>300344</v>
      </c>
      <c r="JL20" s="123">
        <v>17220</v>
      </c>
      <c r="JM20" s="123">
        <v>77213</v>
      </c>
      <c r="JN20" s="123">
        <v>0</v>
      </c>
      <c r="JO20" s="124">
        <v>562518</v>
      </c>
      <c r="JP20" s="354">
        <v>562518</v>
      </c>
      <c r="JQ20" s="160">
        <v>0</v>
      </c>
      <c r="JR20" s="123">
        <v>0</v>
      </c>
      <c r="JS20" s="159">
        <v>0</v>
      </c>
      <c r="JT20" s="122">
        <v>0</v>
      </c>
      <c r="JU20" s="123">
        <v>0</v>
      </c>
      <c r="JV20" s="123">
        <v>68244</v>
      </c>
      <c r="JW20" s="123">
        <v>0</v>
      </c>
      <c r="JX20" s="123">
        <v>0</v>
      </c>
      <c r="JY20" s="123">
        <v>0</v>
      </c>
      <c r="JZ20" s="124">
        <v>68244</v>
      </c>
      <c r="KA20" s="354">
        <v>68244</v>
      </c>
      <c r="KB20" s="265">
        <v>0</v>
      </c>
      <c r="KC20" s="259">
        <v>0</v>
      </c>
      <c r="KD20" s="124">
        <v>0</v>
      </c>
      <c r="KE20" s="122">
        <v>0</v>
      </c>
      <c r="KF20" s="123">
        <v>0</v>
      </c>
      <c r="KG20" s="123">
        <v>324327</v>
      </c>
      <c r="KH20" s="123">
        <v>212219</v>
      </c>
      <c r="KI20" s="123">
        <v>499301</v>
      </c>
      <c r="KJ20" s="123">
        <v>0</v>
      </c>
      <c r="KK20" s="124">
        <v>1035847</v>
      </c>
      <c r="KL20" s="161">
        <v>1035847</v>
      </c>
      <c r="KM20" s="262">
        <v>0</v>
      </c>
      <c r="KN20" s="269">
        <v>0</v>
      </c>
      <c r="KO20" s="270">
        <v>0</v>
      </c>
      <c r="KP20" s="158"/>
      <c r="KQ20" s="123">
        <v>451015</v>
      </c>
      <c r="KR20" s="123">
        <v>472952</v>
      </c>
      <c r="KS20" s="123">
        <v>0</v>
      </c>
      <c r="KT20" s="123">
        <v>199985</v>
      </c>
      <c r="KU20" s="123">
        <v>0</v>
      </c>
      <c r="KV20" s="124">
        <v>1123952</v>
      </c>
      <c r="KW20" s="354">
        <v>1123952</v>
      </c>
      <c r="KX20" s="160">
        <v>0</v>
      </c>
      <c r="KY20" s="123">
        <v>0</v>
      </c>
      <c r="KZ20" s="124">
        <v>0</v>
      </c>
      <c r="LA20" s="163"/>
      <c r="LB20" s="123">
        <v>0</v>
      </c>
      <c r="LC20" s="123">
        <v>0</v>
      </c>
      <c r="LD20" s="123">
        <v>0</v>
      </c>
      <c r="LE20" s="123">
        <v>0</v>
      </c>
      <c r="LF20" s="123">
        <v>0</v>
      </c>
      <c r="LG20" s="124">
        <v>0</v>
      </c>
      <c r="LH20" s="125">
        <v>0</v>
      </c>
      <c r="LI20" s="160">
        <v>0</v>
      </c>
      <c r="LJ20" s="123">
        <v>0</v>
      </c>
      <c r="LK20" s="124">
        <v>0</v>
      </c>
      <c r="LL20" s="163"/>
      <c r="LM20" s="123">
        <v>0</v>
      </c>
      <c r="LN20" s="123">
        <v>0</v>
      </c>
      <c r="LO20" s="123">
        <v>0</v>
      </c>
      <c r="LP20" s="123">
        <v>0</v>
      </c>
      <c r="LQ20" s="123">
        <v>0</v>
      </c>
      <c r="LR20" s="124">
        <v>0</v>
      </c>
      <c r="LS20" s="354">
        <v>0</v>
      </c>
      <c r="LT20" s="160">
        <v>0</v>
      </c>
      <c r="LU20" s="123">
        <v>0</v>
      </c>
      <c r="LV20" s="124">
        <v>0</v>
      </c>
      <c r="LW20" s="163"/>
      <c r="LX20" s="123">
        <v>0</v>
      </c>
      <c r="LY20" s="123">
        <v>0</v>
      </c>
      <c r="LZ20" s="123">
        <v>0</v>
      </c>
      <c r="MA20" s="123">
        <v>0</v>
      </c>
      <c r="MB20" s="123">
        <v>0</v>
      </c>
      <c r="MC20" s="124">
        <v>0</v>
      </c>
      <c r="MD20" s="125">
        <v>0</v>
      </c>
      <c r="ME20" s="160">
        <v>0</v>
      </c>
      <c r="MF20" s="123">
        <v>0</v>
      </c>
      <c r="MG20" s="124">
        <v>0</v>
      </c>
      <c r="MH20" s="163"/>
      <c r="MI20" s="123">
        <v>494084</v>
      </c>
      <c r="MJ20" s="123">
        <v>236997</v>
      </c>
      <c r="MK20" s="123">
        <v>910841</v>
      </c>
      <c r="ML20" s="123">
        <v>1371067</v>
      </c>
      <c r="MM20" s="123">
        <v>618943</v>
      </c>
      <c r="MN20" s="124">
        <v>3631932</v>
      </c>
      <c r="MO20" s="161">
        <v>3631932</v>
      </c>
      <c r="MP20" s="160">
        <v>0</v>
      </c>
      <c r="MQ20" s="123">
        <v>0</v>
      </c>
      <c r="MR20" s="124">
        <v>0</v>
      </c>
      <c r="MS20" s="163"/>
      <c r="MT20" s="123">
        <v>0</v>
      </c>
      <c r="MU20" s="123">
        <v>0</v>
      </c>
      <c r="MV20" s="123">
        <v>726770</v>
      </c>
      <c r="MW20" s="123">
        <v>761466</v>
      </c>
      <c r="MX20" s="123">
        <v>0</v>
      </c>
      <c r="MY20" s="124">
        <v>1488236</v>
      </c>
      <c r="MZ20" s="161">
        <v>1488236</v>
      </c>
      <c r="NA20" s="160">
        <v>0</v>
      </c>
      <c r="NB20" s="123">
        <v>0</v>
      </c>
      <c r="NC20" s="124">
        <v>0</v>
      </c>
      <c r="ND20" s="163"/>
      <c r="NE20" s="123">
        <v>494084</v>
      </c>
      <c r="NF20" s="123">
        <v>236997</v>
      </c>
      <c r="NG20" s="123">
        <v>184071</v>
      </c>
      <c r="NH20" s="123">
        <v>609601</v>
      </c>
      <c r="NI20" s="123">
        <v>618943</v>
      </c>
      <c r="NJ20" s="124">
        <v>2143696</v>
      </c>
      <c r="NK20" s="354">
        <v>2143696</v>
      </c>
      <c r="NL20" s="160">
        <v>0</v>
      </c>
      <c r="NM20" s="123">
        <v>0</v>
      </c>
      <c r="NN20" s="124">
        <v>0</v>
      </c>
      <c r="NO20" s="163"/>
      <c r="NP20" s="123">
        <v>0</v>
      </c>
      <c r="NQ20" s="123">
        <v>0</v>
      </c>
      <c r="NR20" s="123">
        <v>0</v>
      </c>
      <c r="NS20" s="123">
        <v>0</v>
      </c>
      <c r="NT20" s="123">
        <v>0</v>
      </c>
      <c r="NU20" s="124">
        <v>0</v>
      </c>
      <c r="NV20" s="125">
        <v>0</v>
      </c>
      <c r="NW20" s="160">
        <v>0</v>
      </c>
      <c r="NX20" s="123">
        <v>0</v>
      </c>
      <c r="NY20" s="124">
        <v>0</v>
      </c>
      <c r="NZ20" s="163"/>
      <c r="OA20" s="123">
        <v>0</v>
      </c>
      <c r="OB20" s="123">
        <v>0</v>
      </c>
      <c r="OC20" s="123">
        <v>0</v>
      </c>
      <c r="OD20" s="123">
        <v>0</v>
      </c>
      <c r="OE20" s="123">
        <v>0</v>
      </c>
      <c r="OF20" s="124">
        <v>0</v>
      </c>
      <c r="OG20" s="125">
        <v>0</v>
      </c>
      <c r="OH20" s="160">
        <v>175446</v>
      </c>
      <c r="OI20" s="123">
        <v>230022</v>
      </c>
      <c r="OJ20" s="159">
        <v>405468</v>
      </c>
      <c r="OK20" s="122">
        <v>0</v>
      </c>
      <c r="OL20" s="123">
        <v>2352373</v>
      </c>
      <c r="OM20" s="123">
        <v>3502317</v>
      </c>
      <c r="ON20" s="123">
        <v>2881728</v>
      </c>
      <c r="OO20" s="123">
        <v>3947095</v>
      </c>
      <c r="OP20" s="123">
        <v>1141992</v>
      </c>
      <c r="OQ20" s="124">
        <v>13825505</v>
      </c>
      <c r="OR20" s="161">
        <v>14230973</v>
      </c>
    </row>
    <row r="21" spans="1:408" ht="20.25" customHeight="1" x14ac:dyDescent="0.2">
      <c r="A21" s="130" t="s">
        <v>16</v>
      </c>
      <c r="B21" s="113">
        <v>285355</v>
      </c>
      <c r="C21" s="117">
        <v>717917</v>
      </c>
      <c r="D21" s="116">
        <v>1003272</v>
      </c>
      <c r="E21" s="112">
        <v>0</v>
      </c>
      <c r="F21" s="117">
        <v>4307171</v>
      </c>
      <c r="G21" s="117">
        <v>7205204</v>
      </c>
      <c r="H21" s="117">
        <v>5756972</v>
      </c>
      <c r="I21" s="117">
        <v>6230781</v>
      </c>
      <c r="J21" s="117">
        <v>2997702</v>
      </c>
      <c r="K21" s="112">
        <v>26497830</v>
      </c>
      <c r="L21" s="119">
        <v>27501102</v>
      </c>
      <c r="M21" s="113">
        <v>42662</v>
      </c>
      <c r="N21" s="117">
        <v>127942</v>
      </c>
      <c r="O21" s="116">
        <v>170604</v>
      </c>
      <c r="P21" s="113">
        <v>0</v>
      </c>
      <c r="Q21" s="117">
        <v>803142</v>
      </c>
      <c r="R21" s="117">
        <v>1332433</v>
      </c>
      <c r="S21" s="117">
        <v>1162582</v>
      </c>
      <c r="T21" s="117">
        <v>1748874</v>
      </c>
      <c r="U21" s="117">
        <v>1034588</v>
      </c>
      <c r="V21" s="116">
        <v>6081619</v>
      </c>
      <c r="W21" s="119">
        <v>6252223</v>
      </c>
      <c r="X21" s="113">
        <v>0</v>
      </c>
      <c r="Y21" s="117">
        <v>0</v>
      </c>
      <c r="Z21" s="116">
        <v>0</v>
      </c>
      <c r="AA21" s="113">
        <v>0</v>
      </c>
      <c r="AB21" s="117">
        <v>211324</v>
      </c>
      <c r="AC21" s="117">
        <v>314497</v>
      </c>
      <c r="AD21" s="117">
        <v>373810</v>
      </c>
      <c r="AE21" s="117">
        <v>895960</v>
      </c>
      <c r="AF21" s="117">
        <v>575147</v>
      </c>
      <c r="AG21" s="116">
        <v>2370738</v>
      </c>
      <c r="AH21" s="119">
        <v>2370738</v>
      </c>
      <c r="AI21" s="113">
        <v>0</v>
      </c>
      <c r="AJ21" s="117">
        <v>0</v>
      </c>
      <c r="AK21" s="116">
        <v>0</v>
      </c>
      <c r="AL21" s="113">
        <v>0</v>
      </c>
      <c r="AM21" s="117">
        <v>0</v>
      </c>
      <c r="AN21" s="117">
        <v>0</v>
      </c>
      <c r="AO21" s="117">
        <v>0</v>
      </c>
      <c r="AP21" s="117">
        <v>135242</v>
      </c>
      <c r="AQ21" s="117">
        <v>101431</v>
      </c>
      <c r="AR21" s="116">
        <v>236673</v>
      </c>
      <c r="AS21" s="119">
        <v>236673</v>
      </c>
      <c r="AT21" s="113">
        <v>24582</v>
      </c>
      <c r="AU21" s="117">
        <v>115958</v>
      </c>
      <c r="AV21" s="116">
        <v>140540</v>
      </c>
      <c r="AW21" s="113">
        <v>0</v>
      </c>
      <c r="AX21" s="117">
        <v>388930</v>
      </c>
      <c r="AY21" s="117">
        <v>750132</v>
      </c>
      <c r="AZ21" s="117">
        <v>494153</v>
      </c>
      <c r="BA21" s="117">
        <v>379184</v>
      </c>
      <c r="BB21" s="117">
        <v>135658</v>
      </c>
      <c r="BC21" s="116">
        <v>2148057</v>
      </c>
      <c r="BD21" s="119">
        <v>2288597</v>
      </c>
      <c r="BE21" s="113">
        <v>0</v>
      </c>
      <c r="BF21" s="117">
        <v>0</v>
      </c>
      <c r="BG21" s="115">
        <v>0</v>
      </c>
      <c r="BH21" s="114">
        <v>0</v>
      </c>
      <c r="BI21" s="117">
        <v>0</v>
      </c>
      <c r="BJ21" s="117">
        <v>23700</v>
      </c>
      <c r="BK21" s="117">
        <v>50115</v>
      </c>
      <c r="BL21" s="117">
        <v>0</v>
      </c>
      <c r="BM21" s="117">
        <v>31600</v>
      </c>
      <c r="BN21" s="116">
        <v>105415</v>
      </c>
      <c r="BO21" s="119">
        <v>105415</v>
      </c>
      <c r="BP21" s="113">
        <v>18080</v>
      </c>
      <c r="BQ21" s="117">
        <v>11984</v>
      </c>
      <c r="BR21" s="116">
        <v>30064</v>
      </c>
      <c r="BS21" s="113">
        <v>0</v>
      </c>
      <c r="BT21" s="117">
        <v>202888</v>
      </c>
      <c r="BU21" s="117">
        <v>244104</v>
      </c>
      <c r="BV21" s="117">
        <v>244504</v>
      </c>
      <c r="BW21" s="117">
        <v>338488</v>
      </c>
      <c r="BX21" s="117">
        <v>190752</v>
      </c>
      <c r="BY21" s="116">
        <v>1220736</v>
      </c>
      <c r="BZ21" s="119">
        <v>1250800</v>
      </c>
      <c r="CA21" s="113">
        <v>63854</v>
      </c>
      <c r="CB21" s="117">
        <v>113553</v>
      </c>
      <c r="CC21" s="116">
        <v>177407</v>
      </c>
      <c r="CD21" s="113">
        <v>0</v>
      </c>
      <c r="CE21" s="117">
        <v>1792667</v>
      </c>
      <c r="CF21" s="117">
        <v>3303093</v>
      </c>
      <c r="CG21" s="117">
        <v>1233638</v>
      </c>
      <c r="CH21" s="117">
        <v>1106786</v>
      </c>
      <c r="CI21" s="117">
        <v>336966</v>
      </c>
      <c r="CJ21" s="116">
        <v>7773150</v>
      </c>
      <c r="CK21" s="119">
        <v>7950557</v>
      </c>
      <c r="CL21" s="113">
        <v>0</v>
      </c>
      <c r="CM21" s="117">
        <v>0</v>
      </c>
      <c r="CN21" s="116">
        <v>0</v>
      </c>
      <c r="CO21" s="114">
        <v>0</v>
      </c>
      <c r="CP21" s="117">
        <v>967451</v>
      </c>
      <c r="CQ21" s="117">
        <v>1704527</v>
      </c>
      <c r="CR21" s="117">
        <v>756679</v>
      </c>
      <c r="CS21" s="117">
        <v>676277</v>
      </c>
      <c r="CT21" s="117">
        <v>258946</v>
      </c>
      <c r="CU21" s="116">
        <v>4363880</v>
      </c>
      <c r="CV21" s="119">
        <v>4363880</v>
      </c>
      <c r="CW21" s="113">
        <v>63854</v>
      </c>
      <c r="CX21" s="117">
        <v>113553</v>
      </c>
      <c r="CY21" s="116">
        <v>177407</v>
      </c>
      <c r="CZ21" s="113">
        <v>0</v>
      </c>
      <c r="DA21" s="117">
        <v>825216</v>
      </c>
      <c r="DB21" s="117">
        <v>1598566</v>
      </c>
      <c r="DC21" s="117">
        <v>476959</v>
      </c>
      <c r="DD21" s="117">
        <v>430509</v>
      </c>
      <c r="DE21" s="117">
        <v>78020</v>
      </c>
      <c r="DF21" s="116">
        <v>3409270</v>
      </c>
      <c r="DG21" s="119">
        <v>3586677</v>
      </c>
      <c r="DH21" s="113">
        <v>0</v>
      </c>
      <c r="DI21" s="117">
        <v>27665</v>
      </c>
      <c r="DJ21" s="115">
        <v>27665</v>
      </c>
      <c r="DK21" s="114">
        <v>0</v>
      </c>
      <c r="DL21" s="117">
        <v>101290</v>
      </c>
      <c r="DM21" s="117">
        <v>527515</v>
      </c>
      <c r="DN21" s="117">
        <v>554172</v>
      </c>
      <c r="DO21" s="117">
        <v>244316</v>
      </c>
      <c r="DP21" s="117">
        <v>0</v>
      </c>
      <c r="DQ21" s="116">
        <v>1427293</v>
      </c>
      <c r="DR21" s="119">
        <v>1454958</v>
      </c>
      <c r="DS21" s="113">
        <v>0</v>
      </c>
      <c r="DT21" s="117">
        <v>27665</v>
      </c>
      <c r="DU21" s="116">
        <v>27665</v>
      </c>
      <c r="DV21" s="113">
        <v>0</v>
      </c>
      <c r="DW21" s="117">
        <v>101290</v>
      </c>
      <c r="DX21" s="117">
        <v>527515</v>
      </c>
      <c r="DY21" s="117">
        <v>432740</v>
      </c>
      <c r="DZ21" s="117">
        <v>213236</v>
      </c>
      <c r="EA21" s="117">
        <v>0</v>
      </c>
      <c r="EB21" s="116">
        <v>1274781</v>
      </c>
      <c r="EC21" s="119">
        <v>1302446</v>
      </c>
      <c r="ED21" s="113">
        <v>0</v>
      </c>
      <c r="EE21" s="115">
        <v>0</v>
      </c>
      <c r="EF21" s="116">
        <v>0</v>
      </c>
      <c r="EG21" s="113">
        <v>0</v>
      </c>
      <c r="EH21" s="117">
        <v>0</v>
      </c>
      <c r="EI21" s="117">
        <v>0</v>
      </c>
      <c r="EJ21" s="117">
        <v>121432</v>
      </c>
      <c r="EK21" s="117">
        <v>31080</v>
      </c>
      <c r="EL21" s="117">
        <v>0</v>
      </c>
      <c r="EM21" s="115">
        <v>152512</v>
      </c>
      <c r="EN21" s="119">
        <v>152512</v>
      </c>
      <c r="EO21" s="113">
        <v>0</v>
      </c>
      <c r="EP21" s="117">
        <v>0</v>
      </c>
      <c r="EQ21" s="115">
        <v>0</v>
      </c>
      <c r="ER21" s="114">
        <v>0</v>
      </c>
      <c r="ES21" s="117">
        <v>0</v>
      </c>
      <c r="ET21" s="117">
        <v>0</v>
      </c>
      <c r="EU21" s="117">
        <v>0</v>
      </c>
      <c r="EV21" s="117">
        <v>0</v>
      </c>
      <c r="EW21" s="117">
        <v>0</v>
      </c>
      <c r="EX21" s="116">
        <v>0</v>
      </c>
      <c r="EY21" s="119">
        <v>0</v>
      </c>
      <c r="EZ21" s="113">
        <v>0</v>
      </c>
      <c r="FA21" s="117">
        <v>0</v>
      </c>
      <c r="FB21" s="115">
        <v>0</v>
      </c>
      <c r="FC21" s="387"/>
      <c r="FD21" s="117">
        <v>0</v>
      </c>
      <c r="FE21" s="117">
        <v>0</v>
      </c>
      <c r="FF21" s="117">
        <v>0</v>
      </c>
      <c r="FG21" s="117">
        <v>0</v>
      </c>
      <c r="FH21" s="117">
        <v>0</v>
      </c>
      <c r="FI21" s="116">
        <v>0</v>
      </c>
      <c r="FJ21" s="119">
        <v>0</v>
      </c>
      <c r="FK21" s="113">
        <v>70240</v>
      </c>
      <c r="FL21" s="117">
        <v>183168</v>
      </c>
      <c r="FM21" s="116">
        <v>253408</v>
      </c>
      <c r="FN21" s="113">
        <v>0</v>
      </c>
      <c r="FO21" s="117">
        <v>158115</v>
      </c>
      <c r="FP21" s="117">
        <v>746192</v>
      </c>
      <c r="FQ21" s="117">
        <v>325368</v>
      </c>
      <c r="FR21" s="117">
        <v>316112</v>
      </c>
      <c r="FS21" s="117">
        <v>268528</v>
      </c>
      <c r="FT21" s="116">
        <v>1814315</v>
      </c>
      <c r="FU21" s="119">
        <v>2067723</v>
      </c>
      <c r="FV21" s="118">
        <v>70240</v>
      </c>
      <c r="FW21" s="117">
        <v>48880</v>
      </c>
      <c r="FX21" s="115">
        <v>119120</v>
      </c>
      <c r="FY21" s="114">
        <v>0</v>
      </c>
      <c r="FZ21" s="117">
        <v>100640</v>
      </c>
      <c r="GA21" s="117">
        <v>586192</v>
      </c>
      <c r="GB21" s="117">
        <v>325368</v>
      </c>
      <c r="GC21" s="117">
        <v>316112</v>
      </c>
      <c r="GD21" s="117">
        <v>246704</v>
      </c>
      <c r="GE21" s="116">
        <v>1575016</v>
      </c>
      <c r="GF21" s="351">
        <v>1694136</v>
      </c>
      <c r="GG21" s="118">
        <v>0</v>
      </c>
      <c r="GH21" s="117">
        <v>19008</v>
      </c>
      <c r="GI21" s="115">
        <v>19008</v>
      </c>
      <c r="GJ21" s="114">
        <v>0</v>
      </c>
      <c r="GK21" s="117">
        <v>0</v>
      </c>
      <c r="GL21" s="117">
        <v>0</v>
      </c>
      <c r="GM21" s="117">
        <v>0</v>
      </c>
      <c r="GN21" s="117">
        <v>0</v>
      </c>
      <c r="GO21" s="117">
        <v>21824</v>
      </c>
      <c r="GP21" s="116">
        <v>21824</v>
      </c>
      <c r="GQ21" s="119">
        <v>40832</v>
      </c>
      <c r="GR21" s="113">
        <v>0</v>
      </c>
      <c r="GS21" s="117">
        <v>115280</v>
      </c>
      <c r="GT21" s="116">
        <v>115280</v>
      </c>
      <c r="GU21" s="113">
        <v>0</v>
      </c>
      <c r="GV21" s="117">
        <v>57475</v>
      </c>
      <c r="GW21" s="117">
        <v>160000</v>
      </c>
      <c r="GX21" s="117">
        <v>0</v>
      </c>
      <c r="GY21" s="117">
        <v>0</v>
      </c>
      <c r="GZ21" s="117">
        <v>0</v>
      </c>
      <c r="HA21" s="115">
        <v>217475</v>
      </c>
      <c r="HB21" s="119">
        <v>332755</v>
      </c>
      <c r="HC21" s="113">
        <v>108599</v>
      </c>
      <c r="HD21" s="117">
        <v>265589</v>
      </c>
      <c r="HE21" s="115">
        <v>374188</v>
      </c>
      <c r="HF21" s="114">
        <v>0</v>
      </c>
      <c r="HG21" s="117">
        <v>1451957</v>
      </c>
      <c r="HH21" s="117">
        <v>1295971</v>
      </c>
      <c r="HI21" s="117">
        <v>2481212</v>
      </c>
      <c r="HJ21" s="117">
        <v>2814693</v>
      </c>
      <c r="HK21" s="117">
        <v>1357620</v>
      </c>
      <c r="HL21" s="116">
        <v>9401453</v>
      </c>
      <c r="HM21" s="112">
        <v>9775641</v>
      </c>
      <c r="HN21" s="367"/>
      <c r="HO21" s="368"/>
      <c r="HP21" s="369"/>
      <c r="HQ21" s="370"/>
      <c r="HR21" s="368"/>
      <c r="HS21" s="368"/>
      <c r="HT21" s="368"/>
      <c r="HU21" s="368"/>
      <c r="HV21" s="368"/>
      <c r="HW21" s="371"/>
      <c r="HX21" s="372"/>
      <c r="HY21" s="149">
        <v>0</v>
      </c>
      <c r="HZ21" s="150">
        <v>0</v>
      </c>
      <c r="IA21" s="151">
        <v>0</v>
      </c>
      <c r="IB21" s="164">
        <v>0</v>
      </c>
      <c r="IC21" s="150">
        <v>836026</v>
      </c>
      <c r="ID21" s="165">
        <v>2553014</v>
      </c>
      <c r="IE21" s="151">
        <v>1403508</v>
      </c>
      <c r="IF21" s="150">
        <v>1039861</v>
      </c>
      <c r="IG21" s="151">
        <v>1445536</v>
      </c>
      <c r="IH21" s="166">
        <v>7277945</v>
      </c>
      <c r="II21" s="157">
        <v>7277945</v>
      </c>
      <c r="IJ21" s="262">
        <v>0</v>
      </c>
      <c r="IK21" s="269">
        <v>0</v>
      </c>
      <c r="IL21" s="270">
        <v>0</v>
      </c>
      <c r="IM21" s="158"/>
      <c r="IN21" s="123">
        <v>0</v>
      </c>
      <c r="IO21" s="123">
        <v>101448</v>
      </c>
      <c r="IP21" s="123">
        <v>72348</v>
      </c>
      <c r="IQ21" s="123">
        <v>523174</v>
      </c>
      <c r="IR21" s="123">
        <v>790197</v>
      </c>
      <c r="IS21" s="159">
        <v>1487167</v>
      </c>
      <c r="IT21" s="354">
        <v>1487167</v>
      </c>
      <c r="IU21" s="160">
        <v>0</v>
      </c>
      <c r="IV21" s="123">
        <v>0</v>
      </c>
      <c r="IW21" s="124">
        <v>0</v>
      </c>
      <c r="IX21" s="162"/>
      <c r="IY21" s="123">
        <v>0</v>
      </c>
      <c r="IZ21" s="123">
        <v>0</v>
      </c>
      <c r="JA21" s="123">
        <v>0</v>
      </c>
      <c r="JB21" s="123">
        <v>0</v>
      </c>
      <c r="JC21" s="123">
        <v>0</v>
      </c>
      <c r="JD21" s="124">
        <v>0</v>
      </c>
      <c r="JE21" s="125">
        <v>0</v>
      </c>
      <c r="JF21" s="160">
        <v>0</v>
      </c>
      <c r="JG21" s="123">
        <v>0</v>
      </c>
      <c r="JH21" s="159">
        <v>0</v>
      </c>
      <c r="JI21" s="122">
        <v>0</v>
      </c>
      <c r="JJ21" s="123">
        <v>341277</v>
      </c>
      <c r="JK21" s="123">
        <v>695950</v>
      </c>
      <c r="JL21" s="123">
        <v>210689</v>
      </c>
      <c r="JM21" s="123">
        <v>263963</v>
      </c>
      <c r="JN21" s="123">
        <v>142424</v>
      </c>
      <c r="JO21" s="124">
        <v>1654303</v>
      </c>
      <c r="JP21" s="354">
        <v>1654303</v>
      </c>
      <c r="JQ21" s="160">
        <v>0</v>
      </c>
      <c r="JR21" s="123">
        <v>0</v>
      </c>
      <c r="JS21" s="159">
        <v>0</v>
      </c>
      <c r="JT21" s="122">
        <v>0</v>
      </c>
      <c r="JU21" s="123">
        <v>203797</v>
      </c>
      <c r="JV21" s="123">
        <v>0</v>
      </c>
      <c r="JW21" s="123">
        <v>161865</v>
      </c>
      <c r="JX21" s="123">
        <v>0</v>
      </c>
      <c r="JY21" s="123">
        <v>0</v>
      </c>
      <c r="JZ21" s="124">
        <v>365662</v>
      </c>
      <c r="KA21" s="354">
        <v>365662</v>
      </c>
      <c r="KB21" s="265">
        <v>0</v>
      </c>
      <c r="KC21" s="259">
        <v>0</v>
      </c>
      <c r="KD21" s="124">
        <v>0</v>
      </c>
      <c r="KE21" s="122">
        <v>0</v>
      </c>
      <c r="KF21" s="123">
        <v>0</v>
      </c>
      <c r="KG21" s="123">
        <v>150222</v>
      </c>
      <c r="KH21" s="123">
        <v>474988</v>
      </c>
      <c r="KI21" s="123">
        <v>0</v>
      </c>
      <c r="KJ21" s="123">
        <v>0</v>
      </c>
      <c r="KK21" s="124">
        <v>625210</v>
      </c>
      <c r="KL21" s="161">
        <v>625210</v>
      </c>
      <c r="KM21" s="262">
        <v>0</v>
      </c>
      <c r="KN21" s="269">
        <v>0</v>
      </c>
      <c r="KO21" s="270">
        <v>0</v>
      </c>
      <c r="KP21" s="158"/>
      <c r="KQ21" s="123">
        <v>290952</v>
      </c>
      <c r="KR21" s="123">
        <v>1436636</v>
      </c>
      <c r="KS21" s="123">
        <v>247227</v>
      </c>
      <c r="KT21" s="123">
        <v>252724</v>
      </c>
      <c r="KU21" s="123">
        <v>512915</v>
      </c>
      <c r="KV21" s="124">
        <v>2740454</v>
      </c>
      <c r="KW21" s="354">
        <v>2740454</v>
      </c>
      <c r="KX21" s="160">
        <v>0</v>
      </c>
      <c r="KY21" s="123">
        <v>0</v>
      </c>
      <c r="KZ21" s="124">
        <v>0</v>
      </c>
      <c r="LA21" s="163"/>
      <c r="LB21" s="123">
        <v>0</v>
      </c>
      <c r="LC21" s="123">
        <v>0</v>
      </c>
      <c r="LD21" s="123">
        <v>0</v>
      </c>
      <c r="LE21" s="123">
        <v>0</v>
      </c>
      <c r="LF21" s="123">
        <v>0</v>
      </c>
      <c r="LG21" s="124">
        <v>0</v>
      </c>
      <c r="LH21" s="125">
        <v>0</v>
      </c>
      <c r="LI21" s="160">
        <v>0</v>
      </c>
      <c r="LJ21" s="123">
        <v>0</v>
      </c>
      <c r="LK21" s="124">
        <v>0</v>
      </c>
      <c r="LL21" s="163"/>
      <c r="LM21" s="123">
        <v>0</v>
      </c>
      <c r="LN21" s="123">
        <v>0</v>
      </c>
      <c r="LO21" s="123">
        <v>0</v>
      </c>
      <c r="LP21" s="123">
        <v>0</v>
      </c>
      <c r="LQ21" s="123">
        <v>0</v>
      </c>
      <c r="LR21" s="124">
        <v>0</v>
      </c>
      <c r="LS21" s="354">
        <v>0</v>
      </c>
      <c r="LT21" s="160">
        <v>0</v>
      </c>
      <c r="LU21" s="123">
        <v>0</v>
      </c>
      <c r="LV21" s="124">
        <v>0</v>
      </c>
      <c r="LW21" s="163"/>
      <c r="LX21" s="123">
        <v>0</v>
      </c>
      <c r="LY21" s="123">
        <v>168758</v>
      </c>
      <c r="LZ21" s="123">
        <v>236391</v>
      </c>
      <c r="MA21" s="123">
        <v>0</v>
      </c>
      <c r="MB21" s="123">
        <v>0</v>
      </c>
      <c r="MC21" s="124">
        <v>405149</v>
      </c>
      <c r="MD21" s="125">
        <v>405149</v>
      </c>
      <c r="ME21" s="160">
        <v>0</v>
      </c>
      <c r="MF21" s="123">
        <v>0</v>
      </c>
      <c r="MG21" s="124">
        <v>0</v>
      </c>
      <c r="MH21" s="163"/>
      <c r="MI21" s="123">
        <v>202152</v>
      </c>
      <c r="MJ21" s="123">
        <v>1017161</v>
      </c>
      <c r="MK21" s="123">
        <v>1529167</v>
      </c>
      <c r="ML21" s="123">
        <v>3830944</v>
      </c>
      <c r="MM21" s="123">
        <v>2381110</v>
      </c>
      <c r="MN21" s="124">
        <v>8960534</v>
      </c>
      <c r="MO21" s="161">
        <v>8960534</v>
      </c>
      <c r="MP21" s="160">
        <v>0</v>
      </c>
      <c r="MQ21" s="123">
        <v>0</v>
      </c>
      <c r="MR21" s="124">
        <v>0</v>
      </c>
      <c r="MS21" s="163"/>
      <c r="MT21" s="123">
        <v>0</v>
      </c>
      <c r="MU21" s="123">
        <v>208998</v>
      </c>
      <c r="MV21" s="123">
        <v>469908</v>
      </c>
      <c r="MW21" s="123">
        <v>2604510</v>
      </c>
      <c r="MX21" s="123">
        <v>1370221</v>
      </c>
      <c r="MY21" s="124">
        <v>4653637</v>
      </c>
      <c r="MZ21" s="161">
        <v>4653637</v>
      </c>
      <c r="NA21" s="160">
        <v>0</v>
      </c>
      <c r="NB21" s="123">
        <v>0</v>
      </c>
      <c r="NC21" s="124">
        <v>0</v>
      </c>
      <c r="ND21" s="163"/>
      <c r="NE21" s="123">
        <v>202152</v>
      </c>
      <c r="NF21" s="123">
        <v>808163</v>
      </c>
      <c r="NG21" s="123">
        <v>1059259</v>
      </c>
      <c r="NH21" s="123">
        <v>1226434</v>
      </c>
      <c r="NI21" s="123">
        <v>617588</v>
      </c>
      <c r="NJ21" s="124">
        <v>3913596</v>
      </c>
      <c r="NK21" s="354">
        <v>3913596</v>
      </c>
      <c r="NL21" s="160">
        <v>0</v>
      </c>
      <c r="NM21" s="123">
        <v>0</v>
      </c>
      <c r="NN21" s="124">
        <v>0</v>
      </c>
      <c r="NO21" s="163"/>
      <c r="NP21" s="123">
        <v>0</v>
      </c>
      <c r="NQ21" s="123">
        <v>0</v>
      </c>
      <c r="NR21" s="123">
        <v>0</v>
      </c>
      <c r="NS21" s="123">
        <v>0</v>
      </c>
      <c r="NT21" s="123">
        <v>0</v>
      </c>
      <c r="NU21" s="124">
        <v>0</v>
      </c>
      <c r="NV21" s="125">
        <v>0</v>
      </c>
      <c r="NW21" s="160">
        <v>0</v>
      </c>
      <c r="NX21" s="123">
        <v>0</v>
      </c>
      <c r="NY21" s="124">
        <v>0</v>
      </c>
      <c r="NZ21" s="163"/>
      <c r="OA21" s="123">
        <v>0</v>
      </c>
      <c r="OB21" s="123">
        <v>0</v>
      </c>
      <c r="OC21" s="123">
        <v>0</v>
      </c>
      <c r="OD21" s="123">
        <v>0</v>
      </c>
      <c r="OE21" s="123">
        <v>393301</v>
      </c>
      <c r="OF21" s="124">
        <v>393301</v>
      </c>
      <c r="OG21" s="125">
        <v>393301</v>
      </c>
      <c r="OH21" s="160">
        <v>285355</v>
      </c>
      <c r="OI21" s="123">
        <v>717917</v>
      </c>
      <c r="OJ21" s="159">
        <v>1003272</v>
      </c>
      <c r="OK21" s="122">
        <v>0</v>
      </c>
      <c r="OL21" s="123">
        <v>5345349</v>
      </c>
      <c r="OM21" s="123">
        <v>10775379</v>
      </c>
      <c r="ON21" s="123">
        <v>8689647</v>
      </c>
      <c r="OO21" s="123">
        <v>11101586</v>
      </c>
      <c r="OP21" s="123">
        <v>6824348</v>
      </c>
      <c r="OQ21" s="124">
        <v>42736309</v>
      </c>
      <c r="OR21" s="161">
        <v>43739581</v>
      </c>
    </row>
    <row r="22" spans="1:408" ht="20.25" customHeight="1" x14ac:dyDescent="0.2">
      <c r="A22" s="130" t="s">
        <v>17</v>
      </c>
      <c r="B22" s="113">
        <v>331490</v>
      </c>
      <c r="C22" s="117">
        <v>547818</v>
      </c>
      <c r="D22" s="116">
        <v>879308</v>
      </c>
      <c r="E22" s="112">
        <v>0</v>
      </c>
      <c r="F22" s="117">
        <v>4293398</v>
      </c>
      <c r="G22" s="117">
        <v>6543565</v>
      </c>
      <c r="H22" s="117">
        <v>5601606</v>
      </c>
      <c r="I22" s="117">
        <v>6322139</v>
      </c>
      <c r="J22" s="117">
        <v>4926839</v>
      </c>
      <c r="K22" s="112">
        <v>27687547</v>
      </c>
      <c r="L22" s="119">
        <v>28566855</v>
      </c>
      <c r="M22" s="113">
        <v>59254</v>
      </c>
      <c r="N22" s="117">
        <v>150054</v>
      </c>
      <c r="O22" s="116">
        <v>209308</v>
      </c>
      <c r="P22" s="113">
        <v>0</v>
      </c>
      <c r="Q22" s="117">
        <v>717607</v>
      </c>
      <c r="R22" s="117">
        <v>1974647</v>
      </c>
      <c r="S22" s="117">
        <v>1615874</v>
      </c>
      <c r="T22" s="117">
        <v>2310465</v>
      </c>
      <c r="U22" s="117">
        <v>3176484</v>
      </c>
      <c r="V22" s="116">
        <v>9795077</v>
      </c>
      <c r="W22" s="119">
        <v>10004385</v>
      </c>
      <c r="X22" s="113">
        <v>0</v>
      </c>
      <c r="Y22" s="117">
        <v>0</v>
      </c>
      <c r="Z22" s="116">
        <v>0</v>
      </c>
      <c r="AA22" s="113">
        <v>0</v>
      </c>
      <c r="AB22" s="117">
        <v>239959</v>
      </c>
      <c r="AC22" s="117">
        <v>1106596</v>
      </c>
      <c r="AD22" s="117">
        <v>1049176</v>
      </c>
      <c r="AE22" s="117">
        <v>1491144</v>
      </c>
      <c r="AF22" s="117">
        <v>1957065</v>
      </c>
      <c r="AG22" s="116">
        <v>5843940</v>
      </c>
      <c r="AH22" s="119">
        <v>5843940</v>
      </c>
      <c r="AI22" s="113">
        <v>0</v>
      </c>
      <c r="AJ22" s="117">
        <v>0</v>
      </c>
      <c r="AK22" s="116">
        <v>0</v>
      </c>
      <c r="AL22" s="113">
        <v>0</v>
      </c>
      <c r="AM22" s="117">
        <v>0</v>
      </c>
      <c r="AN22" s="117">
        <v>11724</v>
      </c>
      <c r="AO22" s="117">
        <v>0</v>
      </c>
      <c r="AP22" s="117">
        <v>0</v>
      </c>
      <c r="AQ22" s="117">
        <v>456664</v>
      </c>
      <c r="AR22" s="116">
        <v>468388</v>
      </c>
      <c r="AS22" s="119">
        <v>468388</v>
      </c>
      <c r="AT22" s="113">
        <v>0</v>
      </c>
      <c r="AU22" s="117">
        <v>127646</v>
      </c>
      <c r="AV22" s="116">
        <v>127646</v>
      </c>
      <c r="AW22" s="113">
        <v>0</v>
      </c>
      <c r="AX22" s="117">
        <v>373272</v>
      </c>
      <c r="AY22" s="117">
        <v>471611</v>
      </c>
      <c r="AZ22" s="117">
        <v>340146</v>
      </c>
      <c r="BA22" s="117">
        <v>539795</v>
      </c>
      <c r="BB22" s="117">
        <v>505507</v>
      </c>
      <c r="BC22" s="116">
        <v>2230331</v>
      </c>
      <c r="BD22" s="119">
        <v>2357977</v>
      </c>
      <c r="BE22" s="113">
        <v>43782</v>
      </c>
      <c r="BF22" s="117">
        <v>0</v>
      </c>
      <c r="BG22" s="115">
        <v>43782</v>
      </c>
      <c r="BH22" s="114">
        <v>0</v>
      </c>
      <c r="BI22" s="117">
        <v>0</v>
      </c>
      <c r="BJ22" s="117">
        <v>67284</v>
      </c>
      <c r="BK22" s="117">
        <v>0</v>
      </c>
      <c r="BL22" s="117">
        <v>35254</v>
      </c>
      <c r="BM22" s="117">
        <v>15800</v>
      </c>
      <c r="BN22" s="116">
        <v>118338</v>
      </c>
      <c r="BO22" s="119">
        <v>162120</v>
      </c>
      <c r="BP22" s="113">
        <v>15472</v>
      </c>
      <c r="BQ22" s="117">
        <v>22408</v>
      </c>
      <c r="BR22" s="116">
        <v>37880</v>
      </c>
      <c r="BS22" s="113">
        <v>0</v>
      </c>
      <c r="BT22" s="117">
        <v>104376</v>
      </c>
      <c r="BU22" s="117">
        <v>317432</v>
      </c>
      <c r="BV22" s="117">
        <v>226552</v>
      </c>
      <c r="BW22" s="117">
        <v>244272</v>
      </c>
      <c r="BX22" s="117">
        <v>241448</v>
      </c>
      <c r="BY22" s="116">
        <v>1134080</v>
      </c>
      <c r="BZ22" s="119">
        <v>1171960</v>
      </c>
      <c r="CA22" s="113">
        <v>64453</v>
      </c>
      <c r="CB22" s="117">
        <v>147328</v>
      </c>
      <c r="CC22" s="116">
        <v>211781</v>
      </c>
      <c r="CD22" s="113">
        <v>0</v>
      </c>
      <c r="CE22" s="117">
        <v>1896876</v>
      </c>
      <c r="CF22" s="117">
        <v>2379950</v>
      </c>
      <c r="CG22" s="117">
        <v>1425395</v>
      </c>
      <c r="CH22" s="117">
        <v>986960</v>
      </c>
      <c r="CI22" s="117">
        <v>447832</v>
      </c>
      <c r="CJ22" s="116">
        <v>7137013</v>
      </c>
      <c r="CK22" s="119">
        <v>7348794</v>
      </c>
      <c r="CL22" s="113">
        <v>0</v>
      </c>
      <c r="CM22" s="117">
        <v>0</v>
      </c>
      <c r="CN22" s="116">
        <v>0</v>
      </c>
      <c r="CO22" s="114">
        <v>0</v>
      </c>
      <c r="CP22" s="117">
        <v>1561732</v>
      </c>
      <c r="CQ22" s="117">
        <v>1457215</v>
      </c>
      <c r="CR22" s="117">
        <v>1118322</v>
      </c>
      <c r="CS22" s="117">
        <v>901144</v>
      </c>
      <c r="CT22" s="117">
        <v>288744</v>
      </c>
      <c r="CU22" s="116">
        <v>5327157</v>
      </c>
      <c r="CV22" s="119">
        <v>5327157</v>
      </c>
      <c r="CW22" s="113">
        <v>64453</v>
      </c>
      <c r="CX22" s="117">
        <v>147328</v>
      </c>
      <c r="CY22" s="116">
        <v>211781</v>
      </c>
      <c r="CZ22" s="113">
        <v>0</v>
      </c>
      <c r="DA22" s="117">
        <v>335144</v>
      </c>
      <c r="DB22" s="117">
        <v>922735</v>
      </c>
      <c r="DC22" s="117">
        <v>307073</v>
      </c>
      <c r="DD22" s="117">
        <v>85816</v>
      </c>
      <c r="DE22" s="117">
        <v>159088</v>
      </c>
      <c r="DF22" s="116">
        <v>1809856</v>
      </c>
      <c r="DG22" s="119">
        <v>2021637</v>
      </c>
      <c r="DH22" s="113">
        <v>0</v>
      </c>
      <c r="DI22" s="117">
        <v>24705</v>
      </c>
      <c r="DJ22" s="115">
        <v>24705</v>
      </c>
      <c r="DK22" s="114">
        <v>0</v>
      </c>
      <c r="DL22" s="117">
        <v>114445</v>
      </c>
      <c r="DM22" s="117">
        <v>433821</v>
      </c>
      <c r="DN22" s="117">
        <v>985421</v>
      </c>
      <c r="DO22" s="117">
        <v>908976</v>
      </c>
      <c r="DP22" s="117">
        <v>137845</v>
      </c>
      <c r="DQ22" s="116">
        <v>2580508</v>
      </c>
      <c r="DR22" s="119">
        <v>2605213</v>
      </c>
      <c r="DS22" s="113">
        <v>0</v>
      </c>
      <c r="DT22" s="117">
        <v>24705</v>
      </c>
      <c r="DU22" s="116">
        <v>24705</v>
      </c>
      <c r="DV22" s="113">
        <v>0</v>
      </c>
      <c r="DW22" s="117">
        <v>45649</v>
      </c>
      <c r="DX22" s="117">
        <v>223233</v>
      </c>
      <c r="DY22" s="117">
        <v>985421</v>
      </c>
      <c r="DZ22" s="117">
        <v>908976</v>
      </c>
      <c r="EA22" s="117">
        <v>137845</v>
      </c>
      <c r="EB22" s="116">
        <v>2301124</v>
      </c>
      <c r="EC22" s="119">
        <v>2325829</v>
      </c>
      <c r="ED22" s="113">
        <v>0</v>
      </c>
      <c r="EE22" s="115">
        <v>0</v>
      </c>
      <c r="EF22" s="116">
        <v>0</v>
      </c>
      <c r="EG22" s="113">
        <v>0</v>
      </c>
      <c r="EH22" s="117">
        <v>68796</v>
      </c>
      <c r="EI22" s="117">
        <v>210588</v>
      </c>
      <c r="EJ22" s="117">
        <v>0</v>
      </c>
      <c r="EK22" s="117">
        <v>0</v>
      </c>
      <c r="EL22" s="117">
        <v>0</v>
      </c>
      <c r="EM22" s="115">
        <v>279384</v>
      </c>
      <c r="EN22" s="119">
        <v>279384</v>
      </c>
      <c r="EO22" s="113">
        <v>0</v>
      </c>
      <c r="EP22" s="117">
        <v>0</v>
      </c>
      <c r="EQ22" s="115">
        <v>0</v>
      </c>
      <c r="ER22" s="114">
        <v>0</v>
      </c>
      <c r="ES22" s="117">
        <v>0</v>
      </c>
      <c r="ET22" s="117">
        <v>0</v>
      </c>
      <c r="EU22" s="117">
        <v>0</v>
      </c>
      <c r="EV22" s="117">
        <v>0</v>
      </c>
      <c r="EW22" s="117">
        <v>0</v>
      </c>
      <c r="EX22" s="116">
        <v>0</v>
      </c>
      <c r="EY22" s="119">
        <v>0</v>
      </c>
      <c r="EZ22" s="113">
        <v>0</v>
      </c>
      <c r="FA22" s="117">
        <v>0</v>
      </c>
      <c r="FB22" s="115">
        <v>0</v>
      </c>
      <c r="FC22" s="387"/>
      <c r="FD22" s="117">
        <v>0</v>
      </c>
      <c r="FE22" s="117">
        <v>0</v>
      </c>
      <c r="FF22" s="117">
        <v>0</v>
      </c>
      <c r="FG22" s="117">
        <v>0</v>
      </c>
      <c r="FH22" s="117">
        <v>0</v>
      </c>
      <c r="FI22" s="116">
        <v>0</v>
      </c>
      <c r="FJ22" s="119">
        <v>0</v>
      </c>
      <c r="FK22" s="113">
        <v>69880</v>
      </c>
      <c r="FL22" s="117">
        <v>133696</v>
      </c>
      <c r="FM22" s="116">
        <v>203576</v>
      </c>
      <c r="FN22" s="113">
        <v>0</v>
      </c>
      <c r="FO22" s="117">
        <v>297552</v>
      </c>
      <c r="FP22" s="117">
        <v>687984</v>
      </c>
      <c r="FQ22" s="117">
        <v>452872</v>
      </c>
      <c r="FR22" s="117">
        <v>393288</v>
      </c>
      <c r="FS22" s="117">
        <v>519256</v>
      </c>
      <c r="FT22" s="116">
        <v>2350952</v>
      </c>
      <c r="FU22" s="119">
        <v>2554528</v>
      </c>
      <c r="FV22" s="118">
        <v>21080</v>
      </c>
      <c r="FW22" s="117">
        <v>133696</v>
      </c>
      <c r="FX22" s="115">
        <v>154776</v>
      </c>
      <c r="FY22" s="114">
        <v>0</v>
      </c>
      <c r="FZ22" s="117">
        <v>158848</v>
      </c>
      <c r="GA22" s="117">
        <v>687984</v>
      </c>
      <c r="GB22" s="117">
        <v>440232</v>
      </c>
      <c r="GC22" s="117">
        <v>393288</v>
      </c>
      <c r="GD22" s="117">
        <v>397656</v>
      </c>
      <c r="GE22" s="116">
        <v>2078008</v>
      </c>
      <c r="GF22" s="351">
        <v>2232784</v>
      </c>
      <c r="GG22" s="118">
        <v>0</v>
      </c>
      <c r="GH22" s="117">
        <v>0</v>
      </c>
      <c r="GI22" s="115">
        <v>0</v>
      </c>
      <c r="GJ22" s="114">
        <v>0</v>
      </c>
      <c r="GK22" s="117">
        <v>43184</v>
      </c>
      <c r="GL22" s="117">
        <v>0</v>
      </c>
      <c r="GM22" s="117">
        <v>12640</v>
      </c>
      <c r="GN22" s="117">
        <v>0</v>
      </c>
      <c r="GO22" s="117">
        <v>0</v>
      </c>
      <c r="GP22" s="116">
        <v>55824</v>
      </c>
      <c r="GQ22" s="119">
        <v>55824</v>
      </c>
      <c r="GR22" s="113">
        <v>48800</v>
      </c>
      <c r="GS22" s="117">
        <v>0</v>
      </c>
      <c r="GT22" s="116">
        <v>48800</v>
      </c>
      <c r="GU22" s="113">
        <v>0</v>
      </c>
      <c r="GV22" s="117">
        <v>95520</v>
      </c>
      <c r="GW22" s="117">
        <v>0</v>
      </c>
      <c r="GX22" s="117">
        <v>0</v>
      </c>
      <c r="GY22" s="117">
        <v>0</v>
      </c>
      <c r="GZ22" s="117">
        <v>121600</v>
      </c>
      <c r="HA22" s="115">
        <v>217120</v>
      </c>
      <c r="HB22" s="119">
        <v>265920</v>
      </c>
      <c r="HC22" s="113">
        <v>137903</v>
      </c>
      <c r="HD22" s="117">
        <v>92035</v>
      </c>
      <c r="HE22" s="115">
        <v>229938</v>
      </c>
      <c r="HF22" s="114">
        <v>0</v>
      </c>
      <c r="HG22" s="117">
        <v>1266918</v>
      </c>
      <c r="HH22" s="117">
        <v>1067163</v>
      </c>
      <c r="HI22" s="117">
        <v>1122044</v>
      </c>
      <c r="HJ22" s="117">
        <v>1722450</v>
      </c>
      <c r="HK22" s="117">
        <v>645422</v>
      </c>
      <c r="HL22" s="116">
        <v>5823997</v>
      </c>
      <c r="HM22" s="112">
        <v>6053935</v>
      </c>
      <c r="HN22" s="367"/>
      <c r="HO22" s="368"/>
      <c r="HP22" s="369"/>
      <c r="HQ22" s="370"/>
      <c r="HR22" s="368"/>
      <c r="HS22" s="368"/>
      <c r="HT22" s="368"/>
      <c r="HU22" s="368"/>
      <c r="HV22" s="368"/>
      <c r="HW22" s="371"/>
      <c r="HX22" s="372"/>
      <c r="HY22" s="168">
        <v>0</v>
      </c>
      <c r="HZ22" s="153">
        <v>0</v>
      </c>
      <c r="IA22" s="168">
        <v>0</v>
      </c>
      <c r="IB22" s="152">
        <v>0</v>
      </c>
      <c r="IC22" s="153">
        <v>1350945</v>
      </c>
      <c r="ID22" s="154">
        <v>1514552</v>
      </c>
      <c r="IE22" s="155">
        <v>2421574</v>
      </c>
      <c r="IF22" s="153">
        <v>731303</v>
      </c>
      <c r="IG22" s="155">
        <v>916236</v>
      </c>
      <c r="IH22" s="156">
        <v>6934610</v>
      </c>
      <c r="II22" s="168">
        <v>6934610</v>
      </c>
      <c r="IJ22" s="262">
        <v>0</v>
      </c>
      <c r="IK22" s="269">
        <v>0</v>
      </c>
      <c r="IL22" s="270">
        <v>0</v>
      </c>
      <c r="IM22" s="158"/>
      <c r="IN22" s="123">
        <v>0</v>
      </c>
      <c r="IO22" s="123">
        <v>94776</v>
      </c>
      <c r="IP22" s="123">
        <v>0</v>
      </c>
      <c r="IQ22" s="123">
        <v>0</v>
      </c>
      <c r="IR22" s="123">
        <v>0</v>
      </c>
      <c r="IS22" s="159">
        <v>94776</v>
      </c>
      <c r="IT22" s="354">
        <v>94776</v>
      </c>
      <c r="IU22" s="160">
        <v>0</v>
      </c>
      <c r="IV22" s="123">
        <v>0</v>
      </c>
      <c r="IW22" s="124">
        <v>0</v>
      </c>
      <c r="IX22" s="162"/>
      <c r="IY22" s="123">
        <v>0</v>
      </c>
      <c r="IZ22" s="123">
        <v>0</v>
      </c>
      <c r="JA22" s="123">
        <v>0</v>
      </c>
      <c r="JB22" s="123">
        <v>0</v>
      </c>
      <c r="JC22" s="123">
        <v>0</v>
      </c>
      <c r="JD22" s="124">
        <v>0</v>
      </c>
      <c r="JE22" s="125">
        <v>0</v>
      </c>
      <c r="JF22" s="160">
        <v>0</v>
      </c>
      <c r="JG22" s="123">
        <v>0</v>
      </c>
      <c r="JH22" s="159">
        <v>0</v>
      </c>
      <c r="JI22" s="122">
        <v>0</v>
      </c>
      <c r="JJ22" s="123">
        <v>637098</v>
      </c>
      <c r="JK22" s="123">
        <v>441591</v>
      </c>
      <c r="JL22" s="123">
        <v>780411</v>
      </c>
      <c r="JM22" s="123">
        <v>471935</v>
      </c>
      <c r="JN22" s="123">
        <v>0</v>
      </c>
      <c r="JO22" s="124">
        <v>2331035</v>
      </c>
      <c r="JP22" s="354">
        <v>2331035</v>
      </c>
      <c r="JQ22" s="160">
        <v>0</v>
      </c>
      <c r="JR22" s="123">
        <v>0</v>
      </c>
      <c r="JS22" s="159">
        <v>0</v>
      </c>
      <c r="JT22" s="122">
        <v>0</v>
      </c>
      <c r="JU22" s="123">
        <v>67567</v>
      </c>
      <c r="JV22" s="123">
        <v>0</v>
      </c>
      <c r="JW22" s="123">
        <v>173800</v>
      </c>
      <c r="JX22" s="123">
        <v>0</v>
      </c>
      <c r="JY22" s="123">
        <v>56105</v>
      </c>
      <c r="JZ22" s="124">
        <v>297472</v>
      </c>
      <c r="KA22" s="354">
        <v>297472</v>
      </c>
      <c r="KB22" s="265">
        <v>0</v>
      </c>
      <c r="KC22" s="259">
        <v>0</v>
      </c>
      <c r="KD22" s="124">
        <v>0</v>
      </c>
      <c r="KE22" s="122">
        <v>0</v>
      </c>
      <c r="KF22" s="123">
        <v>0</v>
      </c>
      <c r="KG22" s="123">
        <v>479316</v>
      </c>
      <c r="KH22" s="123">
        <v>699387</v>
      </c>
      <c r="KI22" s="123">
        <v>0</v>
      </c>
      <c r="KJ22" s="123">
        <v>577643</v>
      </c>
      <c r="KK22" s="124">
        <v>1756346</v>
      </c>
      <c r="KL22" s="161">
        <v>1756346</v>
      </c>
      <c r="KM22" s="262">
        <v>0</v>
      </c>
      <c r="KN22" s="269">
        <v>0</v>
      </c>
      <c r="KO22" s="270">
        <v>0</v>
      </c>
      <c r="KP22" s="158"/>
      <c r="KQ22" s="123">
        <v>478126</v>
      </c>
      <c r="KR22" s="123">
        <v>498869</v>
      </c>
      <c r="KS22" s="123">
        <v>506956</v>
      </c>
      <c r="KT22" s="123">
        <v>259368</v>
      </c>
      <c r="KU22" s="123">
        <v>0</v>
      </c>
      <c r="KV22" s="124">
        <v>1743319</v>
      </c>
      <c r="KW22" s="354">
        <v>1743319</v>
      </c>
      <c r="KX22" s="160">
        <v>0</v>
      </c>
      <c r="KY22" s="123">
        <v>0</v>
      </c>
      <c r="KZ22" s="124">
        <v>0</v>
      </c>
      <c r="LA22" s="163"/>
      <c r="LB22" s="123">
        <v>0</v>
      </c>
      <c r="LC22" s="123">
        <v>0</v>
      </c>
      <c r="LD22" s="123">
        <v>0</v>
      </c>
      <c r="LE22" s="123">
        <v>0</v>
      </c>
      <c r="LF22" s="123">
        <v>0</v>
      </c>
      <c r="LG22" s="124">
        <v>0</v>
      </c>
      <c r="LH22" s="125">
        <v>0</v>
      </c>
      <c r="LI22" s="160">
        <v>0</v>
      </c>
      <c r="LJ22" s="123">
        <v>0</v>
      </c>
      <c r="LK22" s="124">
        <v>0</v>
      </c>
      <c r="LL22" s="163"/>
      <c r="LM22" s="123">
        <v>0</v>
      </c>
      <c r="LN22" s="123">
        <v>0</v>
      </c>
      <c r="LO22" s="123">
        <v>261020</v>
      </c>
      <c r="LP22" s="123">
        <v>0</v>
      </c>
      <c r="LQ22" s="123">
        <v>282488</v>
      </c>
      <c r="LR22" s="124">
        <v>543508</v>
      </c>
      <c r="LS22" s="354">
        <v>543508</v>
      </c>
      <c r="LT22" s="160">
        <v>0</v>
      </c>
      <c r="LU22" s="123">
        <v>0</v>
      </c>
      <c r="LV22" s="124">
        <v>0</v>
      </c>
      <c r="LW22" s="163"/>
      <c r="LX22" s="123">
        <v>168154</v>
      </c>
      <c r="LY22" s="123">
        <v>0</v>
      </c>
      <c r="LZ22" s="123">
        <v>0</v>
      </c>
      <c r="MA22" s="123">
        <v>0</v>
      </c>
      <c r="MB22" s="123">
        <v>0</v>
      </c>
      <c r="MC22" s="124">
        <v>168154</v>
      </c>
      <c r="MD22" s="125">
        <v>168154</v>
      </c>
      <c r="ME22" s="160">
        <v>0</v>
      </c>
      <c r="MF22" s="123">
        <v>0</v>
      </c>
      <c r="MG22" s="124">
        <v>0</v>
      </c>
      <c r="MH22" s="163"/>
      <c r="MI22" s="123">
        <v>0</v>
      </c>
      <c r="MJ22" s="123">
        <v>1458012</v>
      </c>
      <c r="MK22" s="123">
        <v>3286928</v>
      </c>
      <c r="ML22" s="123">
        <v>4581832</v>
      </c>
      <c r="MM22" s="123">
        <v>2899695</v>
      </c>
      <c r="MN22" s="124">
        <v>12226467</v>
      </c>
      <c r="MO22" s="161">
        <v>12226467</v>
      </c>
      <c r="MP22" s="160">
        <v>0</v>
      </c>
      <c r="MQ22" s="123">
        <v>0</v>
      </c>
      <c r="MR22" s="124">
        <v>0</v>
      </c>
      <c r="MS22" s="163"/>
      <c r="MT22" s="123">
        <v>0</v>
      </c>
      <c r="MU22" s="123">
        <v>239367</v>
      </c>
      <c r="MV22" s="123">
        <v>2055041</v>
      </c>
      <c r="MW22" s="123">
        <v>2819031</v>
      </c>
      <c r="MX22" s="123">
        <v>1134294</v>
      </c>
      <c r="MY22" s="124">
        <v>6247733</v>
      </c>
      <c r="MZ22" s="161">
        <v>6247733</v>
      </c>
      <c r="NA22" s="160">
        <v>0</v>
      </c>
      <c r="NB22" s="123">
        <v>0</v>
      </c>
      <c r="NC22" s="124">
        <v>0</v>
      </c>
      <c r="ND22" s="163"/>
      <c r="NE22" s="123">
        <v>0</v>
      </c>
      <c r="NF22" s="123">
        <v>1218645</v>
      </c>
      <c r="NG22" s="123">
        <v>1231887</v>
      </c>
      <c r="NH22" s="123">
        <v>1762801</v>
      </c>
      <c r="NI22" s="123">
        <v>1414252</v>
      </c>
      <c r="NJ22" s="124">
        <v>5627585</v>
      </c>
      <c r="NK22" s="354">
        <v>5627585</v>
      </c>
      <c r="NL22" s="160">
        <v>0</v>
      </c>
      <c r="NM22" s="123">
        <v>0</v>
      </c>
      <c r="NN22" s="124">
        <v>0</v>
      </c>
      <c r="NO22" s="163"/>
      <c r="NP22" s="123">
        <v>0</v>
      </c>
      <c r="NQ22" s="123">
        <v>0</v>
      </c>
      <c r="NR22" s="123">
        <v>0</v>
      </c>
      <c r="NS22" s="123">
        <v>0</v>
      </c>
      <c r="NT22" s="123">
        <v>0</v>
      </c>
      <c r="NU22" s="124">
        <v>0</v>
      </c>
      <c r="NV22" s="125">
        <v>0</v>
      </c>
      <c r="NW22" s="160">
        <v>0</v>
      </c>
      <c r="NX22" s="123">
        <v>0</v>
      </c>
      <c r="NY22" s="124">
        <v>0</v>
      </c>
      <c r="NZ22" s="163"/>
      <c r="OA22" s="123">
        <v>0</v>
      </c>
      <c r="OB22" s="123">
        <v>0</v>
      </c>
      <c r="OC22" s="123">
        <v>0</v>
      </c>
      <c r="OD22" s="123">
        <v>0</v>
      </c>
      <c r="OE22" s="123">
        <v>351149</v>
      </c>
      <c r="OF22" s="124">
        <v>351149</v>
      </c>
      <c r="OG22" s="125">
        <v>351149</v>
      </c>
      <c r="OH22" s="160">
        <v>331490</v>
      </c>
      <c r="OI22" s="123">
        <v>547818</v>
      </c>
      <c r="OJ22" s="159">
        <v>879308</v>
      </c>
      <c r="OK22" s="122">
        <v>0</v>
      </c>
      <c r="OL22" s="123">
        <v>5644343</v>
      </c>
      <c r="OM22" s="123">
        <v>9516129</v>
      </c>
      <c r="ON22" s="123">
        <v>11310108</v>
      </c>
      <c r="OO22" s="123">
        <v>11635274</v>
      </c>
      <c r="OP22" s="123">
        <v>8742770</v>
      </c>
      <c r="OQ22" s="124">
        <v>46848624</v>
      </c>
      <c r="OR22" s="161">
        <v>47727932</v>
      </c>
    </row>
    <row r="23" spans="1:408" ht="20.25" customHeight="1" x14ac:dyDescent="0.2">
      <c r="A23" s="130" t="s">
        <v>18</v>
      </c>
      <c r="B23" s="113">
        <v>198721</v>
      </c>
      <c r="C23" s="117">
        <v>1735061</v>
      </c>
      <c r="D23" s="116">
        <v>1933782</v>
      </c>
      <c r="E23" s="112">
        <v>0</v>
      </c>
      <c r="F23" s="117">
        <v>6884517</v>
      </c>
      <c r="G23" s="117">
        <v>10070391</v>
      </c>
      <c r="H23" s="117">
        <v>8859686</v>
      </c>
      <c r="I23" s="117">
        <v>6069134</v>
      </c>
      <c r="J23" s="117">
        <v>3950398</v>
      </c>
      <c r="K23" s="112">
        <v>35834126</v>
      </c>
      <c r="L23" s="119">
        <v>37767908</v>
      </c>
      <c r="M23" s="113">
        <v>62784</v>
      </c>
      <c r="N23" s="117">
        <v>389355</v>
      </c>
      <c r="O23" s="116">
        <v>452139</v>
      </c>
      <c r="P23" s="113">
        <v>0</v>
      </c>
      <c r="Q23" s="117">
        <v>1826332</v>
      </c>
      <c r="R23" s="117">
        <v>3751530</v>
      </c>
      <c r="S23" s="117">
        <v>2242618</v>
      </c>
      <c r="T23" s="117">
        <v>2554541</v>
      </c>
      <c r="U23" s="117">
        <v>1355135</v>
      </c>
      <c r="V23" s="116">
        <v>11730156</v>
      </c>
      <c r="W23" s="119">
        <v>12182295</v>
      </c>
      <c r="X23" s="113">
        <v>0</v>
      </c>
      <c r="Y23" s="117">
        <v>0</v>
      </c>
      <c r="Z23" s="116">
        <v>0</v>
      </c>
      <c r="AA23" s="113">
        <v>0</v>
      </c>
      <c r="AB23" s="117">
        <v>631217</v>
      </c>
      <c r="AC23" s="117">
        <v>2117600</v>
      </c>
      <c r="AD23" s="117">
        <v>1267007</v>
      </c>
      <c r="AE23" s="117">
        <v>1453346</v>
      </c>
      <c r="AF23" s="117">
        <v>587145</v>
      </c>
      <c r="AG23" s="116">
        <v>6056315</v>
      </c>
      <c r="AH23" s="119">
        <v>6056315</v>
      </c>
      <c r="AI23" s="113">
        <v>0</v>
      </c>
      <c r="AJ23" s="117">
        <v>0</v>
      </c>
      <c r="AK23" s="116">
        <v>0</v>
      </c>
      <c r="AL23" s="113">
        <v>0</v>
      </c>
      <c r="AM23" s="117">
        <v>36045</v>
      </c>
      <c r="AN23" s="117">
        <v>13412</v>
      </c>
      <c r="AO23" s="117">
        <v>34231</v>
      </c>
      <c r="AP23" s="117">
        <v>276908</v>
      </c>
      <c r="AQ23" s="117">
        <v>291894</v>
      </c>
      <c r="AR23" s="116">
        <v>652490</v>
      </c>
      <c r="AS23" s="119">
        <v>652490</v>
      </c>
      <c r="AT23" s="113">
        <v>51496</v>
      </c>
      <c r="AU23" s="117">
        <v>160393</v>
      </c>
      <c r="AV23" s="116">
        <v>211889</v>
      </c>
      <c r="AW23" s="113">
        <v>0</v>
      </c>
      <c r="AX23" s="117">
        <v>692348</v>
      </c>
      <c r="AY23" s="117">
        <v>837701</v>
      </c>
      <c r="AZ23" s="117">
        <v>506372</v>
      </c>
      <c r="BA23" s="117">
        <v>455876</v>
      </c>
      <c r="BB23" s="117">
        <v>303336</v>
      </c>
      <c r="BC23" s="116">
        <v>2795633</v>
      </c>
      <c r="BD23" s="119">
        <v>3007522</v>
      </c>
      <c r="BE23" s="113">
        <v>0</v>
      </c>
      <c r="BF23" s="117">
        <v>112954</v>
      </c>
      <c r="BG23" s="115">
        <v>112954</v>
      </c>
      <c r="BH23" s="114">
        <v>0</v>
      </c>
      <c r="BI23" s="117">
        <v>116826</v>
      </c>
      <c r="BJ23" s="117">
        <v>129097</v>
      </c>
      <c r="BK23" s="117">
        <v>0</v>
      </c>
      <c r="BL23" s="117">
        <v>58379</v>
      </c>
      <c r="BM23" s="117">
        <v>0</v>
      </c>
      <c r="BN23" s="116">
        <v>304302</v>
      </c>
      <c r="BO23" s="119">
        <v>417256</v>
      </c>
      <c r="BP23" s="113">
        <v>11288</v>
      </c>
      <c r="BQ23" s="117">
        <v>116008</v>
      </c>
      <c r="BR23" s="116">
        <v>127296</v>
      </c>
      <c r="BS23" s="113">
        <v>0</v>
      </c>
      <c r="BT23" s="117">
        <v>349896</v>
      </c>
      <c r="BU23" s="117">
        <v>653720</v>
      </c>
      <c r="BV23" s="117">
        <v>435008</v>
      </c>
      <c r="BW23" s="117">
        <v>310032</v>
      </c>
      <c r="BX23" s="117">
        <v>172760</v>
      </c>
      <c r="BY23" s="116">
        <v>1921416</v>
      </c>
      <c r="BZ23" s="119">
        <v>2048712</v>
      </c>
      <c r="CA23" s="113">
        <v>42519</v>
      </c>
      <c r="CB23" s="117">
        <v>902050</v>
      </c>
      <c r="CC23" s="116">
        <v>944569</v>
      </c>
      <c r="CD23" s="113">
        <v>0</v>
      </c>
      <c r="CE23" s="117">
        <v>2772480</v>
      </c>
      <c r="CF23" s="117">
        <v>3123878</v>
      </c>
      <c r="CG23" s="117">
        <v>2771923</v>
      </c>
      <c r="CH23" s="117">
        <v>965917</v>
      </c>
      <c r="CI23" s="117">
        <v>624122</v>
      </c>
      <c r="CJ23" s="116">
        <v>10258320</v>
      </c>
      <c r="CK23" s="119">
        <v>11202889</v>
      </c>
      <c r="CL23" s="113">
        <v>0</v>
      </c>
      <c r="CM23" s="117">
        <v>0</v>
      </c>
      <c r="CN23" s="116">
        <v>0</v>
      </c>
      <c r="CO23" s="114">
        <v>0</v>
      </c>
      <c r="CP23" s="117">
        <v>2135668</v>
      </c>
      <c r="CQ23" s="117">
        <v>2444089</v>
      </c>
      <c r="CR23" s="117">
        <v>2073822</v>
      </c>
      <c r="CS23" s="117">
        <v>712652</v>
      </c>
      <c r="CT23" s="117">
        <v>409175</v>
      </c>
      <c r="CU23" s="116">
        <v>7775406</v>
      </c>
      <c r="CV23" s="119">
        <v>7775406</v>
      </c>
      <c r="CW23" s="113">
        <v>42519</v>
      </c>
      <c r="CX23" s="117">
        <v>902050</v>
      </c>
      <c r="CY23" s="116">
        <v>944569</v>
      </c>
      <c r="CZ23" s="113">
        <v>0</v>
      </c>
      <c r="DA23" s="117">
        <v>636812</v>
      </c>
      <c r="DB23" s="117">
        <v>679789</v>
      </c>
      <c r="DC23" s="117">
        <v>698101</v>
      </c>
      <c r="DD23" s="117">
        <v>253265</v>
      </c>
      <c r="DE23" s="117">
        <v>214947</v>
      </c>
      <c r="DF23" s="116">
        <v>2482914</v>
      </c>
      <c r="DG23" s="119">
        <v>3427483</v>
      </c>
      <c r="DH23" s="113">
        <v>0</v>
      </c>
      <c r="DI23" s="117">
        <v>0</v>
      </c>
      <c r="DJ23" s="115">
        <v>0</v>
      </c>
      <c r="DK23" s="114">
        <v>0</v>
      </c>
      <c r="DL23" s="117">
        <v>80365</v>
      </c>
      <c r="DM23" s="117">
        <v>362257</v>
      </c>
      <c r="DN23" s="117">
        <v>496615</v>
      </c>
      <c r="DO23" s="117">
        <v>974171</v>
      </c>
      <c r="DP23" s="117">
        <v>387376</v>
      </c>
      <c r="DQ23" s="116">
        <v>2300784</v>
      </c>
      <c r="DR23" s="119">
        <v>2300784</v>
      </c>
      <c r="DS23" s="113">
        <v>0</v>
      </c>
      <c r="DT23" s="117">
        <v>0</v>
      </c>
      <c r="DU23" s="116">
        <v>0</v>
      </c>
      <c r="DV23" s="113">
        <v>0</v>
      </c>
      <c r="DW23" s="117">
        <v>31928</v>
      </c>
      <c r="DX23" s="117">
        <v>362257</v>
      </c>
      <c r="DY23" s="117">
        <v>496615</v>
      </c>
      <c r="DZ23" s="117">
        <v>974171</v>
      </c>
      <c r="EA23" s="117">
        <v>387376</v>
      </c>
      <c r="EB23" s="116">
        <v>2252347</v>
      </c>
      <c r="EC23" s="119">
        <v>2252347</v>
      </c>
      <c r="ED23" s="113">
        <v>0</v>
      </c>
      <c r="EE23" s="115">
        <v>0</v>
      </c>
      <c r="EF23" s="116">
        <v>0</v>
      </c>
      <c r="EG23" s="113">
        <v>0</v>
      </c>
      <c r="EH23" s="117">
        <v>48437</v>
      </c>
      <c r="EI23" s="117">
        <v>0</v>
      </c>
      <c r="EJ23" s="117">
        <v>0</v>
      </c>
      <c r="EK23" s="117">
        <v>0</v>
      </c>
      <c r="EL23" s="117">
        <v>0</v>
      </c>
      <c r="EM23" s="115">
        <v>48437</v>
      </c>
      <c r="EN23" s="119">
        <v>48437</v>
      </c>
      <c r="EO23" s="113">
        <v>0</v>
      </c>
      <c r="EP23" s="117">
        <v>0</v>
      </c>
      <c r="EQ23" s="115">
        <v>0</v>
      </c>
      <c r="ER23" s="114">
        <v>0</v>
      </c>
      <c r="ES23" s="117">
        <v>0</v>
      </c>
      <c r="ET23" s="117">
        <v>0</v>
      </c>
      <c r="EU23" s="117">
        <v>0</v>
      </c>
      <c r="EV23" s="117">
        <v>0</v>
      </c>
      <c r="EW23" s="117">
        <v>0</v>
      </c>
      <c r="EX23" s="116">
        <v>0</v>
      </c>
      <c r="EY23" s="119">
        <v>0</v>
      </c>
      <c r="EZ23" s="113">
        <v>0</v>
      </c>
      <c r="FA23" s="117">
        <v>0</v>
      </c>
      <c r="FB23" s="115">
        <v>0</v>
      </c>
      <c r="FC23" s="387"/>
      <c r="FD23" s="117">
        <v>0</v>
      </c>
      <c r="FE23" s="117">
        <v>0</v>
      </c>
      <c r="FF23" s="117">
        <v>0</v>
      </c>
      <c r="FG23" s="117">
        <v>0</v>
      </c>
      <c r="FH23" s="117">
        <v>0</v>
      </c>
      <c r="FI23" s="116">
        <v>0</v>
      </c>
      <c r="FJ23" s="119">
        <v>0</v>
      </c>
      <c r="FK23" s="113">
        <v>39472</v>
      </c>
      <c r="FL23" s="117">
        <v>164192</v>
      </c>
      <c r="FM23" s="116">
        <v>203664</v>
      </c>
      <c r="FN23" s="113">
        <v>0</v>
      </c>
      <c r="FO23" s="117">
        <v>628928</v>
      </c>
      <c r="FP23" s="117">
        <v>705080</v>
      </c>
      <c r="FQ23" s="117">
        <v>633040</v>
      </c>
      <c r="FR23" s="117">
        <v>543792</v>
      </c>
      <c r="FS23" s="117">
        <v>155980</v>
      </c>
      <c r="FT23" s="116">
        <v>2666820</v>
      </c>
      <c r="FU23" s="119">
        <v>2870484</v>
      </c>
      <c r="FV23" s="118">
        <v>39472</v>
      </c>
      <c r="FW23" s="117">
        <v>164192</v>
      </c>
      <c r="FX23" s="115">
        <v>203664</v>
      </c>
      <c r="FY23" s="114">
        <v>0</v>
      </c>
      <c r="FZ23" s="117">
        <v>253648</v>
      </c>
      <c r="GA23" s="117">
        <v>705080</v>
      </c>
      <c r="GB23" s="117">
        <v>478640</v>
      </c>
      <c r="GC23" s="117">
        <v>528744</v>
      </c>
      <c r="GD23" s="117">
        <v>146080</v>
      </c>
      <c r="GE23" s="116">
        <v>2112192</v>
      </c>
      <c r="GF23" s="351">
        <v>2315856</v>
      </c>
      <c r="GG23" s="118">
        <v>0</v>
      </c>
      <c r="GH23" s="117">
        <v>0</v>
      </c>
      <c r="GI23" s="115">
        <v>0</v>
      </c>
      <c r="GJ23" s="114">
        <v>0</v>
      </c>
      <c r="GK23" s="117">
        <v>9680</v>
      </c>
      <c r="GL23" s="117">
        <v>0</v>
      </c>
      <c r="GM23" s="117">
        <v>0</v>
      </c>
      <c r="GN23" s="117">
        <v>15048</v>
      </c>
      <c r="GO23" s="117">
        <v>9900</v>
      </c>
      <c r="GP23" s="116">
        <v>34628</v>
      </c>
      <c r="GQ23" s="119">
        <v>34628</v>
      </c>
      <c r="GR23" s="113">
        <v>0</v>
      </c>
      <c r="GS23" s="117">
        <v>0</v>
      </c>
      <c r="GT23" s="116">
        <v>0</v>
      </c>
      <c r="GU23" s="113">
        <v>0</v>
      </c>
      <c r="GV23" s="117">
        <v>365600</v>
      </c>
      <c r="GW23" s="117">
        <v>0</v>
      </c>
      <c r="GX23" s="117">
        <v>154400</v>
      </c>
      <c r="GY23" s="117">
        <v>0</v>
      </c>
      <c r="GZ23" s="117">
        <v>0</v>
      </c>
      <c r="HA23" s="115">
        <v>520000</v>
      </c>
      <c r="HB23" s="119">
        <v>520000</v>
      </c>
      <c r="HC23" s="113">
        <v>53946</v>
      </c>
      <c r="HD23" s="117">
        <v>279464</v>
      </c>
      <c r="HE23" s="115">
        <v>333410</v>
      </c>
      <c r="HF23" s="114">
        <v>0</v>
      </c>
      <c r="HG23" s="117">
        <v>1576412</v>
      </c>
      <c r="HH23" s="117">
        <v>2127646</v>
      </c>
      <c r="HI23" s="117">
        <v>2715490</v>
      </c>
      <c r="HJ23" s="117">
        <v>1030713</v>
      </c>
      <c r="HK23" s="117">
        <v>1427785</v>
      </c>
      <c r="HL23" s="116">
        <v>8878046</v>
      </c>
      <c r="HM23" s="112">
        <v>9211456</v>
      </c>
      <c r="HN23" s="367"/>
      <c r="HO23" s="368"/>
      <c r="HP23" s="369"/>
      <c r="HQ23" s="370"/>
      <c r="HR23" s="368"/>
      <c r="HS23" s="368"/>
      <c r="HT23" s="368"/>
      <c r="HU23" s="368"/>
      <c r="HV23" s="368"/>
      <c r="HW23" s="371"/>
      <c r="HX23" s="372"/>
      <c r="HY23" s="149">
        <v>135030</v>
      </c>
      <c r="HZ23" s="150">
        <v>0</v>
      </c>
      <c r="IA23" s="151">
        <v>135030</v>
      </c>
      <c r="IB23" s="164">
        <v>0</v>
      </c>
      <c r="IC23" s="150">
        <v>2212861</v>
      </c>
      <c r="ID23" s="165">
        <v>2968627</v>
      </c>
      <c r="IE23" s="151">
        <v>1833850</v>
      </c>
      <c r="IF23" s="150">
        <v>1408186</v>
      </c>
      <c r="IG23" s="151">
        <v>388340</v>
      </c>
      <c r="IH23" s="166">
        <v>8811864</v>
      </c>
      <c r="II23" s="157">
        <v>8946894</v>
      </c>
      <c r="IJ23" s="262">
        <v>0</v>
      </c>
      <c r="IK23" s="269">
        <v>0</v>
      </c>
      <c r="IL23" s="270">
        <v>0</v>
      </c>
      <c r="IM23" s="158"/>
      <c r="IN23" s="123">
        <v>0</v>
      </c>
      <c r="IO23" s="123">
        <v>0</v>
      </c>
      <c r="IP23" s="123">
        <v>0</v>
      </c>
      <c r="IQ23" s="123">
        <v>0</v>
      </c>
      <c r="IR23" s="123">
        <v>0</v>
      </c>
      <c r="IS23" s="159">
        <v>0</v>
      </c>
      <c r="IT23" s="354">
        <v>0</v>
      </c>
      <c r="IU23" s="160">
        <v>0</v>
      </c>
      <c r="IV23" s="123">
        <v>0</v>
      </c>
      <c r="IW23" s="124">
        <v>0</v>
      </c>
      <c r="IX23" s="162"/>
      <c r="IY23" s="123">
        <v>0</v>
      </c>
      <c r="IZ23" s="123">
        <v>0</v>
      </c>
      <c r="JA23" s="123">
        <v>0</v>
      </c>
      <c r="JB23" s="123">
        <v>0</v>
      </c>
      <c r="JC23" s="123">
        <v>0</v>
      </c>
      <c r="JD23" s="124">
        <v>0</v>
      </c>
      <c r="JE23" s="125">
        <v>0</v>
      </c>
      <c r="JF23" s="160">
        <v>0</v>
      </c>
      <c r="JG23" s="123">
        <v>0</v>
      </c>
      <c r="JH23" s="159">
        <v>0</v>
      </c>
      <c r="JI23" s="122">
        <v>0</v>
      </c>
      <c r="JJ23" s="123">
        <v>781473</v>
      </c>
      <c r="JK23" s="123">
        <v>1228448</v>
      </c>
      <c r="JL23" s="123">
        <v>163553</v>
      </c>
      <c r="JM23" s="123">
        <v>22805</v>
      </c>
      <c r="JN23" s="123">
        <v>0</v>
      </c>
      <c r="JO23" s="124">
        <v>2196279</v>
      </c>
      <c r="JP23" s="354">
        <v>2196279</v>
      </c>
      <c r="JQ23" s="160">
        <v>0</v>
      </c>
      <c r="JR23" s="123">
        <v>0</v>
      </c>
      <c r="JS23" s="159">
        <v>0</v>
      </c>
      <c r="JT23" s="122">
        <v>0</v>
      </c>
      <c r="JU23" s="123">
        <v>169920</v>
      </c>
      <c r="JV23" s="123">
        <v>0</v>
      </c>
      <c r="JW23" s="123">
        <v>183914</v>
      </c>
      <c r="JX23" s="123">
        <v>13166</v>
      </c>
      <c r="JY23" s="123">
        <v>128177</v>
      </c>
      <c r="JZ23" s="124">
        <v>495177</v>
      </c>
      <c r="KA23" s="354">
        <v>495177</v>
      </c>
      <c r="KB23" s="265">
        <v>135030</v>
      </c>
      <c r="KC23" s="259">
        <v>0</v>
      </c>
      <c r="KD23" s="124">
        <v>135030</v>
      </c>
      <c r="KE23" s="122">
        <v>0</v>
      </c>
      <c r="KF23" s="123">
        <v>480730</v>
      </c>
      <c r="KG23" s="123">
        <v>534747</v>
      </c>
      <c r="KH23" s="123">
        <v>475897</v>
      </c>
      <c r="KI23" s="123">
        <v>261217</v>
      </c>
      <c r="KJ23" s="123">
        <v>0</v>
      </c>
      <c r="KK23" s="124">
        <v>1752591</v>
      </c>
      <c r="KL23" s="161">
        <v>1887621</v>
      </c>
      <c r="KM23" s="262">
        <v>0</v>
      </c>
      <c r="KN23" s="269">
        <v>0</v>
      </c>
      <c r="KO23" s="270">
        <v>0</v>
      </c>
      <c r="KP23" s="158"/>
      <c r="KQ23" s="123">
        <v>780738</v>
      </c>
      <c r="KR23" s="123">
        <v>1205432</v>
      </c>
      <c r="KS23" s="123">
        <v>1010486</v>
      </c>
      <c r="KT23" s="123">
        <v>516806</v>
      </c>
      <c r="KU23" s="123">
        <v>260163</v>
      </c>
      <c r="KV23" s="124">
        <v>3773625</v>
      </c>
      <c r="KW23" s="354">
        <v>3773625</v>
      </c>
      <c r="KX23" s="160">
        <v>0</v>
      </c>
      <c r="KY23" s="123">
        <v>0</v>
      </c>
      <c r="KZ23" s="124">
        <v>0</v>
      </c>
      <c r="LA23" s="163"/>
      <c r="LB23" s="123">
        <v>0</v>
      </c>
      <c r="LC23" s="123">
        <v>0</v>
      </c>
      <c r="LD23" s="123">
        <v>0</v>
      </c>
      <c r="LE23" s="123">
        <v>0</v>
      </c>
      <c r="LF23" s="123">
        <v>0</v>
      </c>
      <c r="LG23" s="124">
        <v>0</v>
      </c>
      <c r="LH23" s="125">
        <v>0</v>
      </c>
      <c r="LI23" s="160">
        <v>0</v>
      </c>
      <c r="LJ23" s="123">
        <v>0</v>
      </c>
      <c r="LK23" s="124">
        <v>0</v>
      </c>
      <c r="LL23" s="163"/>
      <c r="LM23" s="123">
        <v>0</v>
      </c>
      <c r="LN23" s="123">
        <v>0</v>
      </c>
      <c r="LO23" s="123">
        <v>0</v>
      </c>
      <c r="LP23" s="123">
        <v>0</v>
      </c>
      <c r="LQ23" s="123">
        <v>0</v>
      </c>
      <c r="LR23" s="124">
        <v>0</v>
      </c>
      <c r="LS23" s="354">
        <v>0</v>
      </c>
      <c r="LT23" s="160">
        <v>0</v>
      </c>
      <c r="LU23" s="123">
        <v>0</v>
      </c>
      <c r="LV23" s="124">
        <v>0</v>
      </c>
      <c r="LW23" s="163"/>
      <c r="LX23" s="123">
        <v>0</v>
      </c>
      <c r="LY23" s="123">
        <v>0</v>
      </c>
      <c r="LZ23" s="123">
        <v>0</v>
      </c>
      <c r="MA23" s="123">
        <v>594192</v>
      </c>
      <c r="MB23" s="123">
        <v>0</v>
      </c>
      <c r="MC23" s="124">
        <v>594192</v>
      </c>
      <c r="MD23" s="125">
        <v>594192</v>
      </c>
      <c r="ME23" s="160">
        <v>0</v>
      </c>
      <c r="MF23" s="123">
        <v>0</v>
      </c>
      <c r="MG23" s="124">
        <v>0</v>
      </c>
      <c r="MH23" s="163"/>
      <c r="MI23" s="123">
        <v>0</v>
      </c>
      <c r="MJ23" s="123">
        <v>267118</v>
      </c>
      <c r="MK23" s="123">
        <v>5231241</v>
      </c>
      <c r="ML23" s="123">
        <v>5598241</v>
      </c>
      <c r="MM23" s="123">
        <v>4076636</v>
      </c>
      <c r="MN23" s="124">
        <v>15173236</v>
      </c>
      <c r="MO23" s="161">
        <v>15173236</v>
      </c>
      <c r="MP23" s="160">
        <v>0</v>
      </c>
      <c r="MQ23" s="123">
        <v>0</v>
      </c>
      <c r="MR23" s="124">
        <v>0</v>
      </c>
      <c r="MS23" s="163"/>
      <c r="MT23" s="123">
        <v>0</v>
      </c>
      <c r="MU23" s="123">
        <v>0</v>
      </c>
      <c r="MV23" s="123">
        <v>3119091</v>
      </c>
      <c r="MW23" s="123">
        <v>4015254</v>
      </c>
      <c r="MX23" s="123">
        <v>1579552</v>
      </c>
      <c r="MY23" s="124">
        <v>8713897</v>
      </c>
      <c r="MZ23" s="161">
        <v>8713897</v>
      </c>
      <c r="NA23" s="160">
        <v>0</v>
      </c>
      <c r="NB23" s="123">
        <v>0</v>
      </c>
      <c r="NC23" s="124">
        <v>0</v>
      </c>
      <c r="ND23" s="163"/>
      <c r="NE23" s="123">
        <v>0</v>
      </c>
      <c r="NF23" s="123">
        <v>267118</v>
      </c>
      <c r="NG23" s="123">
        <v>2112150</v>
      </c>
      <c r="NH23" s="123">
        <v>1582987</v>
      </c>
      <c r="NI23" s="123">
        <v>1999869</v>
      </c>
      <c r="NJ23" s="124">
        <v>5962124</v>
      </c>
      <c r="NK23" s="354">
        <v>5962124</v>
      </c>
      <c r="NL23" s="160">
        <v>0</v>
      </c>
      <c r="NM23" s="123">
        <v>0</v>
      </c>
      <c r="NN23" s="124">
        <v>0</v>
      </c>
      <c r="NO23" s="163"/>
      <c r="NP23" s="123">
        <v>0</v>
      </c>
      <c r="NQ23" s="123">
        <v>0</v>
      </c>
      <c r="NR23" s="123">
        <v>0</v>
      </c>
      <c r="NS23" s="123">
        <v>0</v>
      </c>
      <c r="NT23" s="123">
        <v>0</v>
      </c>
      <c r="NU23" s="124">
        <v>0</v>
      </c>
      <c r="NV23" s="125">
        <v>0</v>
      </c>
      <c r="NW23" s="160">
        <v>0</v>
      </c>
      <c r="NX23" s="123">
        <v>0</v>
      </c>
      <c r="NY23" s="124">
        <v>0</v>
      </c>
      <c r="NZ23" s="163"/>
      <c r="OA23" s="123">
        <v>0</v>
      </c>
      <c r="OB23" s="123">
        <v>0</v>
      </c>
      <c r="OC23" s="123">
        <v>0</v>
      </c>
      <c r="OD23" s="123">
        <v>0</v>
      </c>
      <c r="OE23" s="123">
        <v>497215</v>
      </c>
      <c r="OF23" s="124">
        <v>497215</v>
      </c>
      <c r="OG23" s="125">
        <v>497215</v>
      </c>
      <c r="OH23" s="160">
        <v>333751</v>
      </c>
      <c r="OI23" s="123">
        <v>1735061</v>
      </c>
      <c r="OJ23" s="159">
        <v>2068812</v>
      </c>
      <c r="OK23" s="122">
        <v>0</v>
      </c>
      <c r="OL23" s="123">
        <v>9097378</v>
      </c>
      <c r="OM23" s="123">
        <v>13306136</v>
      </c>
      <c r="ON23" s="123">
        <v>15924777</v>
      </c>
      <c r="OO23" s="123">
        <v>13075561</v>
      </c>
      <c r="OP23" s="123">
        <v>8415374</v>
      </c>
      <c r="OQ23" s="124">
        <v>59819226</v>
      </c>
      <c r="OR23" s="161">
        <v>61888038</v>
      </c>
    </row>
    <row r="24" spans="1:408" ht="20.25" customHeight="1" x14ac:dyDescent="0.2">
      <c r="A24" s="130" t="s">
        <v>19</v>
      </c>
      <c r="B24" s="113">
        <v>61042</v>
      </c>
      <c r="C24" s="117">
        <v>506896</v>
      </c>
      <c r="D24" s="116">
        <v>567938</v>
      </c>
      <c r="E24" s="112">
        <v>0</v>
      </c>
      <c r="F24" s="117">
        <v>4607025</v>
      </c>
      <c r="G24" s="117">
        <v>3900731</v>
      </c>
      <c r="H24" s="117">
        <v>2621377</v>
      </c>
      <c r="I24" s="117">
        <v>3047502</v>
      </c>
      <c r="J24" s="117">
        <v>1043916</v>
      </c>
      <c r="K24" s="112">
        <v>15220551</v>
      </c>
      <c r="L24" s="119">
        <v>15788489</v>
      </c>
      <c r="M24" s="113">
        <v>24284</v>
      </c>
      <c r="N24" s="117">
        <v>39071</v>
      </c>
      <c r="O24" s="116">
        <v>63355</v>
      </c>
      <c r="P24" s="113">
        <v>0</v>
      </c>
      <c r="Q24" s="117">
        <v>1597686</v>
      </c>
      <c r="R24" s="117">
        <v>1167863</v>
      </c>
      <c r="S24" s="117">
        <v>613860</v>
      </c>
      <c r="T24" s="117">
        <v>1526040</v>
      </c>
      <c r="U24" s="117">
        <v>647332</v>
      </c>
      <c r="V24" s="116">
        <v>5552781</v>
      </c>
      <c r="W24" s="119">
        <v>5616136</v>
      </c>
      <c r="X24" s="113">
        <v>0</v>
      </c>
      <c r="Y24" s="117">
        <v>0</v>
      </c>
      <c r="Z24" s="116">
        <v>0</v>
      </c>
      <c r="AA24" s="113">
        <v>0</v>
      </c>
      <c r="AB24" s="117">
        <v>749192</v>
      </c>
      <c r="AC24" s="117">
        <v>401190</v>
      </c>
      <c r="AD24" s="117">
        <v>228638</v>
      </c>
      <c r="AE24" s="117">
        <v>698474</v>
      </c>
      <c r="AF24" s="117">
        <v>37512</v>
      </c>
      <c r="AG24" s="116">
        <v>2115006</v>
      </c>
      <c r="AH24" s="119">
        <v>2115006</v>
      </c>
      <c r="AI24" s="113">
        <v>0</v>
      </c>
      <c r="AJ24" s="117">
        <v>0</v>
      </c>
      <c r="AK24" s="116">
        <v>0</v>
      </c>
      <c r="AL24" s="113">
        <v>0</v>
      </c>
      <c r="AM24" s="117">
        <v>0</v>
      </c>
      <c r="AN24" s="117">
        <v>11559</v>
      </c>
      <c r="AO24" s="117">
        <v>0</v>
      </c>
      <c r="AP24" s="117">
        <v>267352</v>
      </c>
      <c r="AQ24" s="117">
        <v>222314</v>
      </c>
      <c r="AR24" s="116">
        <v>501225</v>
      </c>
      <c r="AS24" s="119">
        <v>501225</v>
      </c>
      <c r="AT24" s="113">
        <v>19516</v>
      </c>
      <c r="AU24" s="117">
        <v>18455</v>
      </c>
      <c r="AV24" s="116">
        <v>37971</v>
      </c>
      <c r="AW24" s="113">
        <v>0</v>
      </c>
      <c r="AX24" s="117">
        <v>459286</v>
      </c>
      <c r="AY24" s="117">
        <v>509862</v>
      </c>
      <c r="AZ24" s="117">
        <v>147275</v>
      </c>
      <c r="BA24" s="117">
        <v>395614</v>
      </c>
      <c r="BB24" s="117">
        <v>312546</v>
      </c>
      <c r="BC24" s="116">
        <v>1824583</v>
      </c>
      <c r="BD24" s="119">
        <v>1862554</v>
      </c>
      <c r="BE24" s="113">
        <v>0</v>
      </c>
      <c r="BF24" s="117">
        <v>0</v>
      </c>
      <c r="BG24" s="115">
        <v>0</v>
      </c>
      <c r="BH24" s="114">
        <v>0</v>
      </c>
      <c r="BI24" s="117">
        <v>0</v>
      </c>
      <c r="BJ24" s="117">
        <v>80220</v>
      </c>
      <c r="BK24" s="117">
        <v>75315</v>
      </c>
      <c r="BL24" s="117">
        <v>0</v>
      </c>
      <c r="BM24" s="117">
        <v>0</v>
      </c>
      <c r="BN24" s="116">
        <v>155535</v>
      </c>
      <c r="BO24" s="119">
        <v>155535</v>
      </c>
      <c r="BP24" s="113">
        <v>4768</v>
      </c>
      <c r="BQ24" s="117">
        <v>20616</v>
      </c>
      <c r="BR24" s="116">
        <v>25384</v>
      </c>
      <c r="BS24" s="113">
        <v>0</v>
      </c>
      <c r="BT24" s="117">
        <v>389208</v>
      </c>
      <c r="BU24" s="117">
        <v>165032</v>
      </c>
      <c r="BV24" s="117">
        <v>162632</v>
      </c>
      <c r="BW24" s="117">
        <v>164600</v>
      </c>
      <c r="BX24" s="117">
        <v>74960</v>
      </c>
      <c r="BY24" s="116">
        <v>956432</v>
      </c>
      <c r="BZ24" s="119">
        <v>981816</v>
      </c>
      <c r="CA24" s="113">
        <v>21158</v>
      </c>
      <c r="CB24" s="117">
        <v>77220</v>
      </c>
      <c r="CC24" s="116">
        <v>98378</v>
      </c>
      <c r="CD24" s="113">
        <v>0</v>
      </c>
      <c r="CE24" s="117">
        <v>1463030</v>
      </c>
      <c r="CF24" s="117">
        <v>1583585</v>
      </c>
      <c r="CG24" s="117">
        <v>1017138</v>
      </c>
      <c r="CH24" s="117">
        <v>340014</v>
      </c>
      <c r="CI24" s="117">
        <v>21558</v>
      </c>
      <c r="CJ24" s="116">
        <v>4425325</v>
      </c>
      <c r="CK24" s="119">
        <v>4523703</v>
      </c>
      <c r="CL24" s="113">
        <v>0</v>
      </c>
      <c r="CM24" s="117">
        <v>0</v>
      </c>
      <c r="CN24" s="116">
        <v>0</v>
      </c>
      <c r="CO24" s="114">
        <v>0</v>
      </c>
      <c r="CP24" s="117">
        <v>1030971</v>
      </c>
      <c r="CQ24" s="117">
        <v>1077858</v>
      </c>
      <c r="CR24" s="117">
        <v>675449</v>
      </c>
      <c r="CS24" s="117">
        <v>90762</v>
      </c>
      <c r="CT24" s="117">
        <v>21558</v>
      </c>
      <c r="CU24" s="116">
        <v>2896598</v>
      </c>
      <c r="CV24" s="119">
        <v>2896598</v>
      </c>
      <c r="CW24" s="113">
        <v>21158</v>
      </c>
      <c r="CX24" s="117">
        <v>77220</v>
      </c>
      <c r="CY24" s="116">
        <v>98378</v>
      </c>
      <c r="CZ24" s="113">
        <v>0</v>
      </c>
      <c r="DA24" s="117">
        <v>432059</v>
      </c>
      <c r="DB24" s="117">
        <v>505727</v>
      </c>
      <c r="DC24" s="117">
        <v>341689</v>
      </c>
      <c r="DD24" s="117">
        <v>249252</v>
      </c>
      <c r="DE24" s="117">
        <v>0</v>
      </c>
      <c r="DF24" s="116">
        <v>1528727</v>
      </c>
      <c r="DG24" s="119">
        <v>1627105</v>
      </c>
      <c r="DH24" s="113">
        <v>0</v>
      </c>
      <c r="DI24" s="117">
        <v>40160</v>
      </c>
      <c r="DJ24" s="115">
        <v>40160</v>
      </c>
      <c r="DK24" s="114">
        <v>0</v>
      </c>
      <c r="DL24" s="117">
        <v>14258</v>
      </c>
      <c r="DM24" s="117">
        <v>140947</v>
      </c>
      <c r="DN24" s="117">
        <v>144092</v>
      </c>
      <c r="DO24" s="117">
        <v>30187</v>
      </c>
      <c r="DP24" s="117">
        <v>0</v>
      </c>
      <c r="DQ24" s="116">
        <v>329484</v>
      </c>
      <c r="DR24" s="119">
        <v>369644</v>
      </c>
      <c r="DS24" s="113">
        <v>0</v>
      </c>
      <c r="DT24" s="117">
        <v>0</v>
      </c>
      <c r="DU24" s="116">
        <v>0</v>
      </c>
      <c r="DV24" s="113">
        <v>0</v>
      </c>
      <c r="DW24" s="117">
        <v>14258</v>
      </c>
      <c r="DX24" s="117">
        <v>140947</v>
      </c>
      <c r="DY24" s="117">
        <v>18609</v>
      </c>
      <c r="DZ24" s="117">
        <v>0</v>
      </c>
      <c r="EA24" s="117">
        <v>0</v>
      </c>
      <c r="EB24" s="116">
        <v>173814</v>
      </c>
      <c r="EC24" s="119">
        <v>173814</v>
      </c>
      <c r="ED24" s="113">
        <v>0</v>
      </c>
      <c r="EE24" s="115">
        <v>40160</v>
      </c>
      <c r="EF24" s="116">
        <v>40160</v>
      </c>
      <c r="EG24" s="113">
        <v>0</v>
      </c>
      <c r="EH24" s="117">
        <v>0</v>
      </c>
      <c r="EI24" s="117">
        <v>0</v>
      </c>
      <c r="EJ24" s="117">
        <v>125483</v>
      </c>
      <c r="EK24" s="117">
        <v>30187</v>
      </c>
      <c r="EL24" s="117">
        <v>0</v>
      </c>
      <c r="EM24" s="115">
        <v>155670</v>
      </c>
      <c r="EN24" s="119">
        <v>195830</v>
      </c>
      <c r="EO24" s="113">
        <v>0</v>
      </c>
      <c r="EP24" s="117">
        <v>0</v>
      </c>
      <c r="EQ24" s="115">
        <v>0</v>
      </c>
      <c r="ER24" s="114">
        <v>0</v>
      </c>
      <c r="ES24" s="117">
        <v>0</v>
      </c>
      <c r="ET24" s="117">
        <v>0</v>
      </c>
      <c r="EU24" s="117">
        <v>0</v>
      </c>
      <c r="EV24" s="117">
        <v>0</v>
      </c>
      <c r="EW24" s="117">
        <v>0</v>
      </c>
      <c r="EX24" s="116">
        <v>0</v>
      </c>
      <c r="EY24" s="119">
        <v>0</v>
      </c>
      <c r="EZ24" s="113">
        <v>0</v>
      </c>
      <c r="FA24" s="117">
        <v>0</v>
      </c>
      <c r="FB24" s="115">
        <v>0</v>
      </c>
      <c r="FC24" s="387"/>
      <c r="FD24" s="117">
        <v>0</v>
      </c>
      <c r="FE24" s="117">
        <v>0</v>
      </c>
      <c r="FF24" s="117">
        <v>0</v>
      </c>
      <c r="FG24" s="117">
        <v>0</v>
      </c>
      <c r="FH24" s="117">
        <v>0</v>
      </c>
      <c r="FI24" s="116">
        <v>0</v>
      </c>
      <c r="FJ24" s="119">
        <v>0</v>
      </c>
      <c r="FK24" s="113">
        <v>15600</v>
      </c>
      <c r="FL24" s="117">
        <v>71824</v>
      </c>
      <c r="FM24" s="116">
        <v>87424</v>
      </c>
      <c r="FN24" s="113">
        <v>0</v>
      </c>
      <c r="FO24" s="117">
        <v>261104</v>
      </c>
      <c r="FP24" s="117">
        <v>474254</v>
      </c>
      <c r="FQ24" s="117">
        <v>246360</v>
      </c>
      <c r="FR24" s="117">
        <v>369504</v>
      </c>
      <c r="FS24" s="117">
        <v>140320</v>
      </c>
      <c r="FT24" s="116">
        <v>1491542</v>
      </c>
      <c r="FU24" s="119">
        <v>1578966</v>
      </c>
      <c r="FV24" s="118">
        <v>15600</v>
      </c>
      <c r="FW24" s="117">
        <v>50440</v>
      </c>
      <c r="FX24" s="115">
        <v>66040</v>
      </c>
      <c r="FY24" s="114">
        <v>0</v>
      </c>
      <c r="FZ24" s="117">
        <v>158448</v>
      </c>
      <c r="GA24" s="117">
        <v>347584</v>
      </c>
      <c r="GB24" s="117">
        <v>227352</v>
      </c>
      <c r="GC24" s="117">
        <v>220352</v>
      </c>
      <c r="GD24" s="117">
        <v>140320</v>
      </c>
      <c r="GE24" s="116">
        <v>1094056</v>
      </c>
      <c r="GF24" s="351">
        <v>1160096</v>
      </c>
      <c r="GG24" s="118">
        <v>0</v>
      </c>
      <c r="GH24" s="117">
        <v>21384</v>
      </c>
      <c r="GI24" s="115">
        <v>21384</v>
      </c>
      <c r="GJ24" s="114">
        <v>0</v>
      </c>
      <c r="GK24" s="117">
        <v>18656</v>
      </c>
      <c r="GL24" s="117">
        <v>0</v>
      </c>
      <c r="GM24" s="117">
        <v>19008</v>
      </c>
      <c r="GN24" s="117">
        <v>32032</v>
      </c>
      <c r="GO24" s="117">
        <v>0</v>
      </c>
      <c r="GP24" s="116">
        <v>69696</v>
      </c>
      <c r="GQ24" s="119">
        <v>91080</v>
      </c>
      <c r="GR24" s="113">
        <v>0</v>
      </c>
      <c r="GS24" s="117">
        <v>0</v>
      </c>
      <c r="GT24" s="116">
        <v>0</v>
      </c>
      <c r="GU24" s="113">
        <v>0</v>
      </c>
      <c r="GV24" s="117">
        <v>84000</v>
      </c>
      <c r="GW24" s="117">
        <v>126670</v>
      </c>
      <c r="GX24" s="117">
        <v>0</v>
      </c>
      <c r="GY24" s="117">
        <v>117120</v>
      </c>
      <c r="GZ24" s="117">
        <v>0</v>
      </c>
      <c r="HA24" s="115">
        <v>327790</v>
      </c>
      <c r="HB24" s="119">
        <v>327790</v>
      </c>
      <c r="HC24" s="113">
        <v>0</v>
      </c>
      <c r="HD24" s="117">
        <v>278621</v>
      </c>
      <c r="HE24" s="115">
        <v>278621</v>
      </c>
      <c r="HF24" s="114">
        <v>0</v>
      </c>
      <c r="HG24" s="117">
        <v>1270947</v>
      </c>
      <c r="HH24" s="117">
        <v>534082</v>
      </c>
      <c r="HI24" s="117">
        <v>599927</v>
      </c>
      <c r="HJ24" s="117">
        <v>781757</v>
      </c>
      <c r="HK24" s="117">
        <v>234706</v>
      </c>
      <c r="HL24" s="116">
        <v>3421419</v>
      </c>
      <c r="HM24" s="112">
        <v>3700040</v>
      </c>
      <c r="HN24" s="367"/>
      <c r="HO24" s="368"/>
      <c r="HP24" s="369"/>
      <c r="HQ24" s="370"/>
      <c r="HR24" s="368"/>
      <c r="HS24" s="368"/>
      <c r="HT24" s="368"/>
      <c r="HU24" s="368"/>
      <c r="HV24" s="368"/>
      <c r="HW24" s="371"/>
      <c r="HX24" s="372"/>
      <c r="HY24" s="168">
        <v>0</v>
      </c>
      <c r="HZ24" s="153">
        <v>86619</v>
      </c>
      <c r="IA24" s="168">
        <v>86619</v>
      </c>
      <c r="IB24" s="152">
        <v>0</v>
      </c>
      <c r="IC24" s="153">
        <v>698343</v>
      </c>
      <c r="ID24" s="154">
        <v>1189642</v>
      </c>
      <c r="IE24" s="155">
        <v>458574</v>
      </c>
      <c r="IF24" s="153">
        <v>72037</v>
      </c>
      <c r="IG24" s="155">
        <v>809942</v>
      </c>
      <c r="IH24" s="156">
        <v>3228538</v>
      </c>
      <c r="II24" s="168">
        <v>3315157</v>
      </c>
      <c r="IJ24" s="262">
        <v>0</v>
      </c>
      <c r="IK24" s="269">
        <v>0</v>
      </c>
      <c r="IL24" s="270">
        <v>0</v>
      </c>
      <c r="IM24" s="158"/>
      <c r="IN24" s="123">
        <v>52489</v>
      </c>
      <c r="IO24" s="123">
        <v>0</v>
      </c>
      <c r="IP24" s="123">
        <v>193618</v>
      </c>
      <c r="IQ24" s="123">
        <v>0</v>
      </c>
      <c r="IR24" s="123">
        <v>0</v>
      </c>
      <c r="IS24" s="159">
        <v>246107</v>
      </c>
      <c r="IT24" s="354">
        <v>246107</v>
      </c>
      <c r="IU24" s="160">
        <v>0</v>
      </c>
      <c r="IV24" s="123">
        <v>0</v>
      </c>
      <c r="IW24" s="124">
        <v>0</v>
      </c>
      <c r="IX24" s="162"/>
      <c r="IY24" s="123">
        <v>0</v>
      </c>
      <c r="IZ24" s="123">
        <v>0</v>
      </c>
      <c r="JA24" s="123">
        <v>0</v>
      </c>
      <c r="JB24" s="123">
        <v>0</v>
      </c>
      <c r="JC24" s="123">
        <v>0</v>
      </c>
      <c r="JD24" s="124">
        <v>0</v>
      </c>
      <c r="JE24" s="125">
        <v>0</v>
      </c>
      <c r="JF24" s="160">
        <v>0</v>
      </c>
      <c r="JG24" s="123">
        <v>0</v>
      </c>
      <c r="JH24" s="159">
        <v>0</v>
      </c>
      <c r="JI24" s="122">
        <v>0</v>
      </c>
      <c r="JJ24" s="123">
        <v>274420</v>
      </c>
      <c r="JK24" s="123">
        <v>180238</v>
      </c>
      <c r="JL24" s="123">
        <v>0</v>
      </c>
      <c r="JM24" s="123">
        <v>72037</v>
      </c>
      <c r="JN24" s="123">
        <v>0</v>
      </c>
      <c r="JO24" s="124">
        <v>526695</v>
      </c>
      <c r="JP24" s="354">
        <v>526695</v>
      </c>
      <c r="JQ24" s="160">
        <v>0</v>
      </c>
      <c r="JR24" s="123">
        <v>0</v>
      </c>
      <c r="JS24" s="159">
        <v>0</v>
      </c>
      <c r="JT24" s="122">
        <v>0</v>
      </c>
      <c r="JU24" s="123">
        <v>0</v>
      </c>
      <c r="JV24" s="123">
        <v>468053</v>
      </c>
      <c r="JW24" s="123">
        <v>61215</v>
      </c>
      <c r="JX24" s="123">
        <v>0</v>
      </c>
      <c r="JY24" s="123">
        <v>0</v>
      </c>
      <c r="JZ24" s="124">
        <v>529268</v>
      </c>
      <c r="KA24" s="354">
        <v>529268</v>
      </c>
      <c r="KB24" s="265">
        <v>0</v>
      </c>
      <c r="KC24" s="259">
        <v>86619</v>
      </c>
      <c r="KD24" s="124">
        <v>86619</v>
      </c>
      <c r="KE24" s="122">
        <v>0</v>
      </c>
      <c r="KF24" s="123">
        <v>133056</v>
      </c>
      <c r="KG24" s="123">
        <v>298218</v>
      </c>
      <c r="KH24" s="123">
        <v>203741</v>
      </c>
      <c r="KI24" s="123">
        <v>0</v>
      </c>
      <c r="KJ24" s="123">
        <v>528376</v>
      </c>
      <c r="KK24" s="124">
        <v>1163391</v>
      </c>
      <c r="KL24" s="161">
        <v>1250010</v>
      </c>
      <c r="KM24" s="262">
        <v>0</v>
      </c>
      <c r="KN24" s="269">
        <v>0</v>
      </c>
      <c r="KO24" s="270">
        <v>0</v>
      </c>
      <c r="KP24" s="158"/>
      <c r="KQ24" s="123">
        <v>232842</v>
      </c>
      <c r="KR24" s="123">
        <v>243133</v>
      </c>
      <c r="KS24" s="123">
        <v>0</v>
      </c>
      <c r="KT24" s="123">
        <v>0</v>
      </c>
      <c r="KU24" s="123">
        <v>0</v>
      </c>
      <c r="KV24" s="124">
        <v>475975</v>
      </c>
      <c r="KW24" s="354">
        <v>475975</v>
      </c>
      <c r="KX24" s="160">
        <v>0</v>
      </c>
      <c r="KY24" s="123">
        <v>0</v>
      </c>
      <c r="KZ24" s="124">
        <v>0</v>
      </c>
      <c r="LA24" s="163"/>
      <c r="LB24" s="123">
        <v>0</v>
      </c>
      <c r="LC24" s="123">
        <v>0</v>
      </c>
      <c r="LD24" s="123">
        <v>0</v>
      </c>
      <c r="LE24" s="123">
        <v>0</v>
      </c>
      <c r="LF24" s="123">
        <v>0</v>
      </c>
      <c r="LG24" s="124">
        <v>0</v>
      </c>
      <c r="LH24" s="125">
        <v>0</v>
      </c>
      <c r="LI24" s="160">
        <v>0</v>
      </c>
      <c r="LJ24" s="123">
        <v>0</v>
      </c>
      <c r="LK24" s="124">
        <v>0</v>
      </c>
      <c r="LL24" s="163"/>
      <c r="LM24" s="123">
        <v>0</v>
      </c>
      <c r="LN24" s="123">
        <v>0</v>
      </c>
      <c r="LO24" s="123">
        <v>0</v>
      </c>
      <c r="LP24" s="123">
        <v>0</v>
      </c>
      <c r="LQ24" s="123">
        <v>0</v>
      </c>
      <c r="LR24" s="124">
        <v>0</v>
      </c>
      <c r="LS24" s="354">
        <v>0</v>
      </c>
      <c r="LT24" s="160">
        <v>0</v>
      </c>
      <c r="LU24" s="123">
        <v>0</v>
      </c>
      <c r="LV24" s="124">
        <v>0</v>
      </c>
      <c r="LW24" s="163"/>
      <c r="LX24" s="123">
        <v>5536</v>
      </c>
      <c r="LY24" s="123">
        <v>0</v>
      </c>
      <c r="LZ24" s="123">
        <v>0</v>
      </c>
      <c r="MA24" s="123">
        <v>0</v>
      </c>
      <c r="MB24" s="123">
        <v>281566</v>
      </c>
      <c r="MC24" s="124">
        <v>287102</v>
      </c>
      <c r="MD24" s="125">
        <v>287102</v>
      </c>
      <c r="ME24" s="160">
        <v>0</v>
      </c>
      <c r="MF24" s="123">
        <v>0</v>
      </c>
      <c r="MG24" s="124">
        <v>0</v>
      </c>
      <c r="MH24" s="163"/>
      <c r="MI24" s="123">
        <v>530716</v>
      </c>
      <c r="MJ24" s="123">
        <v>252664</v>
      </c>
      <c r="MK24" s="123">
        <v>1085806</v>
      </c>
      <c r="ML24" s="123">
        <v>2719367</v>
      </c>
      <c r="MM24" s="123">
        <v>814094</v>
      </c>
      <c r="MN24" s="124">
        <v>5402647</v>
      </c>
      <c r="MO24" s="161">
        <v>5402647</v>
      </c>
      <c r="MP24" s="160">
        <v>0</v>
      </c>
      <c r="MQ24" s="123">
        <v>0</v>
      </c>
      <c r="MR24" s="124">
        <v>0</v>
      </c>
      <c r="MS24" s="163"/>
      <c r="MT24" s="123">
        <v>0</v>
      </c>
      <c r="MU24" s="123">
        <v>0</v>
      </c>
      <c r="MV24" s="123">
        <v>456103</v>
      </c>
      <c r="MW24" s="123">
        <v>1576142</v>
      </c>
      <c r="MX24" s="123">
        <v>814094</v>
      </c>
      <c r="MY24" s="124">
        <v>2846339</v>
      </c>
      <c r="MZ24" s="161">
        <v>2846339</v>
      </c>
      <c r="NA24" s="160">
        <v>0</v>
      </c>
      <c r="NB24" s="123">
        <v>0</v>
      </c>
      <c r="NC24" s="124">
        <v>0</v>
      </c>
      <c r="ND24" s="163"/>
      <c r="NE24" s="123">
        <v>530716</v>
      </c>
      <c r="NF24" s="123">
        <v>252664</v>
      </c>
      <c r="NG24" s="123">
        <v>629703</v>
      </c>
      <c r="NH24" s="123">
        <v>1143225</v>
      </c>
      <c r="NI24" s="123">
        <v>0</v>
      </c>
      <c r="NJ24" s="124">
        <v>2556308</v>
      </c>
      <c r="NK24" s="354">
        <v>2556308</v>
      </c>
      <c r="NL24" s="160">
        <v>0</v>
      </c>
      <c r="NM24" s="123">
        <v>0</v>
      </c>
      <c r="NN24" s="124">
        <v>0</v>
      </c>
      <c r="NO24" s="163"/>
      <c r="NP24" s="123">
        <v>0</v>
      </c>
      <c r="NQ24" s="123">
        <v>0</v>
      </c>
      <c r="NR24" s="123">
        <v>0</v>
      </c>
      <c r="NS24" s="123">
        <v>0</v>
      </c>
      <c r="NT24" s="123">
        <v>0</v>
      </c>
      <c r="NU24" s="124">
        <v>0</v>
      </c>
      <c r="NV24" s="125">
        <v>0</v>
      </c>
      <c r="NW24" s="160">
        <v>0</v>
      </c>
      <c r="NX24" s="123">
        <v>0</v>
      </c>
      <c r="NY24" s="124">
        <v>0</v>
      </c>
      <c r="NZ24" s="163"/>
      <c r="OA24" s="123">
        <v>0</v>
      </c>
      <c r="OB24" s="123">
        <v>0</v>
      </c>
      <c r="OC24" s="123">
        <v>0</v>
      </c>
      <c r="OD24" s="123">
        <v>0</v>
      </c>
      <c r="OE24" s="123">
        <v>0</v>
      </c>
      <c r="OF24" s="124">
        <v>0</v>
      </c>
      <c r="OG24" s="125">
        <v>0</v>
      </c>
      <c r="OH24" s="160">
        <v>61042</v>
      </c>
      <c r="OI24" s="123">
        <v>593515</v>
      </c>
      <c r="OJ24" s="159">
        <v>654557</v>
      </c>
      <c r="OK24" s="122">
        <v>0</v>
      </c>
      <c r="OL24" s="123">
        <v>5836084</v>
      </c>
      <c r="OM24" s="123">
        <v>5343037</v>
      </c>
      <c r="ON24" s="123">
        <v>4165757</v>
      </c>
      <c r="OO24" s="123">
        <v>5838906</v>
      </c>
      <c r="OP24" s="123">
        <v>2667952</v>
      </c>
      <c r="OQ24" s="124">
        <v>23851736</v>
      </c>
      <c r="OR24" s="161">
        <v>24506293</v>
      </c>
    </row>
    <row r="25" spans="1:408" ht="20.25" customHeight="1" x14ac:dyDescent="0.2">
      <c r="A25" s="130" t="s">
        <v>20</v>
      </c>
      <c r="B25" s="113">
        <v>410943</v>
      </c>
      <c r="C25" s="117">
        <v>883328</v>
      </c>
      <c r="D25" s="116">
        <v>1294271</v>
      </c>
      <c r="E25" s="113">
        <v>0</v>
      </c>
      <c r="F25" s="117">
        <v>5404130</v>
      </c>
      <c r="G25" s="117">
        <v>5336033</v>
      </c>
      <c r="H25" s="117">
        <v>4788936</v>
      </c>
      <c r="I25" s="117">
        <v>5260256</v>
      </c>
      <c r="J25" s="117">
        <v>1344892</v>
      </c>
      <c r="K25" s="201">
        <v>22134247</v>
      </c>
      <c r="L25" s="119">
        <v>23428518</v>
      </c>
      <c r="M25" s="113">
        <v>128414</v>
      </c>
      <c r="N25" s="117">
        <v>279428</v>
      </c>
      <c r="O25" s="116">
        <v>407842</v>
      </c>
      <c r="P25" s="113">
        <v>0</v>
      </c>
      <c r="Q25" s="117">
        <v>1995862</v>
      </c>
      <c r="R25" s="117">
        <v>1388782</v>
      </c>
      <c r="S25" s="117">
        <v>1211605</v>
      </c>
      <c r="T25" s="117">
        <v>1224688</v>
      </c>
      <c r="U25" s="117">
        <v>597420</v>
      </c>
      <c r="V25" s="116">
        <v>6418357</v>
      </c>
      <c r="W25" s="119">
        <v>6826199</v>
      </c>
      <c r="X25" s="113">
        <v>0</v>
      </c>
      <c r="Y25" s="117">
        <v>0</v>
      </c>
      <c r="Z25" s="116">
        <v>0</v>
      </c>
      <c r="AA25" s="113">
        <v>0</v>
      </c>
      <c r="AB25" s="117">
        <v>649279</v>
      </c>
      <c r="AC25" s="117">
        <v>631890</v>
      </c>
      <c r="AD25" s="117">
        <v>387752</v>
      </c>
      <c r="AE25" s="117">
        <v>369092</v>
      </c>
      <c r="AF25" s="117">
        <v>138075</v>
      </c>
      <c r="AG25" s="116">
        <v>2176088</v>
      </c>
      <c r="AH25" s="119">
        <v>2176088</v>
      </c>
      <c r="AI25" s="113">
        <v>0</v>
      </c>
      <c r="AJ25" s="117">
        <v>0</v>
      </c>
      <c r="AK25" s="116">
        <v>0</v>
      </c>
      <c r="AL25" s="113">
        <v>0</v>
      </c>
      <c r="AM25" s="117">
        <v>37036</v>
      </c>
      <c r="AN25" s="117">
        <v>0</v>
      </c>
      <c r="AO25" s="117">
        <v>0</v>
      </c>
      <c r="AP25" s="117">
        <v>104263</v>
      </c>
      <c r="AQ25" s="117">
        <v>105520</v>
      </c>
      <c r="AR25" s="116">
        <v>246819</v>
      </c>
      <c r="AS25" s="119">
        <v>246819</v>
      </c>
      <c r="AT25" s="113">
        <v>76096</v>
      </c>
      <c r="AU25" s="117">
        <v>176428</v>
      </c>
      <c r="AV25" s="116">
        <v>252524</v>
      </c>
      <c r="AW25" s="113">
        <v>0</v>
      </c>
      <c r="AX25" s="117">
        <v>911479</v>
      </c>
      <c r="AY25" s="117">
        <v>308432</v>
      </c>
      <c r="AZ25" s="117">
        <v>391683</v>
      </c>
      <c r="BA25" s="117">
        <v>375907</v>
      </c>
      <c r="BB25" s="117">
        <v>237601</v>
      </c>
      <c r="BC25" s="116">
        <v>2225102</v>
      </c>
      <c r="BD25" s="119">
        <v>2477626</v>
      </c>
      <c r="BE25" s="113">
        <v>27246</v>
      </c>
      <c r="BF25" s="117">
        <v>22376</v>
      </c>
      <c r="BG25" s="115">
        <v>49622</v>
      </c>
      <c r="BH25" s="114">
        <v>0</v>
      </c>
      <c r="BI25" s="117">
        <v>156204</v>
      </c>
      <c r="BJ25" s="117">
        <v>112108</v>
      </c>
      <c r="BK25" s="117">
        <v>127154</v>
      </c>
      <c r="BL25" s="117">
        <v>53938</v>
      </c>
      <c r="BM25" s="117">
        <v>37368</v>
      </c>
      <c r="BN25" s="116">
        <v>486772</v>
      </c>
      <c r="BO25" s="119">
        <v>536394</v>
      </c>
      <c r="BP25" s="113">
        <v>25072</v>
      </c>
      <c r="BQ25" s="117">
        <v>80624</v>
      </c>
      <c r="BR25" s="116">
        <v>105696</v>
      </c>
      <c r="BS25" s="113">
        <v>0</v>
      </c>
      <c r="BT25" s="117">
        <v>241864</v>
      </c>
      <c r="BU25" s="117">
        <v>336352</v>
      </c>
      <c r="BV25" s="117">
        <v>305016</v>
      </c>
      <c r="BW25" s="117">
        <v>321488</v>
      </c>
      <c r="BX25" s="117">
        <v>78856</v>
      </c>
      <c r="BY25" s="116">
        <v>1283576</v>
      </c>
      <c r="BZ25" s="119">
        <v>1389272</v>
      </c>
      <c r="CA25" s="113">
        <v>100941</v>
      </c>
      <c r="CB25" s="117">
        <v>72944</v>
      </c>
      <c r="CC25" s="116">
        <v>173885</v>
      </c>
      <c r="CD25" s="113">
        <v>0</v>
      </c>
      <c r="CE25" s="117">
        <v>1712272</v>
      </c>
      <c r="CF25" s="117">
        <v>1362546</v>
      </c>
      <c r="CG25" s="117">
        <v>1504150</v>
      </c>
      <c r="CH25" s="117">
        <v>1040613</v>
      </c>
      <c r="CI25" s="117">
        <v>173582</v>
      </c>
      <c r="CJ25" s="116">
        <v>5793163</v>
      </c>
      <c r="CK25" s="119">
        <v>5967048</v>
      </c>
      <c r="CL25" s="113">
        <v>0</v>
      </c>
      <c r="CM25" s="117">
        <v>0</v>
      </c>
      <c r="CN25" s="116">
        <v>0</v>
      </c>
      <c r="CO25" s="114">
        <v>0</v>
      </c>
      <c r="CP25" s="117">
        <v>1007679</v>
      </c>
      <c r="CQ25" s="117">
        <v>831922</v>
      </c>
      <c r="CR25" s="117">
        <v>1146567</v>
      </c>
      <c r="CS25" s="117">
        <v>349344</v>
      </c>
      <c r="CT25" s="117">
        <v>125349</v>
      </c>
      <c r="CU25" s="116">
        <v>3460861</v>
      </c>
      <c r="CV25" s="119">
        <v>3460861</v>
      </c>
      <c r="CW25" s="113">
        <v>100941</v>
      </c>
      <c r="CX25" s="117">
        <v>72944</v>
      </c>
      <c r="CY25" s="116">
        <v>173885</v>
      </c>
      <c r="CZ25" s="113">
        <v>0</v>
      </c>
      <c r="DA25" s="117">
        <v>704593</v>
      </c>
      <c r="DB25" s="117">
        <v>530624</v>
      </c>
      <c r="DC25" s="117">
        <v>357583</v>
      </c>
      <c r="DD25" s="117">
        <v>691269</v>
      </c>
      <c r="DE25" s="117">
        <v>48233</v>
      </c>
      <c r="DF25" s="116">
        <v>2332302</v>
      </c>
      <c r="DG25" s="119">
        <v>2506187</v>
      </c>
      <c r="DH25" s="113">
        <v>10364</v>
      </c>
      <c r="DI25" s="117">
        <v>70534</v>
      </c>
      <c r="DJ25" s="115">
        <v>80898</v>
      </c>
      <c r="DK25" s="114">
        <v>0</v>
      </c>
      <c r="DL25" s="117">
        <v>49300</v>
      </c>
      <c r="DM25" s="117">
        <v>251685</v>
      </c>
      <c r="DN25" s="117">
        <v>424468</v>
      </c>
      <c r="DO25" s="117">
        <v>750660</v>
      </c>
      <c r="DP25" s="117">
        <v>0</v>
      </c>
      <c r="DQ25" s="116">
        <v>1476113</v>
      </c>
      <c r="DR25" s="119">
        <v>1557011</v>
      </c>
      <c r="DS25" s="113">
        <v>10364</v>
      </c>
      <c r="DT25" s="117">
        <v>70534</v>
      </c>
      <c r="DU25" s="116">
        <v>80898</v>
      </c>
      <c r="DV25" s="113">
        <v>0</v>
      </c>
      <c r="DW25" s="117">
        <v>49300</v>
      </c>
      <c r="DX25" s="117">
        <v>251685</v>
      </c>
      <c r="DY25" s="117">
        <v>424468</v>
      </c>
      <c r="DZ25" s="117">
        <v>591744</v>
      </c>
      <c r="EA25" s="117">
        <v>0</v>
      </c>
      <c r="EB25" s="116">
        <v>1317197</v>
      </c>
      <c r="EC25" s="119">
        <v>1398095</v>
      </c>
      <c r="ED25" s="113">
        <v>0</v>
      </c>
      <c r="EE25" s="115">
        <v>0</v>
      </c>
      <c r="EF25" s="116">
        <v>0</v>
      </c>
      <c r="EG25" s="113">
        <v>0</v>
      </c>
      <c r="EH25" s="117">
        <v>0</v>
      </c>
      <c r="EI25" s="117">
        <v>0</v>
      </c>
      <c r="EJ25" s="117">
        <v>0</v>
      </c>
      <c r="EK25" s="117">
        <v>158916</v>
      </c>
      <c r="EL25" s="117">
        <v>0</v>
      </c>
      <c r="EM25" s="115">
        <v>158916</v>
      </c>
      <c r="EN25" s="119">
        <v>158916</v>
      </c>
      <c r="EO25" s="113">
        <v>0</v>
      </c>
      <c r="EP25" s="117">
        <v>0</v>
      </c>
      <c r="EQ25" s="115">
        <v>0</v>
      </c>
      <c r="ER25" s="114">
        <v>0</v>
      </c>
      <c r="ES25" s="117">
        <v>0</v>
      </c>
      <c r="ET25" s="117">
        <v>0</v>
      </c>
      <c r="EU25" s="117">
        <v>0</v>
      </c>
      <c r="EV25" s="117">
        <v>0</v>
      </c>
      <c r="EW25" s="117">
        <v>0</v>
      </c>
      <c r="EX25" s="116">
        <v>0</v>
      </c>
      <c r="EY25" s="119">
        <v>0</v>
      </c>
      <c r="EZ25" s="113">
        <v>0</v>
      </c>
      <c r="FA25" s="117">
        <v>0</v>
      </c>
      <c r="FB25" s="115">
        <v>0</v>
      </c>
      <c r="FC25" s="387"/>
      <c r="FD25" s="117">
        <v>0</v>
      </c>
      <c r="FE25" s="117">
        <v>0</v>
      </c>
      <c r="FF25" s="117">
        <v>0</v>
      </c>
      <c r="FG25" s="117">
        <v>0</v>
      </c>
      <c r="FH25" s="117">
        <v>0</v>
      </c>
      <c r="FI25" s="116">
        <v>0</v>
      </c>
      <c r="FJ25" s="119">
        <v>0</v>
      </c>
      <c r="FK25" s="113">
        <v>65856</v>
      </c>
      <c r="FL25" s="117">
        <v>97136</v>
      </c>
      <c r="FM25" s="116">
        <v>162992</v>
      </c>
      <c r="FN25" s="113">
        <v>0</v>
      </c>
      <c r="FO25" s="117">
        <v>519232</v>
      </c>
      <c r="FP25" s="117">
        <v>373304</v>
      </c>
      <c r="FQ25" s="117">
        <v>251560</v>
      </c>
      <c r="FR25" s="117">
        <v>524336</v>
      </c>
      <c r="FS25" s="117">
        <v>130568</v>
      </c>
      <c r="FT25" s="116">
        <v>1799000</v>
      </c>
      <c r="FU25" s="119">
        <v>1961992</v>
      </c>
      <c r="FV25" s="118">
        <v>65856</v>
      </c>
      <c r="FW25" s="117">
        <v>97136</v>
      </c>
      <c r="FX25" s="115">
        <v>162992</v>
      </c>
      <c r="FY25" s="114">
        <v>0</v>
      </c>
      <c r="FZ25" s="117">
        <v>468512</v>
      </c>
      <c r="GA25" s="117">
        <v>335704</v>
      </c>
      <c r="GB25" s="117">
        <v>251560</v>
      </c>
      <c r="GC25" s="117">
        <v>364336</v>
      </c>
      <c r="GD25" s="117">
        <v>130568</v>
      </c>
      <c r="GE25" s="116">
        <v>1550680</v>
      </c>
      <c r="GF25" s="351">
        <v>1713672</v>
      </c>
      <c r="GG25" s="118">
        <v>0</v>
      </c>
      <c r="GH25" s="117">
        <v>0</v>
      </c>
      <c r="GI25" s="115">
        <v>0</v>
      </c>
      <c r="GJ25" s="114">
        <v>0</v>
      </c>
      <c r="GK25" s="117">
        <v>17280</v>
      </c>
      <c r="GL25" s="117">
        <v>0</v>
      </c>
      <c r="GM25" s="117">
        <v>0</v>
      </c>
      <c r="GN25" s="117">
        <v>0</v>
      </c>
      <c r="GO25" s="117">
        <v>0</v>
      </c>
      <c r="GP25" s="116">
        <v>17280</v>
      </c>
      <c r="GQ25" s="119">
        <v>17280</v>
      </c>
      <c r="GR25" s="113">
        <v>0</v>
      </c>
      <c r="GS25" s="117">
        <v>0</v>
      </c>
      <c r="GT25" s="116">
        <v>0</v>
      </c>
      <c r="GU25" s="113">
        <v>0</v>
      </c>
      <c r="GV25" s="117">
        <v>33440</v>
      </c>
      <c r="GW25" s="117">
        <v>37600</v>
      </c>
      <c r="GX25" s="117">
        <v>0</v>
      </c>
      <c r="GY25" s="117">
        <v>160000</v>
      </c>
      <c r="GZ25" s="117">
        <v>0</v>
      </c>
      <c r="HA25" s="115">
        <v>231040</v>
      </c>
      <c r="HB25" s="119">
        <v>231040</v>
      </c>
      <c r="HC25" s="113">
        <v>105368</v>
      </c>
      <c r="HD25" s="117">
        <v>363286</v>
      </c>
      <c r="HE25" s="115">
        <v>468654</v>
      </c>
      <c r="HF25" s="114">
        <v>0</v>
      </c>
      <c r="HG25" s="117">
        <v>1127464</v>
      </c>
      <c r="HH25" s="117">
        <v>1959716</v>
      </c>
      <c r="HI25" s="117">
        <v>1397153</v>
      </c>
      <c r="HJ25" s="117">
        <v>1719959</v>
      </c>
      <c r="HK25" s="117">
        <v>443322</v>
      </c>
      <c r="HL25" s="116">
        <v>6647614</v>
      </c>
      <c r="HM25" s="112">
        <v>7116268</v>
      </c>
      <c r="HN25" s="367"/>
      <c r="HO25" s="368"/>
      <c r="HP25" s="369"/>
      <c r="HQ25" s="370"/>
      <c r="HR25" s="368"/>
      <c r="HS25" s="368"/>
      <c r="HT25" s="368"/>
      <c r="HU25" s="368"/>
      <c r="HV25" s="368"/>
      <c r="HW25" s="371"/>
      <c r="HX25" s="372"/>
      <c r="HY25" s="149">
        <v>0</v>
      </c>
      <c r="HZ25" s="150">
        <v>0</v>
      </c>
      <c r="IA25" s="151">
        <v>0</v>
      </c>
      <c r="IB25" s="164">
        <v>0</v>
      </c>
      <c r="IC25" s="150">
        <v>672169</v>
      </c>
      <c r="ID25" s="165">
        <v>1027452</v>
      </c>
      <c r="IE25" s="151">
        <v>838232</v>
      </c>
      <c r="IF25" s="150">
        <v>514738</v>
      </c>
      <c r="IG25" s="151">
        <v>0</v>
      </c>
      <c r="IH25" s="166">
        <v>3052591</v>
      </c>
      <c r="II25" s="157">
        <v>3052591</v>
      </c>
      <c r="IJ25" s="262">
        <v>0</v>
      </c>
      <c r="IK25" s="269">
        <v>0</v>
      </c>
      <c r="IL25" s="270">
        <v>0</v>
      </c>
      <c r="IM25" s="158"/>
      <c r="IN25" s="123">
        <v>0</v>
      </c>
      <c r="IO25" s="123">
        <v>0</v>
      </c>
      <c r="IP25" s="123">
        <v>0</v>
      </c>
      <c r="IQ25" s="123">
        <v>0</v>
      </c>
      <c r="IR25" s="123">
        <v>0</v>
      </c>
      <c r="IS25" s="159">
        <v>0</v>
      </c>
      <c r="IT25" s="354">
        <v>0</v>
      </c>
      <c r="IU25" s="160">
        <v>0</v>
      </c>
      <c r="IV25" s="123">
        <v>0</v>
      </c>
      <c r="IW25" s="124">
        <v>0</v>
      </c>
      <c r="IX25" s="162"/>
      <c r="IY25" s="123">
        <v>0</v>
      </c>
      <c r="IZ25" s="123">
        <v>0</v>
      </c>
      <c r="JA25" s="123">
        <v>0</v>
      </c>
      <c r="JB25" s="123">
        <v>0</v>
      </c>
      <c r="JC25" s="123">
        <v>0</v>
      </c>
      <c r="JD25" s="124">
        <v>0</v>
      </c>
      <c r="JE25" s="125">
        <v>0</v>
      </c>
      <c r="JF25" s="160">
        <v>0</v>
      </c>
      <c r="JG25" s="123">
        <v>0</v>
      </c>
      <c r="JH25" s="159">
        <v>0</v>
      </c>
      <c r="JI25" s="122">
        <v>0</v>
      </c>
      <c r="JJ25" s="123">
        <v>430289</v>
      </c>
      <c r="JK25" s="123">
        <v>537386</v>
      </c>
      <c r="JL25" s="123">
        <v>436158</v>
      </c>
      <c r="JM25" s="123">
        <v>0</v>
      </c>
      <c r="JN25" s="123">
        <v>0</v>
      </c>
      <c r="JO25" s="124">
        <v>1403833</v>
      </c>
      <c r="JP25" s="354">
        <v>1403833</v>
      </c>
      <c r="JQ25" s="160">
        <v>0</v>
      </c>
      <c r="JR25" s="123">
        <v>0</v>
      </c>
      <c r="JS25" s="159">
        <v>0</v>
      </c>
      <c r="JT25" s="122">
        <v>0</v>
      </c>
      <c r="JU25" s="123">
        <v>0</v>
      </c>
      <c r="JV25" s="123">
        <v>0</v>
      </c>
      <c r="JW25" s="123">
        <v>141104</v>
      </c>
      <c r="JX25" s="123">
        <v>0</v>
      </c>
      <c r="JY25" s="123">
        <v>0</v>
      </c>
      <c r="JZ25" s="124">
        <v>141104</v>
      </c>
      <c r="KA25" s="354">
        <v>141104</v>
      </c>
      <c r="KB25" s="265">
        <v>0</v>
      </c>
      <c r="KC25" s="259">
        <v>0</v>
      </c>
      <c r="KD25" s="124">
        <v>0</v>
      </c>
      <c r="KE25" s="122">
        <v>0</v>
      </c>
      <c r="KF25" s="123">
        <v>0</v>
      </c>
      <c r="KG25" s="123">
        <v>0</v>
      </c>
      <c r="KH25" s="123">
        <v>0</v>
      </c>
      <c r="KI25" s="123">
        <v>0</v>
      </c>
      <c r="KJ25" s="123">
        <v>0</v>
      </c>
      <c r="KK25" s="124">
        <v>0</v>
      </c>
      <c r="KL25" s="161">
        <v>0</v>
      </c>
      <c r="KM25" s="262">
        <v>0</v>
      </c>
      <c r="KN25" s="269">
        <v>0</v>
      </c>
      <c r="KO25" s="270">
        <v>0</v>
      </c>
      <c r="KP25" s="158"/>
      <c r="KQ25" s="123">
        <v>241880</v>
      </c>
      <c r="KR25" s="123">
        <v>490066</v>
      </c>
      <c r="KS25" s="123">
        <v>260970</v>
      </c>
      <c r="KT25" s="123">
        <v>514738</v>
      </c>
      <c r="KU25" s="123">
        <v>0</v>
      </c>
      <c r="KV25" s="124">
        <v>1507654</v>
      </c>
      <c r="KW25" s="354">
        <v>1507654</v>
      </c>
      <c r="KX25" s="160">
        <v>0</v>
      </c>
      <c r="KY25" s="123">
        <v>0</v>
      </c>
      <c r="KZ25" s="124">
        <v>0</v>
      </c>
      <c r="LA25" s="163"/>
      <c r="LB25" s="123">
        <v>0</v>
      </c>
      <c r="LC25" s="123">
        <v>0</v>
      </c>
      <c r="LD25" s="123">
        <v>0</v>
      </c>
      <c r="LE25" s="123">
        <v>0</v>
      </c>
      <c r="LF25" s="123">
        <v>0</v>
      </c>
      <c r="LG25" s="124">
        <v>0</v>
      </c>
      <c r="LH25" s="125">
        <v>0</v>
      </c>
      <c r="LI25" s="160">
        <v>0</v>
      </c>
      <c r="LJ25" s="123">
        <v>0</v>
      </c>
      <c r="LK25" s="124">
        <v>0</v>
      </c>
      <c r="LL25" s="163"/>
      <c r="LM25" s="123">
        <v>0</v>
      </c>
      <c r="LN25" s="123">
        <v>0</v>
      </c>
      <c r="LO25" s="123">
        <v>0</v>
      </c>
      <c r="LP25" s="123">
        <v>0</v>
      </c>
      <c r="LQ25" s="123">
        <v>0</v>
      </c>
      <c r="LR25" s="124">
        <v>0</v>
      </c>
      <c r="LS25" s="354">
        <v>0</v>
      </c>
      <c r="LT25" s="160">
        <v>0</v>
      </c>
      <c r="LU25" s="123">
        <v>0</v>
      </c>
      <c r="LV25" s="124">
        <v>0</v>
      </c>
      <c r="LW25" s="163"/>
      <c r="LX25" s="123">
        <v>0</v>
      </c>
      <c r="LY25" s="123">
        <v>0</v>
      </c>
      <c r="LZ25" s="123">
        <v>0</v>
      </c>
      <c r="MA25" s="123">
        <v>0</v>
      </c>
      <c r="MB25" s="123">
        <v>0</v>
      </c>
      <c r="MC25" s="124">
        <v>0</v>
      </c>
      <c r="MD25" s="125">
        <v>0</v>
      </c>
      <c r="ME25" s="160">
        <v>0</v>
      </c>
      <c r="MF25" s="123">
        <v>0</v>
      </c>
      <c r="MG25" s="124">
        <v>0</v>
      </c>
      <c r="MH25" s="163"/>
      <c r="MI25" s="123">
        <v>0</v>
      </c>
      <c r="MJ25" s="123">
        <v>725844</v>
      </c>
      <c r="MK25" s="123">
        <v>2340350</v>
      </c>
      <c r="ML25" s="123">
        <v>3877105</v>
      </c>
      <c r="MM25" s="123">
        <v>2300077</v>
      </c>
      <c r="MN25" s="124">
        <v>9243376</v>
      </c>
      <c r="MO25" s="161">
        <v>9243376</v>
      </c>
      <c r="MP25" s="160">
        <v>0</v>
      </c>
      <c r="MQ25" s="123">
        <v>0</v>
      </c>
      <c r="MR25" s="124">
        <v>0</v>
      </c>
      <c r="MS25" s="163"/>
      <c r="MT25" s="123">
        <v>0</v>
      </c>
      <c r="MU25" s="123">
        <v>0</v>
      </c>
      <c r="MV25" s="123">
        <v>1233058</v>
      </c>
      <c r="MW25" s="123">
        <v>3528438</v>
      </c>
      <c r="MX25" s="123">
        <v>870491</v>
      </c>
      <c r="MY25" s="124">
        <v>5631987</v>
      </c>
      <c r="MZ25" s="161">
        <v>5631987</v>
      </c>
      <c r="NA25" s="160">
        <v>0</v>
      </c>
      <c r="NB25" s="123">
        <v>0</v>
      </c>
      <c r="NC25" s="124">
        <v>0</v>
      </c>
      <c r="ND25" s="163"/>
      <c r="NE25" s="123">
        <v>0</v>
      </c>
      <c r="NF25" s="123">
        <v>725844</v>
      </c>
      <c r="NG25" s="123">
        <v>1107292</v>
      </c>
      <c r="NH25" s="123">
        <v>348667</v>
      </c>
      <c r="NI25" s="123">
        <v>694030</v>
      </c>
      <c r="NJ25" s="124">
        <v>2875833</v>
      </c>
      <c r="NK25" s="354">
        <v>2875833</v>
      </c>
      <c r="NL25" s="160">
        <v>0</v>
      </c>
      <c r="NM25" s="123">
        <v>0</v>
      </c>
      <c r="NN25" s="124">
        <v>0</v>
      </c>
      <c r="NO25" s="163"/>
      <c r="NP25" s="123">
        <v>0</v>
      </c>
      <c r="NQ25" s="123">
        <v>0</v>
      </c>
      <c r="NR25" s="123">
        <v>0</v>
      </c>
      <c r="NS25" s="123">
        <v>0</v>
      </c>
      <c r="NT25" s="123">
        <v>0</v>
      </c>
      <c r="NU25" s="124">
        <v>0</v>
      </c>
      <c r="NV25" s="125">
        <v>0</v>
      </c>
      <c r="NW25" s="160">
        <v>0</v>
      </c>
      <c r="NX25" s="123">
        <v>0</v>
      </c>
      <c r="NY25" s="124">
        <v>0</v>
      </c>
      <c r="NZ25" s="163"/>
      <c r="OA25" s="123">
        <v>0</v>
      </c>
      <c r="OB25" s="123">
        <v>0</v>
      </c>
      <c r="OC25" s="123">
        <v>0</v>
      </c>
      <c r="OD25" s="123">
        <v>0</v>
      </c>
      <c r="OE25" s="123">
        <v>735556</v>
      </c>
      <c r="OF25" s="124">
        <v>735556</v>
      </c>
      <c r="OG25" s="125">
        <v>735556</v>
      </c>
      <c r="OH25" s="160">
        <v>410943</v>
      </c>
      <c r="OI25" s="123">
        <v>883328</v>
      </c>
      <c r="OJ25" s="159">
        <v>1294271</v>
      </c>
      <c r="OK25" s="122">
        <v>0</v>
      </c>
      <c r="OL25" s="123">
        <v>6076299</v>
      </c>
      <c r="OM25" s="123">
        <v>7089329</v>
      </c>
      <c r="ON25" s="123">
        <v>7967518</v>
      </c>
      <c r="OO25" s="123">
        <v>9652099</v>
      </c>
      <c r="OP25" s="123">
        <v>3644969</v>
      </c>
      <c r="OQ25" s="124">
        <v>34430214</v>
      </c>
      <c r="OR25" s="161">
        <v>35724485</v>
      </c>
    </row>
    <row r="26" spans="1:408" ht="20.25" customHeight="1" x14ac:dyDescent="0.2">
      <c r="A26" s="130" t="s">
        <v>21</v>
      </c>
      <c r="B26" s="113">
        <v>262950</v>
      </c>
      <c r="C26" s="117">
        <v>416772</v>
      </c>
      <c r="D26" s="116">
        <v>679722</v>
      </c>
      <c r="E26" s="112">
        <v>0</v>
      </c>
      <c r="F26" s="117">
        <v>3905677</v>
      </c>
      <c r="G26" s="117">
        <v>4185519</v>
      </c>
      <c r="H26" s="117">
        <v>3615440</v>
      </c>
      <c r="I26" s="117">
        <v>4405110</v>
      </c>
      <c r="J26" s="117">
        <v>2614605</v>
      </c>
      <c r="K26" s="201">
        <v>18726351</v>
      </c>
      <c r="L26" s="119">
        <v>19406073</v>
      </c>
      <c r="M26" s="113">
        <v>167869</v>
      </c>
      <c r="N26" s="117">
        <v>218842</v>
      </c>
      <c r="O26" s="116">
        <v>386711</v>
      </c>
      <c r="P26" s="113">
        <v>0</v>
      </c>
      <c r="Q26" s="117">
        <v>1275820</v>
      </c>
      <c r="R26" s="117">
        <v>1625503</v>
      </c>
      <c r="S26" s="117">
        <v>1293412</v>
      </c>
      <c r="T26" s="117">
        <v>2087655</v>
      </c>
      <c r="U26" s="117">
        <v>1427659</v>
      </c>
      <c r="V26" s="116">
        <v>7710049</v>
      </c>
      <c r="W26" s="119">
        <v>8096760</v>
      </c>
      <c r="X26" s="113">
        <v>0</v>
      </c>
      <c r="Y26" s="117">
        <v>0</v>
      </c>
      <c r="Z26" s="116">
        <v>0</v>
      </c>
      <c r="AA26" s="113">
        <v>0</v>
      </c>
      <c r="AB26" s="117">
        <v>483011</v>
      </c>
      <c r="AC26" s="117">
        <v>404025</v>
      </c>
      <c r="AD26" s="117">
        <v>809215</v>
      </c>
      <c r="AE26" s="117">
        <v>1408573</v>
      </c>
      <c r="AF26" s="117">
        <v>1079125</v>
      </c>
      <c r="AG26" s="116">
        <v>4183949</v>
      </c>
      <c r="AH26" s="119">
        <v>4183949</v>
      </c>
      <c r="AI26" s="113">
        <v>0</v>
      </c>
      <c r="AJ26" s="117">
        <v>0</v>
      </c>
      <c r="AK26" s="116">
        <v>0</v>
      </c>
      <c r="AL26" s="113">
        <v>0</v>
      </c>
      <c r="AM26" s="117">
        <v>0</v>
      </c>
      <c r="AN26" s="117">
        <v>0</v>
      </c>
      <c r="AO26" s="117">
        <v>0</v>
      </c>
      <c r="AP26" s="117">
        <v>23448</v>
      </c>
      <c r="AQ26" s="117">
        <v>57865</v>
      </c>
      <c r="AR26" s="116">
        <v>81313</v>
      </c>
      <c r="AS26" s="119">
        <v>81313</v>
      </c>
      <c r="AT26" s="113">
        <v>105149</v>
      </c>
      <c r="AU26" s="117">
        <v>187458</v>
      </c>
      <c r="AV26" s="116">
        <v>292607</v>
      </c>
      <c r="AW26" s="113">
        <v>0</v>
      </c>
      <c r="AX26" s="117">
        <v>522163</v>
      </c>
      <c r="AY26" s="117">
        <v>897732</v>
      </c>
      <c r="AZ26" s="117">
        <v>330917</v>
      </c>
      <c r="BA26" s="117">
        <v>405114</v>
      </c>
      <c r="BB26" s="117">
        <v>189941</v>
      </c>
      <c r="BC26" s="116">
        <v>2345867</v>
      </c>
      <c r="BD26" s="119">
        <v>2638474</v>
      </c>
      <c r="BE26" s="113">
        <v>32864</v>
      </c>
      <c r="BF26" s="117">
        <v>20728</v>
      </c>
      <c r="BG26" s="115">
        <v>53592</v>
      </c>
      <c r="BH26" s="114">
        <v>0</v>
      </c>
      <c r="BI26" s="117">
        <v>84974</v>
      </c>
      <c r="BJ26" s="117">
        <v>125738</v>
      </c>
      <c r="BK26" s="117">
        <v>0</v>
      </c>
      <c r="BL26" s="117">
        <v>0</v>
      </c>
      <c r="BM26" s="117">
        <v>0</v>
      </c>
      <c r="BN26" s="116">
        <v>210712</v>
      </c>
      <c r="BO26" s="119">
        <v>264304</v>
      </c>
      <c r="BP26" s="113">
        <v>29856</v>
      </c>
      <c r="BQ26" s="117">
        <v>10656</v>
      </c>
      <c r="BR26" s="116">
        <v>40512</v>
      </c>
      <c r="BS26" s="113">
        <v>0</v>
      </c>
      <c r="BT26" s="117">
        <v>185672</v>
      </c>
      <c r="BU26" s="117">
        <v>198008</v>
      </c>
      <c r="BV26" s="117">
        <v>153280</v>
      </c>
      <c r="BW26" s="117">
        <v>250520</v>
      </c>
      <c r="BX26" s="117">
        <v>100728</v>
      </c>
      <c r="BY26" s="116">
        <v>888208</v>
      </c>
      <c r="BZ26" s="119">
        <v>928720</v>
      </c>
      <c r="CA26" s="113">
        <v>0</v>
      </c>
      <c r="CB26" s="117">
        <v>75537</v>
      </c>
      <c r="CC26" s="116">
        <v>75537</v>
      </c>
      <c r="CD26" s="113">
        <v>0</v>
      </c>
      <c r="CE26" s="117">
        <v>1192561</v>
      </c>
      <c r="CF26" s="117">
        <v>1267868</v>
      </c>
      <c r="CG26" s="117">
        <v>963129</v>
      </c>
      <c r="CH26" s="117">
        <v>159640</v>
      </c>
      <c r="CI26" s="117">
        <v>238259</v>
      </c>
      <c r="CJ26" s="116">
        <v>3821457</v>
      </c>
      <c r="CK26" s="119">
        <v>3896994</v>
      </c>
      <c r="CL26" s="113">
        <v>0</v>
      </c>
      <c r="CM26" s="117">
        <v>0</v>
      </c>
      <c r="CN26" s="116">
        <v>0</v>
      </c>
      <c r="CO26" s="114">
        <v>0</v>
      </c>
      <c r="CP26" s="117">
        <v>911294</v>
      </c>
      <c r="CQ26" s="117">
        <v>652948</v>
      </c>
      <c r="CR26" s="117">
        <v>685605</v>
      </c>
      <c r="CS26" s="117">
        <v>159640</v>
      </c>
      <c r="CT26" s="117">
        <v>238259</v>
      </c>
      <c r="CU26" s="116">
        <v>2647746</v>
      </c>
      <c r="CV26" s="119">
        <v>2647746</v>
      </c>
      <c r="CW26" s="113">
        <v>0</v>
      </c>
      <c r="CX26" s="117">
        <v>75537</v>
      </c>
      <c r="CY26" s="116">
        <v>75537</v>
      </c>
      <c r="CZ26" s="113">
        <v>0</v>
      </c>
      <c r="DA26" s="117">
        <v>281267</v>
      </c>
      <c r="DB26" s="117">
        <v>614920</v>
      </c>
      <c r="DC26" s="117">
        <v>277524</v>
      </c>
      <c r="DD26" s="117">
        <v>0</v>
      </c>
      <c r="DE26" s="117">
        <v>0</v>
      </c>
      <c r="DF26" s="116">
        <v>1173711</v>
      </c>
      <c r="DG26" s="119">
        <v>1249248</v>
      </c>
      <c r="DH26" s="113">
        <v>17217</v>
      </c>
      <c r="DI26" s="117">
        <v>0</v>
      </c>
      <c r="DJ26" s="115">
        <v>17217</v>
      </c>
      <c r="DK26" s="114">
        <v>0</v>
      </c>
      <c r="DL26" s="117">
        <v>80212</v>
      </c>
      <c r="DM26" s="117">
        <v>34198</v>
      </c>
      <c r="DN26" s="117">
        <v>660514</v>
      </c>
      <c r="DO26" s="117">
        <v>1158964</v>
      </c>
      <c r="DP26" s="117">
        <v>322221</v>
      </c>
      <c r="DQ26" s="116">
        <v>2256109</v>
      </c>
      <c r="DR26" s="119">
        <v>2273326</v>
      </c>
      <c r="DS26" s="113">
        <v>17217</v>
      </c>
      <c r="DT26" s="117">
        <v>0</v>
      </c>
      <c r="DU26" s="116">
        <v>17217</v>
      </c>
      <c r="DV26" s="113">
        <v>0</v>
      </c>
      <c r="DW26" s="117">
        <v>80212</v>
      </c>
      <c r="DX26" s="117">
        <v>34198</v>
      </c>
      <c r="DY26" s="117">
        <v>660514</v>
      </c>
      <c r="DZ26" s="117">
        <v>1158964</v>
      </c>
      <c r="EA26" s="117">
        <v>322221</v>
      </c>
      <c r="EB26" s="116">
        <v>2256109</v>
      </c>
      <c r="EC26" s="119">
        <v>2273326</v>
      </c>
      <c r="ED26" s="113">
        <v>0</v>
      </c>
      <c r="EE26" s="115">
        <v>0</v>
      </c>
      <c r="EF26" s="116">
        <v>0</v>
      </c>
      <c r="EG26" s="113">
        <v>0</v>
      </c>
      <c r="EH26" s="117">
        <v>0</v>
      </c>
      <c r="EI26" s="117">
        <v>0</v>
      </c>
      <c r="EJ26" s="117">
        <v>0</v>
      </c>
      <c r="EK26" s="117">
        <v>0</v>
      </c>
      <c r="EL26" s="117">
        <v>0</v>
      </c>
      <c r="EM26" s="115">
        <v>0</v>
      </c>
      <c r="EN26" s="119">
        <v>0</v>
      </c>
      <c r="EO26" s="113">
        <v>0</v>
      </c>
      <c r="EP26" s="117">
        <v>0</v>
      </c>
      <c r="EQ26" s="115">
        <v>0</v>
      </c>
      <c r="ER26" s="114">
        <v>0</v>
      </c>
      <c r="ES26" s="117">
        <v>0</v>
      </c>
      <c r="ET26" s="117">
        <v>0</v>
      </c>
      <c r="EU26" s="117">
        <v>0</v>
      </c>
      <c r="EV26" s="117">
        <v>0</v>
      </c>
      <c r="EW26" s="117">
        <v>0</v>
      </c>
      <c r="EX26" s="116">
        <v>0</v>
      </c>
      <c r="EY26" s="119">
        <v>0</v>
      </c>
      <c r="EZ26" s="113">
        <v>0</v>
      </c>
      <c r="FA26" s="117">
        <v>0</v>
      </c>
      <c r="FB26" s="115">
        <v>0</v>
      </c>
      <c r="FC26" s="387"/>
      <c r="FD26" s="117">
        <v>0</v>
      </c>
      <c r="FE26" s="117">
        <v>0</v>
      </c>
      <c r="FF26" s="117">
        <v>0</v>
      </c>
      <c r="FG26" s="117">
        <v>0</v>
      </c>
      <c r="FH26" s="117">
        <v>0</v>
      </c>
      <c r="FI26" s="116">
        <v>0</v>
      </c>
      <c r="FJ26" s="119">
        <v>0</v>
      </c>
      <c r="FK26" s="113">
        <v>16864</v>
      </c>
      <c r="FL26" s="117">
        <v>31872</v>
      </c>
      <c r="FM26" s="116">
        <v>48736</v>
      </c>
      <c r="FN26" s="113">
        <v>0</v>
      </c>
      <c r="FO26" s="117">
        <v>265160</v>
      </c>
      <c r="FP26" s="117">
        <v>592056</v>
      </c>
      <c r="FQ26" s="117">
        <v>252768</v>
      </c>
      <c r="FR26" s="117">
        <v>224664</v>
      </c>
      <c r="FS26" s="117">
        <v>108896</v>
      </c>
      <c r="FT26" s="116">
        <v>1443544</v>
      </c>
      <c r="FU26" s="119">
        <v>1492280</v>
      </c>
      <c r="FV26" s="118">
        <v>16864</v>
      </c>
      <c r="FW26" s="117">
        <v>31872</v>
      </c>
      <c r="FX26" s="115">
        <v>48736</v>
      </c>
      <c r="FY26" s="114">
        <v>0</v>
      </c>
      <c r="FZ26" s="117">
        <v>149000</v>
      </c>
      <c r="GA26" s="117">
        <v>592056</v>
      </c>
      <c r="GB26" s="117">
        <v>252768</v>
      </c>
      <c r="GC26" s="117">
        <v>224664</v>
      </c>
      <c r="GD26" s="117">
        <v>108896</v>
      </c>
      <c r="GE26" s="116">
        <v>1327384</v>
      </c>
      <c r="GF26" s="351">
        <v>1376120</v>
      </c>
      <c r="GG26" s="118">
        <v>0</v>
      </c>
      <c r="GH26" s="117">
        <v>0</v>
      </c>
      <c r="GI26" s="115">
        <v>0</v>
      </c>
      <c r="GJ26" s="114">
        <v>0</v>
      </c>
      <c r="GK26" s="117">
        <v>15840</v>
      </c>
      <c r="GL26" s="117">
        <v>0</v>
      </c>
      <c r="GM26" s="117">
        <v>0</v>
      </c>
      <c r="GN26" s="117">
        <v>0</v>
      </c>
      <c r="GO26" s="117">
        <v>0</v>
      </c>
      <c r="GP26" s="116">
        <v>15840</v>
      </c>
      <c r="GQ26" s="119">
        <v>15840</v>
      </c>
      <c r="GR26" s="113">
        <v>0</v>
      </c>
      <c r="GS26" s="117">
        <v>0</v>
      </c>
      <c r="GT26" s="116">
        <v>0</v>
      </c>
      <c r="GU26" s="113">
        <v>0</v>
      </c>
      <c r="GV26" s="117">
        <v>100320</v>
      </c>
      <c r="GW26" s="117">
        <v>0</v>
      </c>
      <c r="GX26" s="117">
        <v>0</v>
      </c>
      <c r="GY26" s="117">
        <v>0</v>
      </c>
      <c r="GZ26" s="117">
        <v>0</v>
      </c>
      <c r="HA26" s="115">
        <v>100320</v>
      </c>
      <c r="HB26" s="119">
        <v>100320</v>
      </c>
      <c r="HC26" s="113">
        <v>61000</v>
      </c>
      <c r="HD26" s="117">
        <v>90521</v>
      </c>
      <c r="HE26" s="115">
        <v>151521</v>
      </c>
      <c r="HF26" s="114">
        <v>0</v>
      </c>
      <c r="HG26" s="117">
        <v>1091924</v>
      </c>
      <c r="HH26" s="117">
        <v>665894</v>
      </c>
      <c r="HI26" s="117">
        <v>445617</v>
      </c>
      <c r="HJ26" s="117">
        <v>774187</v>
      </c>
      <c r="HK26" s="117">
        <v>517570</v>
      </c>
      <c r="HL26" s="116">
        <v>3495192</v>
      </c>
      <c r="HM26" s="112">
        <v>3646713</v>
      </c>
      <c r="HN26" s="367"/>
      <c r="HO26" s="368"/>
      <c r="HP26" s="369"/>
      <c r="HQ26" s="370"/>
      <c r="HR26" s="368"/>
      <c r="HS26" s="368"/>
      <c r="HT26" s="368"/>
      <c r="HU26" s="368"/>
      <c r="HV26" s="368"/>
      <c r="HW26" s="371"/>
      <c r="HX26" s="372"/>
      <c r="HY26" s="168">
        <v>0</v>
      </c>
      <c r="HZ26" s="153">
        <v>0</v>
      </c>
      <c r="IA26" s="168">
        <v>0</v>
      </c>
      <c r="IB26" s="152">
        <v>0</v>
      </c>
      <c r="IC26" s="153">
        <v>882475</v>
      </c>
      <c r="ID26" s="154">
        <v>621839</v>
      </c>
      <c r="IE26" s="155">
        <v>855823</v>
      </c>
      <c r="IF26" s="153">
        <v>688299</v>
      </c>
      <c r="IG26" s="155">
        <v>131017</v>
      </c>
      <c r="IH26" s="156">
        <v>3179453</v>
      </c>
      <c r="II26" s="168">
        <v>3179453</v>
      </c>
      <c r="IJ26" s="262">
        <v>0</v>
      </c>
      <c r="IK26" s="269">
        <v>0</v>
      </c>
      <c r="IL26" s="270">
        <v>0</v>
      </c>
      <c r="IM26" s="158"/>
      <c r="IN26" s="123">
        <v>0</v>
      </c>
      <c r="IO26" s="123">
        <v>0</v>
      </c>
      <c r="IP26" s="123">
        <v>0</v>
      </c>
      <c r="IQ26" s="123">
        <v>0</v>
      </c>
      <c r="IR26" s="123">
        <v>0</v>
      </c>
      <c r="IS26" s="159">
        <v>0</v>
      </c>
      <c r="IT26" s="354">
        <v>0</v>
      </c>
      <c r="IU26" s="160">
        <v>0</v>
      </c>
      <c r="IV26" s="123">
        <v>0</v>
      </c>
      <c r="IW26" s="124">
        <v>0</v>
      </c>
      <c r="IX26" s="162"/>
      <c r="IY26" s="123">
        <v>0</v>
      </c>
      <c r="IZ26" s="123">
        <v>0</v>
      </c>
      <c r="JA26" s="123">
        <v>0</v>
      </c>
      <c r="JB26" s="123">
        <v>0</v>
      </c>
      <c r="JC26" s="123">
        <v>0</v>
      </c>
      <c r="JD26" s="124">
        <v>0</v>
      </c>
      <c r="JE26" s="125">
        <v>0</v>
      </c>
      <c r="JF26" s="160">
        <v>0</v>
      </c>
      <c r="JG26" s="123">
        <v>0</v>
      </c>
      <c r="JH26" s="159">
        <v>0</v>
      </c>
      <c r="JI26" s="122">
        <v>0</v>
      </c>
      <c r="JJ26" s="123">
        <v>412277</v>
      </c>
      <c r="JK26" s="123">
        <v>621839</v>
      </c>
      <c r="JL26" s="123">
        <v>538337</v>
      </c>
      <c r="JM26" s="123">
        <v>433796</v>
      </c>
      <c r="JN26" s="123">
        <v>131017</v>
      </c>
      <c r="JO26" s="124">
        <v>2137266</v>
      </c>
      <c r="JP26" s="354">
        <v>2137266</v>
      </c>
      <c r="JQ26" s="160">
        <v>0</v>
      </c>
      <c r="JR26" s="123">
        <v>0</v>
      </c>
      <c r="JS26" s="159">
        <v>0</v>
      </c>
      <c r="JT26" s="122">
        <v>0</v>
      </c>
      <c r="JU26" s="123">
        <v>0</v>
      </c>
      <c r="JV26" s="123">
        <v>0</v>
      </c>
      <c r="JW26" s="123">
        <v>0</v>
      </c>
      <c r="JX26" s="123">
        <v>0</v>
      </c>
      <c r="JY26" s="123">
        <v>0</v>
      </c>
      <c r="JZ26" s="124">
        <v>0</v>
      </c>
      <c r="KA26" s="354">
        <v>0</v>
      </c>
      <c r="KB26" s="265">
        <v>0</v>
      </c>
      <c r="KC26" s="259">
        <v>0</v>
      </c>
      <c r="KD26" s="124">
        <v>0</v>
      </c>
      <c r="KE26" s="122">
        <v>0</v>
      </c>
      <c r="KF26" s="123">
        <v>0</v>
      </c>
      <c r="KG26" s="123">
        <v>0</v>
      </c>
      <c r="KH26" s="123">
        <v>244295</v>
      </c>
      <c r="KI26" s="123">
        <v>0</v>
      </c>
      <c r="KJ26" s="123">
        <v>0</v>
      </c>
      <c r="KK26" s="124">
        <v>244295</v>
      </c>
      <c r="KL26" s="161">
        <v>244295</v>
      </c>
      <c r="KM26" s="262">
        <v>0</v>
      </c>
      <c r="KN26" s="269">
        <v>0</v>
      </c>
      <c r="KO26" s="270">
        <v>0</v>
      </c>
      <c r="KP26" s="158"/>
      <c r="KQ26" s="123">
        <v>470198</v>
      </c>
      <c r="KR26" s="123">
        <v>0</v>
      </c>
      <c r="KS26" s="123">
        <v>73191</v>
      </c>
      <c r="KT26" s="123">
        <v>254503</v>
      </c>
      <c r="KU26" s="123">
        <v>0</v>
      </c>
      <c r="KV26" s="124">
        <v>797892</v>
      </c>
      <c r="KW26" s="354">
        <v>797892</v>
      </c>
      <c r="KX26" s="160">
        <v>0</v>
      </c>
      <c r="KY26" s="123">
        <v>0</v>
      </c>
      <c r="KZ26" s="124">
        <v>0</v>
      </c>
      <c r="LA26" s="163"/>
      <c r="LB26" s="123">
        <v>0</v>
      </c>
      <c r="LC26" s="123">
        <v>0</v>
      </c>
      <c r="LD26" s="123">
        <v>0</v>
      </c>
      <c r="LE26" s="123">
        <v>0</v>
      </c>
      <c r="LF26" s="123">
        <v>0</v>
      </c>
      <c r="LG26" s="124">
        <v>0</v>
      </c>
      <c r="LH26" s="125">
        <v>0</v>
      </c>
      <c r="LI26" s="160">
        <v>0</v>
      </c>
      <c r="LJ26" s="123">
        <v>0</v>
      </c>
      <c r="LK26" s="124">
        <v>0</v>
      </c>
      <c r="LL26" s="163"/>
      <c r="LM26" s="123">
        <v>0</v>
      </c>
      <c r="LN26" s="123">
        <v>0</v>
      </c>
      <c r="LO26" s="123">
        <v>0</v>
      </c>
      <c r="LP26" s="123">
        <v>0</v>
      </c>
      <c r="LQ26" s="123">
        <v>0</v>
      </c>
      <c r="LR26" s="124">
        <v>0</v>
      </c>
      <c r="LS26" s="354">
        <v>0</v>
      </c>
      <c r="LT26" s="160">
        <v>0</v>
      </c>
      <c r="LU26" s="123">
        <v>0</v>
      </c>
      <c r="LV26" s="124">
        <v>0</v>
      </c>
      <c r="LW26" s="163"/>
      <c r="LX26" s="123">
        <v>0</v>
      </c>
      <c r="LY26" s="123">
        <v>0</v>
      </c>
      <c r="LZ26" s="123">
        <v>0</v>
      </c>
      <c r="MA26" s="123">
        <v>0</v>
      </c>
      <c r="MB26" s="123">
        <v>0</v>
      </c>
      <c r="MC26" s="124">
        <v>0</v>
      </c>
      <c r="MD26" s="125">
        <v>0</v>
      </c>
      <c r="ME26" s="160">
        <v>0</v>
      </c>
      <c r="MF26" s="123">
        <v>0</v>
      </c>
      <c r="MG26" s="124">
        <v>0</v>
      </c>
      <c r="MH26" s="163"/>
      <c r="MI26" s="123">
        <v>0</v>
      </c>
      <c r="MJ26" s="123">
        <v>0</v>
      </c>
      <c r="MK26" s="123">
        <v>2338582</v>
      </c>
      <c r="ML26" s="123">
        <v>3507235</v>
      </c>
      <c r="MM26" s="123">
        <v>2647558</v>
      </c>
      <c r="MN26" s="124">
        <v>8493375</v>
      </c>
      <c r="MO26" s="161">
        <v>8493375</v>
      </c>
      <c r="MP26" s="160">
        <v>0</v>
      </c>
      <c r="MQ26" s="123">
        <v>0</v>
      </c>
      <c r="MR26" s="124">
        <v>0</v>
      </c>
      <c r="MS26" s="163"/>
      <c r="MT26" s="123">
        <v>0</v>
      </c>
      <c r="MU26" s="123">
        <v>0</v>
      </c>
      <c r="MV26" s="123">
        <v>2099595</v>
      </c>
      <c r="MW26" s="123">
        <v>2135954</v>
      </c>
      <c r="MX26" s="123">
        <v>1951658</v>
      </c>
      <c r="MY26" s="124">
        <v>6187207</v>
      </c>
      <c r="MZ26" s="161">
        <v>6187207</v>
      </c>
      <c r="NA26" s="160">
        <v>0</v>
      </c>
      <c r="NB26" s="123">
        <v>0</v>
      </c>
      <c r="NC26" s="124">
        <v>0</v>
      </c>
      <c r="ND26" s="163"/>
      <c r="NE26" s="123">
        <v>0</v>
      </c>
      <c r="NF26" s="123">
        <v>0</v>
      </c>
      <c r="NG26" s="123">
        <v>238987</v>
      </c>
      <c r="NH26" s="123">
        <v>991034</v>
      </c>
      <c r="NI26" s="123">
        <v>0</v>
      </c>
      <c r="NJ26" s="124">
        <v>1230021</v>
      </c>
      <c r="NK26" s="354">
        <v>1230021</v>
      </c>
      <c r="NL26" s="160">
        <v>0</v>
      </c>
      <c r="NM26" s="123">
        <v>0</v>
      </c>
      <c r="NN26" s="124">
        <v>0</v>
      </c>
      <c r="NO26" s="163"/>
      <c r="NP26" s="123">
        <v>0</v>
      </c>
      <c r="NQ26" s="123">
        <v>0</v>
      </c>
      <c r="NR26" s="123">
        <v>0</v>
      </c>
      <c r="NS26" s="123">
        <v>0</v>
      </c>
      <c r="NT26" s="123">
        <v>311156</v>
      </c>
      <c r="NU26" s="124">
        <v>311156</v>
      </c>
      <c r="NV26" s="125">
        <v>311156</v>
      </c>
      <c r="NW26" s="160">
        <v>0</v>
      </c>
      <c r="NX26" s="123">
        <v>0</v>
      </c>
      <c r="NY26" s="124">
        <v>0</v>
      </c>
      <c r="NZ26" s="163"/>
      <c r="OA26" s="123">
        <v>0</v>
      </c>
      <c r="OB26" s="123">
        <v>0</v>
      </c>
      <c r="OC26" s="123">
        <v>0</v>
      </c>
      <c r="OD26" s="123">
        <v>380247</v>
      </c>
      <c r="OE26" s="123">
        <v>384744</v>
      </c>
      <c r="OF26" s="124">
        <v>764991</v>
      </c>
      <c r="OG26" s="125">
        <v>764991</v>
      </c>
      <c r="OH26" s="160">
        <v>262950</v>
      </c>
      <c r="OI26" s="123">
        <v>416772</v>
      </c>
      <c r="OJ26" s="159">
        <v>679722</v>
      </c>
      <c r="OK26" s="122">
        <v>0</v>
      </c>
      <c r="OL26" s="123">
        <v>4788152</v>
      </c>
      <c r="OM26" s="123">
        <v>4807358</v>
      </c>
      <c r="ON26" s="123">
        <v>6809845</v>
      </c>
      <c r="OO26" s="123">
        <v>8600644</v>
      </c>
      <c r="OP26" s="123">
        <v>5393180</v>
      </c>
      <c r="OQ26" s="124">
        <v>30399179</v>
      </c>
      <c r="OR26" s="161">
        <v>31078901</v>
      </c>
    </row>
    <row r="27" spans="1:408" ht="20.25" customHeight="1" x14ac:dyDescent="0.2">
      <c r="A27" s="130" t="s">
        <v>22</v>
      </c>
      <c r="B27" s="113">
        <v>204637</v>
      </c>
      <c r="C27" s="117">
        <v>132784</v>
      </c>
      <c r="D27" s="116">
        <v>337421</v>
      </c>
      <c r="E27" s="112">
        <v>0</v>
      </c>
      <c r="F27" s="117">
        <v>1201932</v>
      </c>
      <c r="G27" s="117">
        <v>2669697</v>
      </c>
      <c r="H27" s="117">
        <v>1593065</v>
      </c>
      <c r="I27" s="117">
        <v>1467241</v>
      </c>
      <c r="J27" s="117">
        <v>1130176</v>
      </c>
      <c r="K27" s="201">
        <v>8062111</v>
      </c>
      <c r="L27" s="119">
        <v>8399532</v>
      </c>
      <c r="M27" s="113">
        <v>36077</v>
      </c>
      <c r="N27" s="117">
        <v>0</v>
      </c>
      <c r="O27" s="116">
        <v>36077</v>
      </c>
      <c r="P27" s="113">
        <v>0</v>
      </c>
      <c r="Q27" s="117">
        <v>239976</v>
      </c>
      <c r="R27" s="117">
        <v>342624</v>
      </c>
      <c r="S27" s="117">
        <v>268008</v>
      </c>
      <c r="T27" s="117">
        <v>460090</v>
      </c>
      <c r="U27" s="117">
        <v>445500</v>
      </c>
      <c r="V27" s="116">
        <v>1756198</v>
      </c>
      <c r="W27" s="119">
        <v>1792275</v>
      </c>
      <c r="X27" s="113">
        <v>0</v>
      </c>
      <c r="Y27" s="117">
        <v>0</v>
      </c>
      <c r="Z27" s="116">
        <v>0</v>
      </c>
      <c r="AA27" s="113">
        <v>0</v>
      </c>
      <c r="AB27" s="117">
        <v>77560</v>
      </c>
      <c r="AC27" s="117">
        <v>155603</v>
      </c>
      <c r="AD27" s="117">
        <v>68832</v>
      </c>
      <c r="AE27" s="117">
        <v>222401</v>
      </c>
      <c r="AF27" s="117">
        <v>177395</v>
      </c>
      <c r="AG27" s="116">
        <v>701791</v>
      </c>
      <c r="AH27" s="119">
        <v>701791</v>
      </c>
      <c r="AI27" s="113">
        <v>0</v>
      </c>
      <c r="AJ27" s="117">
        <v>0</v>
      </c>
      <c r="AK27" s="116">
        <v>0</v>
      </c>
      <c r="AL27" s="113">
        <v>0</v>
      </c>
      <c r="AM27" s="117">
        <v>0</v>
      </c>
      <c r="AN27" s="117">
        <v>0</v>
      </c>
      <c r="AO27" s="117">
        <v>54080</v>
      </c>
      <c r="AP27" s="117">
        <v>0</v>
      </c>
      <c r="AQ27" s="117">
        <v>97344</v>
      </c>
      <c r="AR27" s="116">
        <v>151424</v>
      </c>
      <c r="AS27" s="119">
        <v>151424</v>
      </c>
      <c r="AT27" s="113">
        <v>13541</v>
      </c>
      <c r="AU27" s="117">
        <v>0</v>
      </c>
      <c r="AV27" s="116">
        <v>13541</v>
      </c>
      <c r="AW27" s="113">
        <v>0</v>
      </c>
      <c r="AX27" s="117">
        <v>27440</v>
      </c>
      <c r="AY27" s="117">
        <v>93469</v>
      </c>
      <c r="AZ27" s="117">
        <v>107152</v>
      </c>
      <c r="BA27" s="117">
        <v>160145</v>
      </c>
      <c r="BB27" s="117">
        <v>86712</v>
      </c>
      <c r="BC27" s="116">
        <v>474918</v>
      </c>
      <c r="BD27" s="119">
        <v>488459</v>
      </c>
      <c r="BE27" s="113">
        <v>22536</v>
      </c>
      <c r="BF27" s="117">
        <v>0</v>
      </c>
      <c r="BG27" s="115">
        <v>22536</v>
      </c>
      <c r="BH27" s="114">
        <v>0</v>
      </c>
      <c r="BI27" s="117">
        <v>84536</v>
      </c>
      <c r="BJ27" s="117">
        <v>0</v>
      </c>
      <c r="BK27" s="117">
        <v>0</v>
      </c>
      <c r="BL27" s="117">
        <v>28088</v>
      </c>
      <c r="BM27" s="117">
        <v>72921</v>
      </c>
      <c r="BN27" s="116">
        <v>185545</v>
      </c>
      <c r="BO27" s="119">
        <v>208081</v>
      </c>
      <c r="BP27" s="113">
        <v>0</v>
      </c>
      <c r="BQ27" s="117">
        <v>0</v>
      </c>
      <c r="BR27" s="116">
        <v>0</v>
      </c>
      <c r="BS27" s="113">
        <v>0</v>
      </c>
      <c r="BT27" s="117">
        <v>50440</v>
      </c>
      <c r="BU27" s="117">
        <v>93552</v>
      </c>
      <c r="BV27" s="117">
        <v>37944</v>
      </c>
      <c r="BW27" s="117">
        <v>49456</v>
      </c>
      <c r="BX27" s="117">
        <v>11128</v>
      </c>
      <c r="BY27" s="116">
        <v>242520</v>
      </c>
      <c r="BZ27" s="119">
        <v>242520</v>
      </c>
      <c r="CA27" s="113">
        <v>0</v>
      </c>
      <c r="CB27" s="117">
        <v>0</v>
      </c>
      <c r="CC27" s="116">
        <v>0</v>
      </c>
      <c r="CD27" s="113">
        <v>0</v>
      </c>
      <c r="CE27" s="117">
        <v>601096</v>
      </c>
      <c r="CF27" s="117">
        <v>1620097</v>
      </c>
      <c r="CG27" s="117">
        <v>333274</v>
      </c>
      <c r="CH27" s="117">
        <v>195512</v>
      </c>
      <c r="CI27" s="117">
        <v>336168</v>
      </c>
      <c r="CJ27" s="116">
        <v>3086147</v>
      </c>
      <c r="CK27" s="119">
        <v>3086147</v>
      </c>
      <c r="CL27" s="113">
        <v>0</v>
      </c>
      <c r="CM27" s="117">
        <v>0</v>
      </c>
      <c r="CN27" s="116">
        <v>0</v>
      </c>
      <c r="CO27" s="114">
        <v>0</v>
      </c>
      <c r="CP27" s="117">
        <v>449983</v>
      </c>
      <c r="CQ27" s="117">
        <v>1524201</v>
      </c>
      <c r="CR27" s="117">
        <v>292106</v>
      </c>
      <c r="CS27" s="117">
        <v>128312</v>
      </c>
      <c r="CT27" s="117">
        <v>139680</v>
      </c>
      <c r="CU27" s="116">
        <v>2534282</v>
      </c>
      <c r="CV27" s="119">
        <v>2534282</v>
      </c>
      <c r="CW27" s="113">
        <v>0</v>
      </c>
      <c r="CX27" s="117">
        <v>0</v>
      </c>
      <c r="CY27" s="116">
        <v>0</v>
      </c>
      <c r="CZ27" s="113">
        <v>0</v>
      </c>
      <c r="DA27" s="117">
        <v>151113</v>
      </c>
      <c r="DB27" s="117">
        <v>95896</v>
      </c>
      <c r="DC27" s="117">
        <v>41168</v>
      </c>
      <c r="DD27" s="117">
        <v>67200</v>
      </c>
      <c r="DE27" s="117">
        <v>196488</v>
      </c>
      <c r="DF27" s="116">
        <v>551865</v>
      </c>
      <c r="DG27" s="119">
        <v>551865</v>
      </c>
      <c r="DH27" s="113">
        <v>0</v>
      </c>
      <c r="DI27" s="117">
        <v>0</v>
      </c>
      <c r="DJ27" s="115">
        <v>0</v>
      </c>
      <c r="DK27" s="114">
        <v>0</v>
      </c>
      <c r="DL27" s="117">
        <v>0</v>
      </c>
      <c r="DM27" s="117">
        <v>0</v>
      </c>
      <c r="DN27" s="117">
        <v>704375</v>
      </c>
      <c r="DO27" s="117">
        <v>285863</v>
      </c>
      <c r="DP27" s="117">
        <v>207716</v>
      </c>
      <c r="DQ27" s="116">
        <v>1197954</v>
      </c>
      <c r="DR27" s="119">
        <v>1197954</v>
      </c>
      <c r="DS27" s="113">
        <v>0</v>
      </c>
      <c r="DT27" s="117">
        <v>0</v>
      </c>
      <c r="DU27" s="116">
        <v>0</v>
      </c>
      <c r="DV27" s="113">
        <v>0</v>
      </c>
      <c r="DW27" s="117">
        <v>0</v>
      </c>
      <c r="DX27" s="117">
        <v>0</v>
      </c>
      <c r="DY27" s="117">
        <v>461710</v>
      </c>
      <c r="DZ27" s="117">
        <v>285863</v>
      </c>
      <c r="EA27" s="117">
        <v>207716</v>
      </c>
      <c r="EB27" s="116">
        <v>955289</v>
      </c>
      <c r="EC27" s="119">
        <v>955289</v>
      </c>
      <c r="ED27" s="113">
        <v>0</v>
      </c>
      <c r="EE27" s="115">
        <v>0</v>
      </c>
      <c r="EF27" s="116">
        <v>0</v>
      </c>
      <c r="EG27" s="113">
        <v>0</v>
      </c>
      <c r="EH27" s="117">
        <v>0</v>
      </c>
      <c r="EI27" s="117">
        <v>0</v>
      </c>
      <c r="EJ27" s="117">
        <v>242665</v>
      </c>
      <c r="EK27" s="117">
        <v>0</v>
      </c>
      <c r="EL27" s="117">
        <v>0</v>
      </c>
      <c r="EM27" s="115">
        <v>242665</v>
      </c>
      <c r="EN27" s="119">
        <v>242665</v>
      </c>
      <c r="EO27" s="113">
        <v>0</v>
      </c>
      <c r="EP27" s="117">
        <v>0</v>
      </c>
      <c r="EQ27" s="115">
        <v>0</v>
      </c>
      <c r="ER27" s="114">
        <v>0</v>
      </c>
      <c r="ES27" s="117">
        <v>0</v>
      </c>
      <c r="ET27" s="117">
        <v>0</v>
      </c>
      <c r="EU27" s="117">
        <v>0</v>
      </c>
      <c r="EV27" s="117">
        <v>0</v>
      </c>
      <c r="EW27" s="117">
        <v>0</v>
      </c>
      <c r="EX27" s="116">
        <v>0</v>
      </c>
      <c r="EY27" s="119">
        <v>0</v>
      </c>
      <c r="EZ27" s="113">
        <v>0</v>
      </c>
      <c r="FA27" s="117">
        <v>0</v>
      </c>
      <c r="FB27" s="115">
        <v>0</v>
      </c>
      <c r="FC27" s="387"/>
      <c r="FD27" s="117">
        <v>0</v>
      </c>
      <c r="FE27" s="117">
        <v>0</v>
      </c>
      <c r="FF27" s="117">
        <v>0</v>
      </c>
      <c r="FG27" s="117">
        <v>0</v>
      </c>
      <c r="FH27" s="117">
        <v>0</v>
      </c>
      <c r="FI27" s="116">
        <v>0</v>
      </c>
      <c r="FJ27" s="119">
        <v>0</v>
      </c>
      <c r="FK27" s="113">
        <v>168560</v>
      </c>
      <c r="FL27" s="117">
        <v>46080</v>
      </c>
      <c r="FM27" s="116">
        <v>214640</v>
      </c>
      <c r="FN27" s="113">
        <v>0</v>
      </c>
      <c r="FO27" s="117">
        <v>51120</v>
      </c>
      <c r="FP27" s="117">
        <v>195152</v>
      </c>
      <c r="FQ27" s="117">
        <v>132000</v>
      </c>
      <c r="FR27" s="117">
        <v>105920</v>
      </c>
      <c r="FS27" s="117">
        <v>140792</v>
      </c>
      <c r="FT27" s="116">
        <v>624984</v>
      </c>
      <c r="FU27" s="119">
        <v>839624</v>
      </c>
      <c r="FV27" s="118">
        <v>8560</v>
      </c>
      <c r="FW27" s="117">
        <v>31680</v>
      </c>
      <c r="FX27" s="115">
        <v>40240</v>
      </c>
      <c r="FY27" s="114">
        <v>0</v>
      </c>
      <c r="FZ27" s="117">
        <v>51120</v>
      </c>
      <c r="GA27" s="117">
        <v>155952</v>
      </c>
      <c r="GB27" s="117">
        <v>132000</v>
      </c>
      <c r="GC27" s="117">
        <v>105920</v>
      </c>
      <c r="GD27" s="117">
        <v>140792</v>
      </c>
      <c r="GE27" s="116">
        <v>585784</v>
      </c>
      <c r="GF27" s="351">
        <v>626024</v>
      </c>
      <c r="GG27" s="118">
        <v>0</v>
      </c>
      <c r="GH27" s="117">
        <v>14400</v>
      </c>
      <c r="GI27" s="115">
        <v>14400</v>
      </c>
      <c r="GJ27" s="114">
        <v>0</v>
      </c>
      <c r="GK27" s="117">
        <v>0</v>
      </c>
      <c r="GL27" s="117">
        <v>0</v>
      </c>
      <c r="GM27" s="117">
        <v>0</v>
      </c>
      <c r="GN27" s="117">
        <v>0</v>
      </c>
      <c r="GO27" s="117">
        <v>0</v>
      </c>
      <c r="GP27" s="116">
        <v>0</v>
      </c>
      <c r="GQ27" s="119">
        <v>14400</v>
      </c>
      <c r="GR27" s="113">
        <v>160000</v>
      </c>
      <c r="GS27" s="117">
        <v>0</v>
      </c>
      <c r="GT27" s="116">
        <v>160000</v>
      </c>
      <c r="GU27" s="113">
        <v>0</v>
      </c>
      <c r="GV27" s="117">
        <v>0</v>
      </c>
      <c r="GW27" s="117">
        <v>39200</v>
      </c>
      <c r="GX27" s="117">
        <v>0</v>
      </c>
      <c r="GY27" s="117">
        <v>0</v>
      </c>
      <c r="GZ27" s="117">
        <v>0</v>
      </c>
      <c r="HA27" s="115">
        <v>39200</v>
      </c>
      <c r="HB27" s="119">
        <v>199200</v>
      </c>
      <c r="HC27" s="113">
        <v>0</v>
      </c>
      <c r="HD27" s="117">
        <v>86704</v>
      </c>
      <c r="HE27" s="115">
        <v>86704</v>
      </c>
      <c r="HF27" s="114">
        <v>0</v>
      </c>
      <c r="HG27" s="117">
        <v>309740</v>
      </c>
      <c r="HH27" s="117">
        <v>511824</v>
      </c>
      <c r="HI27" s="117">
        <v>155408</v>
      </c>
      <c r="HJ27" s="117">
        <v>419856</v>
      </c>
      <c r="HK27" s="117">
        <v>0</v>
      </c>
      <c r="HL27" s="116">
        <v>1396828</v>
      </c>
      <c r="HM27" s="112">
        <v>1483532</v>
      </c>
      <c r="HN27" s="367"/>
      <c r="HO27" s="368"/>
      <c r="HP27" s="369"/>
      <c r="HQ27" s="370"/>
      <c r="HR27" s="368"/>
      <c r="HS27" s="368"/>
      <c r="HT27" s="368"/>
      <c r="HU27" s="368"/>
      <c r="HV27" s="368"/>
      <c r="HW27" s="371"/>
      <c r="HX27" s="372"/>
      <c r="HY27" s="149">
        <v>0</v>
      </c>
      <c r="HZ27" s="150">
        <v>0</v>
      </c>
      <c r="IA27" s="151">
        <v>0</v>
      </c>
      <c r="IB27" s="164">
        <v>0</v>
      </c>
      <c r="IC27" s="150">
        <v>1068199</v>
      </c>
      <c r="ID27" s="165">
        <v>757704</v>
      </c>
      <c r="IE27" s="151">
        <v>304021</v>
      </c>
      <c r="IF27" s="150">
        <v>1046040</v>
      </c>
      <c r="IG27" s="151">
        <v>278728</v>
      </c>
      <c r="IH27" s="166">
        <v>3454692</v>
      </c>
      <c r="II27" s="157">
        <v>3454692</v>
      </c>
      <c r="IJ27" s="262">
        <v>0</v>
      </c>
      <c r="IK27" s="269">
        <v>0</v>
      </c>
      <c r="IL27" s="270">
        <v>0</v>
      </c>
      <c r="IM27" s="158"/>
      <c r="IN27" s="123">
        <v>0</v>
      </c>
      <c r="IO27" s="123">
        <v>0</v>
      </c>
      <c r="IP27" s="123">
        <v>156168</v>
      </c>
      <c r="IQ27" s="123">
        <v>0</v>
      </c>
      <c r="IR27" s="123">
        <v>0</v>
      </c>
      <c r="IS27" s="159">
        <v>156168</v>
      </c>
      <c r="IT27" s="354">
        <v>156168</v>
      </c>
      <c r="IU27" s="160">
        <v>0</v>
      </c>
      <c r="IV27" s="123">
        <v>0</v>
      </c>
      <c r="IW27" s="124">
        <v>0</v>
      </c>
      <c r="IX27" s="162"/>
      <c r="IY27" s="123">
        <v>0</v>
      </c>
      <c r="IZ27" s="123">
        <v>0</v>
      </c>
      <c r="JA27" s="123">
        <v>0</v>
      </c>
      <c r="JB27" s="123">
        <v>0</v>
      </c>
      <c r="JC27" s="123">
        <v>0</v>
      </c>
      <c r="JD27" s="124">
        <v>0</v>
      </c>
      <c r="JE27" s="125">
        <v>0</v>
      </c>
      <c r="JF27" s="160">
        <v>0</v>
      </c>
      <c r="JG27" s="123">
        <v>0</v>
      </c>
      <c r="JH27" s="159">
        <v>0</v>
      </c>
      <c r="JI27" s="122">
        <v>0</v>
      </c>
      <c r="JJ27" s="123">
        <v>122224</v>
      </c>
      <c r="JK27" s="123">
        <v>143064</v>
      </c>
      <c r="JL27" s="123">
        <v>73978</v>
      </c>
      <c r="JM27" s="123">
        <v>131328</v>
      </c>
      <c r="JN27" s="123">
        <v>0</v>
      </c>
      <c r="JO27" s="124">
        <v>470594</v>
      </c>
      <c r="JP27" s="354">
        <v>470594</v>
      </c>
      <c r="JQ27" s="160">
        <v>0</v>
      </c>
      <c r="JR27" s="123">
        <v>0</v>
      </c>
      <c r="JS27" s="159">
        <v>0</v>
      </c>
      <c r="JT27" s="122">
        <v>0</v>
      </c>
      <c r="JU27" s="123">
        <v>93056</v>
      </c>
      <c r="JV27" s="123">
        <v>0</v>
      </c>
      <c r="JW27" s="123">
        <v>73875</v>
      </c>
      <c r="JX27" s="123">
        <v>127072</v>
      </c>
      <c r="JY27" s="123">
        <v>0</v>
      </c>
      <c r="JZ27" s="124">
        <v>294003</v>
      </c>
      <c r="KA27" s="354">
        <v>294003</v>
      </c>
      <c r="KB27" s="265">
        <v>0</v>
      </c>
      <c r="KC27" s="259">
        <v>0</v>
      </c>
      <c r="KD27" s="124">
        <v>0</v>
      </c>
      <c r="KE27" s="122">
        <v>0</v>
      </c>
      <c r="KF27" s="123">
        <v>626984</v>
      </c>
      <c r="KG27" s="123">
        <v>145784</v>
      </c>
      <c r="KH27" s="123">
        <v>0</v>
      </c>
      <c r="KI27" s="123">
        <v>0</v>
      </c>
      <c r="KJ27" s="123">
        <v>0</v>
      </c>
      <c r="KK27" s="124">
        <v>772768</v>
      </c>
      <c r="KL27" s="161">
        <v>772768</v>
      </c>
      <c r="KM27" s="262">
        <v>0</v>
      </c>
      <c r="KN27" s="269">
        <v>0</v>
      </c>
      <c r="KO27" s="270">
        <v>0</v>
      </c>
      <c r="KP27" s="158"/>
      <c r="KQ27" s="123">
        <v>225935</v>
      </c>
      <c r="KR27" s="123">
        <v>468856</v>
      </c>
      <c r="KS27" s="123">
        <v>0</v>
      </c>
      <c r="KT27" s="123">
        <v>0</v>
      </c>
      <c r="KU27" s="123">
        <v>0</v>
      </c>
      <c r="KV27" s="124">
        <v>694791</v>
      </c>
      <c r="KW27" s="354">
        <v>694791</v>
      </c>
      <c r="KX27" s="160">
        <v>0</v>
      </c>
      <c r="KY27" s="123">
        <v>0</v>
      </c>
      <c r="KZ27" s="124">
        <v>0</v>
      </c>
      <c r="LA27" s="163"/>
      <c r="LB27" s="123">
        <v>0</v>
      </c>
      <c r="LC27" s="123">
        <v>0</v>
      </c>
      <c r="LD27" s="123">
        <v>0</v>
      </c>
      <c r="LE27" s="123">
        <v>0</v>
      </c>
      <c r="LF27" s="123">
        <v>0</v>
      </c>
      <c r="LG27" s="124">
        <v>0</v>
      </c>
      <c r="LH27" s="125">
        <v>0</v>
      </c>
      <c r="LI27" s="160">
        <v>0</v>
      </c>
      <c r="LJ27" s="123">
        <v>0</v>
      </c>
      <c r="LK27" s="124">
        <v>0</v>
      </c>
      <c r="LL27" s="163"/>
      <c r="LM27" s="123">
        <v>0</v>
      </c>
      <c r="LN27" s="123">
        <v>0</v>
      </c>
      <c r="LO27" s="123">
        <v>0</v>
      </c>
      <c r="LP27" s="123">
        <v>787640</v>
      </c>
      <c r="LQ27" s="123">
        <v>278728</v>
      </c>
      <c r="LR27" s="124">
        <v>1066368</v>
      </c>
      <c r="LS27" s="354">
        <v>1066368</v>
      </c>
      <c r="LT27" s="160">
        <v>0</v>
      </c>
      <c r="LU27" s="123">
        <v>0</v>
      </c>
      <c r="LV27" s="124">
        <v>0</v>
      </c>
      <c r="LW27" s="163"/>
      <c r="LX27" s="123">
        <v>0</v>
      </c>
      <c r="LY27" s="123">
        <v>0</v>
      </c>
      <c r="LZ27" s="123">
        <v>0</v>
      </c>
      <c r="MA27" s="123">
        <v>0</v>
      </c>
      <c r="MB27" s="123">
        <v>0</v>
      </c>
      <c r="MC27" s="124">
        <v>0</v>
      </c>
      <c r="MD27" s="125">
        <v>0</v>
      </c>
      <c r="ME27" s="160">
        <v>0</v>
      </c>
      <c r="MF27" s="123">
        <v>0</v>
      </c>
      <c r="MG27" s="124">
        <v>0</v>
      </c>
      <c r="MH27" s="163"/>
      <c r="MI27" s="123">
        <v>0</v>
      </c>
      <c r="MJ27" s="123">
        <v>296760</v>
      </c>
      <c r="MK27" s="123">
        <v>363081</v>
      </c>
      <c r="ML27" s="123">
        <v>649230</v>
      </c>
      <c r="MM27" s="123">
        <v>306400</v>
      </c>
      <c r="MN27" s="124">
        <v>1615471</v>
      </c>
      <c r="MO27" s="161">
        <v>1615471</v>
      </c>
      <c r="MP27" s="160">
        <v>0</v>
      </c>
      <c r="MQ27" s="123">
        <v>0</v>
      </c>
      <c r="MR27" s="124">
        <v>0</v>
      </c>
      <c r="MS27" s="163"/>
      <c r="MT27" s="123">
        <v>0</v>
      </c>
      <c r="MU27" s="123">
        <v>0</v>
      </c>
      <c r="MV27" s="123">
        <v>240048</v>
      </c>
      <c r="MW27" s="123">
        <v>649230</v>
      </c>
      <c r="MX27" s="123">
        <v>0</v>
      </c>
      <c r="MY27" s="124">
        <v>889278</v>
      </c>
      <c r="MZ27" s="161">
        <v>889278</v>
      </c>
      <c r="NA27" s="160">
        <v>0</v>
      </c>
      <c r="NB27" s="123">
        <v>0</v>
      </c>
      <c r="NC27" s="124">
        <v>0</v>
      </c>
      <c r="ND27" s="163"/>
      <c r="NE27" s="123">
        <v>0</v>
      </c>
      <c r="NF27" s="123">
        <v>296760</v>
      </c>
      <c r="NG27" s="123">
        <v>123033</v>
      </c>
      <c r="NH27" s="123">
        <v>0</v>
      </c>
      <c r="NI27" s="123">
        <v>306400</v>
      </c>
      <c r="NJ27" s="124">
        <v>726193</v>
      </c>
      <c r="NK27" s="354">
        <v>726193</v>
      </c>
      <c r="NL27" s="160">
        <v>0</v>
      </c>
      <c r="NM27" s="123">
        <v>0</v>
      </c>
      <c r="NN27" s="124">
        <v>0</v>
      </c>
      <c r="NO27" s="163"/>
      <c r="NP27" s="123">
        <v>0</v>
      </c>
      <c r="NQ27" s="123">
        <v>0</v>
      </c>
      <c r="NR27" s="123">
        <v>0</v>
      </c>
      <c r="NS27" s="123">
        <v>0</v>
      </c>
      <c r="NT27" s="123">
        <v>0</v>
      </c>
      <c r="NU27" s="124">
        <v>0</v>
      </c>
      <c r="NV27" s="125">
        <v>0</v>
      </c>
      <c r="NW27" s="160">
        <v>0</v>
      </c>
      <c r="NX27" s="123">
        <v>0</v>
      </c>
      <c r="NY27" s="124">
        <v>0</v>
      </c>
      <c r="NZ27" s="163"/>
      <c r="OA27" s="123">
        <v>0</v>
      </c>
      <c r="OB27" s="123">
        <v>0</v>
      </c>
      <c r="OC27" s="123">
        <v>0</v>
      </c>
      <c r="OD27" s="123">
        <v>0</v>
      </c>
      <c r="OE27" s="123">
        <v>0</v>
      </c>
      <c r="OF27" s="124">
        <v>0</v>
      </c>
      <c r="OG27" s="125">
        <v>0</v>
      </c>
      <c r="OH27" s="160">
        <v>204637</v>
      </c>
      <c r="OI27" s="123">
        <v>132784</v>
      </c>
      <c r="OJ27" s="159">
        <v>337421</v>
      </c>
      <c r="OK27" s="122">
        <v>0</v>
      </c>
      <c r="OL27" s="123">
        <v>2270131</v>
      </c>
      <c r="OM27" s="123">
        <v>3724161</v>
      </c>
      <c r="ON27" s="123">
        <v>2260167</v>
      </c>
      <c r="OO27" s="123">
        <v>3162511</v>
      </c>
      <c r="OP27" s="123">
        <v>1715304</v>
      </c>
      <c r="OQ27" s="124">
        <v>13132274</v>
      </c>
      <c r="OR27" s="161">
        <v>13469695</v>
      </c>
    </row>
    <row r="28" spans="1:408" ht="20.25" customHeight="1" x14ac:dyDescent="0.2">
      <c r="A28" s="130" t="s">
        <v>23</v>
      </c>
      <c r="B28" s="113">
        <v>256486</v>
      </c>
      <c r="C28" s="117">
        <v>451646</v>
      </c>
      <c r="D28" s="116">
        <v>708132</v>
      </c>
      <c r="E28" s="112">
        <v>0</v>
      </c>
      <c r="F28" s="117">
        <v>2759310</v>
      </c>
      <c r="G28" s="117">
        <v>2632220</v>
      </c>
      <c r="H28" s="117">
        <v>1942167</v>
      </c>
      <c r="I28" s="117">
        <v>2882331</v>
      </c>
      <c r="J28" s="117">
        <v>1686421</v>
      </c>
      <c r="K28" s="201">
        <v>11902449</v>
      </c>
      <c r="L28" s="119">
        <v>12610581</v>
      </c>
      <c r="M28" s="113">
        <v>137215</v>
      </c>
      <c r="N28" s="117">
        <v>105980</v>
      </c>
      <c r="O28" s="116">
        <v>243195</v>
      </c>
      <c r="P28" s="113">
        <v>0</v>
      </c>
      <c r="Q28" s="117">
        <v>571050</v>
      </c>
      <c r="R28" s="117">
        <v>1108416</v>
      </c>
      <c r="S28" s="117">
        <v>569333</v>
      </c>
      <c r="T28" s="117">
        <v>678619</v>
      </c>
      <c r="U28" s="117">
        <v>933453</v>
      </c>
      <c r="V28" s="116">
        <v>3860871</v>
      </c>
      <c r="W28" s="119">
        <v>4104066</v>
      </c>
      <c r="X28" s="113">
        <v>0</v>
      </c>
      <c r="Y28" s="117">
        <v>0</v>
      </c>
      <c r="Z28" s="116">
        <v>0</v>
      </c>
      <c r="AA28" s="113">
        <v>0</v>
      </c>
      <c r="AB28" s="117">
        <v>99885</v>
      </c>
      <c r="AC28" s="117">
        <v>535153</v>
      </c>
      <c r="AD28" s="117">
        <v>375131</v>
      </c>
      <c r="AE28" s="117">
        <v>439673</v>
      </c>
      <c r="AF28" s="117">
        <v>814361</v>
      </c>
      <c r="AG28" s="116">
        <v>2264203</v>
      </c>
      <c r="AH28" s="119">
        <v>2264203</v>
      </c>
      <c r="AI28" s="113">
        <v>0</v>
      </c>
      <c r="AJ28" s="117">
        <v>0</v>
      </c>
      <c r="AK28" s="116">
        <v>0</v>
      </c>
      <c r="AL28" s="113">
        <v>0</v>
      </c>
      <c r="AM28" s="117">
        <v>0</v>
      </c>
      <c r="AN28" s="117">
        <v>0</v>
      </c>
      <c r="AO28" s="117">
        <v>0</v>
      </c>
      <c r="AP28" s="117">
        <v>0</v>
      </c>
      <c r="AQ28" s="117">
        <v>0</v>
      </c>
      <c r="AR28" s="116">
        <v>0</v>
      </c>
      <c r="AS28" s="119">
        <v>0</v>
      </c>
      <c r="AT28" s="113">
        <v>73679</v>
      </c>
      <c r="AU28" s="117">
        <v>86780</v>
      </c>
      <c r="AV28" s="116">
        <v>160459</v>
      </c>
      <c r="AW28" s="113">
        <v>0</v>
      </c>
      <c r="AX28" s="117">
        <v>284888</v>
      </c>
      <c r="AY28" s="117">
        <v>316663</v>
      </c>
      <c r="AZ28" s="117">
        <v>124290</v>
      </c>
      <c r="BA28" s="117">
        <v>146842</v>
      </c>
      <c r="BB28" s="117">
        <v>8868</v>
      </c>
      <c r="BC28" s="116">
        <v>881551</v>
      </c>
      <c r="BD28" s="119">
        <v>1042010</v>
      </c>
      <c r="BE28" s="113">
        <v>0</v>
      </c>
      <c r="BF28" s="117">
        <v>0</v>
      </c>
      <c r="BG28" s="115">
        <v>0</v>
      </c>
      <c r="BH28" s="114">
        <v>0</v>
      </c>
      <c r="BI28" s="117">
        <v>43701</v>
      </c>
      <c r="BJ28" s="117">
        <v>122784</v>
      </c>
      <c r="BK28" s="117">
        <v>0</v>
      </c>
      <c r="BL28" s="117">
        <v>0</v>
      </c>
      <c r="BM28" s="117">
        <v>0</v>
      </c>
      <c r="BN28" s="116">
        <v>166485</v>
      </c>
      <c r="BO28" s="119">
        <v>166485</v>
      </c>
      <c r="BP28" s="113">
        <v>63536</v>
      </c>
      <c r="BQ28" s="117">
        <v>19200</v>
      </c>
      <c r="BR28" s="116">
        <v>82736</v>
      </c>
      <c r="BS28" s="113">
        <v>0</v>
      </c>
      <c r="BT28" s="117">
        <v>142576</v>
      </c>
      <c r="BU28" s="117">
        <v>133816</v>
      </c>
      <c r="BV28" s="117">
        <v>69912</v>
      </c>
      <c r="BW28" s="117">
        <v>92104</v>
      </c>
      <c r="BX28" s="117">
        <v>110224</v>
      </c>
      <c r="BY28" s="116">
        <v>548632</v>
      </c>
      <c r="BZ28" s="119">
        <v>631368</v>
      </c>
      <c r="CA28" s="113">
        <v>0</v>
      </c>
      <c r="CB28" s="117">
        <v>0</v>
      </c>
      <c r="CC28" s="116">
        <v>0</v>
      </c>
      <c r="CD28" s="113">
        <v>0</v>
      </c>
      <c r="CE28" s="117">
        <v>1085194</v>
      </c>
      <c r="CF28" s="117">
        <v>743399</v>
      </c>
      <c r="CG28" s="117">
        <v>741163</v>
      </c>
      <c r="CH28" s="117">
        <v>1018848</v>
      </c>
      <c r="CI28" s="117">
        <v>0</v>
      </c>
      <c r="CJ28" s="116">
        <v>3588604</v>
      </c>
      <c r="CK28" s="119">
        <v>3588604</v>
      </c>
      <c r="CL28" s="113">
        <v>0</v>
      </c>
      <c r="CM28" s="117">
        <v>0</v>
      </c>
      <c r="CN28" s="116">
        <v>0</v>
      </c>
      <c r="CO28" s="114">
        <v>0</v>
      </c>
      <c r="CP28" s="117">
        <v>933521</v>
      </c>
      <c r="CQ28" s="117">
        <v>560544</v>
      </c>
      <c r="CR28" s="117">
        <v>574194</v>
      </c>
      <c r="CS28" s="117">
        <v>546105</v>
      </c>
      <c r="CT28" s="117">
        <v>0</v>
      </c>
      <c r="CU28" s="116">
        <v>2614364</v>
      </c>
      <c r="CV28" s="119">
        <v>2614364</v>
      </c>
      <c r="CW28" s="113">
        <v>0</v>
      </c>
      <c r="CX28" s="117">
        <v>0</v>
      </c>
      <c r="CY28" s="116">
        <v>0</v>
      </c>
      <c r="CZ28" s="113">
        <v>0</v>
      </c>
      <c r="DA28" s="117">
        <v>151673</v>
      </c>
      <c r="DB28" s="117">
        <v>182855</v>
      </c>
      <c r="DC28" s="117">
        <v>166969</v>
      </c>
      <c r="DD28" s="117">
        <v>472743</v>
      </c>
      <c r="DE28" s="117">
        <v>0</v>
      </c>
      <c r="DF28" s="116">
        <v>974240</v>
      </c>
      <c r="DG28" s="119">
        <v>974240</v>
      </c>
      <c r="DH28" s="113">
        <v>0</v>
      </c>
      <c r="DI28" s="117">
        <v>0</v>
      </c>
      <c r="DJ28" s="115">
        <v>0</v>
      </c>
      <c r="DK28" s="114">
        <v>0</v>
      </c>
      <c r="DL28" s="117">
        <v>118343</v>
      </c>
      <c r="DM28" s="117">
        <v>80728</v>
      </c>
      <c r="DN28" s="117">
        <v>326557</v>
      </c>
      <c r="DO28" s="117">
        <v>347235</v>
      </c>
      <c r="DP28" s="117">
        <v>0</v>
      </c>
      <c r="DQ28" s="116">
        <v>872863</v>
      </c>
      <c r="DR28" s="119">
        <v>872863</v>
      </c>
      <c r="DS28" s="113">
        <v>0</v>
      </c>
      <c r="DT28" s="117">
        <v>0</v>
      </c>
      <c r="DU28" s="116">
        <v>0</v>
      </c>
      <c r="DV28" s="113">
        <v>0</v>
      </c>
      <c r="DW28" s="117">
        <v>89092</v>
      </c>
      <c r="DX28" s="117">
        <v>80728</v>
      </c>
      <c r="DY28" s="117">
        <v>326557</v>
      </c>
      <c r="DZ28" s="117">
        <v>347235</v>
      </c>
      <c r="EA28" s="117">
        <v>0</v>
      </c>
      <c r="EB28" s="116">
        <v>843612</v>
      </c>
      <c r="EC28" s="119">
        <v>843612</v>
      </c>
      <c r="ED28" s="113">
        <v>0</v>
      </c>
      <c r="EE28" s="115">
        <v>0</v>
      </c>
      <c r="EF28" s="116">
        <v>0</v>
      </c>
      <c r="EG28" s="113">
        <v>0</v>
      </c>
      <c r="EH28" s="117">
        <v>29251</v>
      </c>
      <c r="EI28" s="117">
        <v>0</v>
      </c>
      <c r="EJ28" s="117">
        <v>0</v>
      </c>
      <c r="EK28" s="117">
        <v>0</v>
      </c>
      <c r="EL28" s="117">
        <v>0</v>
      </c>
      <c r="EM28" s="115">
        <v>29251</v>
      </c>
      <c r="EN28" s="119">
        <v>29251</v>
      </c>
      <c r="EO28" s="113">
        <v>0</v>
      </c>
      <c r="EP28" s="117">
        <v>0</v>
      </c>
      <c r="EQ28" s="115">
        <v>0</v>
      </c>
      <c r="ER28" s="114">
        <v>0</v>
      </c>
      <c r="ES28" s="117">
        <v>0</v>
      </c>
      <c r="ET28" s="117">
        <v>0</v>
      </c>
      <c r="EU28" s="117">
        <v>0</v>
      </c>
      <c r="EV28" s="117">
        <v>0</v>
      </c>
      <c r="EW28" s="117">
        <v>0</v>
      </c>
      <c r="EX28" s="116">
        <v>0</v>
      </c>
      <c r="EY28" s="119">
        <v>0</v>
      </c>
      <c r="EZ28" s="113">
        <v>0</v>
      </c>
      <c r="FA28" s="117">
        <v>0</v>
      </c>
      <c r="FB28" s="115">
        <v>0</v>
      </c>
      <c r="FC28" s="387"/>
      <c r="FD28" s="117">
        <v>0</v>
      </c>
      <c r="FE28" s="117">
        <v>0</v>
      </c>
      <c r="FF28" s="117">
        <v>0</v>
      </c>
      <c r="FG28" s="117">
        <v>0</v>
      </c>
      <c r="FH28" s="117">
        <v>0</v>
      </c>
      <c r="FI28" s="116">
        <v>0</v>
      </c>
      <c r="FJ28" s="119">
        <v>0</v>
      </c>
      <c r="FK28" s="113">
        <v>3520</v>
      </c>
      <c r="FL28" s="117">
        <v>162440</v>
      </c>
      <c r="FM28" s="116">
        <v>165960</v>
      </c>
      <c r="FN28" s="113">
        <v>0</v>
      </c>
      <c r="FO28" s="117">
        <v>176656</v>
      </c>
      <c r="FP28" s="117">
        <v>346704</v>
      </c>
      <c r="FQ28" s="117">
        <v>108120</v>
      </c>
      <c r="FR28" s="117">
        <v>198936</v>
      </c>
      <c r="FS28" s="117">
        <v>46760</v>
      </c>
      <c r="FT28" s="116">
        <v>877176</v>
      </c>
      <c r="FU28" s="119">
        <v>1043136</v>
      </c>
      <c r="FV28" s="118">
        <v>3520</v>
      </c>
      <c r="FW28" s="117">
        <v>36600</v>
      </c>
      <c r="FX28" s="115">
        <v>40120</v>
      </c>
      <c r="FY28" s="114">
        <v>0</v>
      </c>
      <c r="FZ28" s="117">
        <v>81456</v>
      </c>
      <c r="GA28" s="117">
        <v>346704</v>
      </c>
      <c r="GB28" s="117">
        <v>108120</v>
      </c>
      <c r="GC28" s="117">
        <v>198936</v>
      </c>
      <c r="GD28" s="117">
        <v>46760</v>
      </c>
      <c r="GE28" s="116">
        <v>781976</v>
      </c>
      <c r="GF28" s="351">
        <v>822096</v>
      </c>
      <c r="GG28" s="118">
        <v>0</v>
      </c>
      <c r="GH28" s="117">
        <v>0</v>
      </c>
      <c r="GI28" s="115">
        <v>0</v>
      </c>
      <c r="GJ28" s="114">
        <v>0</v>
      </c>
      <c r="GK28" s="117">
        <v>0</v>
      </c>
      <c r="GL28" s="117">
        <v>0</v>
      </c>
      <c r="GM28" s="117">
        <v>0</v>
      </c>
      <c r="GN28" s="117">
        <v>0</v>
      </c>
      <c r="GO28" s="117">
        <v>0</v>
      </c>
      <c r="GP28" s="116">
        <v>0</v>
      </c>
      <c r="GQ28" s="119">
        <v>0</v>
      </c>
      <c r="GR28" s="113">
        <v>0</v>
      </c>
      <c r="GS28" s="117">
        <v>125840</v>
      </c>
      <c r="GT28" s="116">
        <v>125840</v>
      </c>
      <c r="GU28" s="113">
        <v>0</v>
      </c>
      <c r="GV28" s="117">
        <v>95200</v>
      </c>
      <c r="GW28" s="117">
        <v>0</v>
      </c>
      <c r="GX28" s="117">
        <v>0</v>
      </c>
      <c r="GY28" s="117">
        <v>0</v>
      </c>
      <c r="GZ28" s="117">
        <v>0</v>
      </c>
      <c r="HA28" s="115">
        <v>95200</v>
      </c>
      <c r="HB28" s="119">
        <v>221040</v>
      </c>
      <c r="HC28" s="113">
        <v>115751</v>
      </c>
      <c r="HD28" s="117">
        <v>183226</v>
      </c>
      <c r="HE28" s="115">
        <v>298977</v>
      </c>
      <c r="HF28" s="114">
        <v>0</v>
      </c>
      <c r="HG28" s="117">
        <v>808067</v>
      </c>
      <c r="HH28" s="117">
        <v>352973</v>
      </c>
      <c r="HI28" s="117">
        <v>196994</v>
      </c>
      <c r="HJ28" s="117">
        <v>638693</v>
      </c>
      <c r="HK28" s="117">
        <v>706208</v>
      </c>
      <c r="HL28" s="116">
        <v>2702935</v>
      </c>
      <c r="HM28" s="112">
        <v>3001912</v>
      </c>
      <c r="HN28" s="367"/>
      <c r="HO28" s="368"/>
      <c r="HP28" s="369"/>
      <c r="HQ28" s="370"/>
      <c r="HR28" s="368"/>
      <c r="HS28" s="368"/>
      <c r="HT28" s="368"/>
      <c r="HU28" s="368"/>
      <c r="HV28" s="368"/>
      <c r="HW28" s="371"/>
      <c r="HX28" s="372"/>
      <c r="HY28" s="168">
        <v>0</v>
      </c>
      <c r="HZ28" s="153">
        <v>0</v>
      </c>
      <c r="IA28" s="168">
        <v>0</v>
      </c>
      <c r="IB28" s="152">
        <v>0</v>
      </c>
      <c r="IC28" s="153">
        <v>912583</v>
      </c>
      <c r="ID28" s="154">
        <v>748367</v>
      </c>
      <c r="IE28" s="155">
        <v>21451</v>
      </c>
      <c r="IF28" s="153">
        <v>339388</v>
      </c>
      <c r="IG28" s="155">
        <v>0</v>
      </c>
      <c r="IH28" s="156">
        <v>2021789</v>
      </c>
      <c r="II28" s="168">
        <v>2021789</v>
      </c>
      <c r="IJ28" s="262">
        <v>0</v>
      </c>
      <c r="IK28" s="269">
        <v>0</v>
      </c>
      <c r="IL28" s="270">
        <v>0</v>
      </c>
      <c r="IM28" s="158"/>
      <c r="IN28" s="123">
        <v>0</v>
      </c>
      <c r="IO28" s="123">
        <v>0</v>
      </c>
      <c r="IP28" s="123">
        <v>0</v>
      </c>
      <c r="IQ28" s="123">
        <v>0</v>
      </c>
      <c r="IR28" s="123">
        <v>0</v>
      </c>
      <c r="IS28" s="159">
        <v>0</v>
      </c>
      <c r="IT28" s="354">
        <v>0</v>
      </c>
      <c r="IU28" s="160">
        <v>0</v>
      </c>
      <c r="IV28" s="123">
        <v>0</v>
      </c>
      <c r="IW28" s="124">
        <v>0</v>
      </c>
      <c r="IX28" s="162"/>
      <c r="IY28" s="123">
        <v>0</v>
      </c>
      <c r="IZ28" s="123">
        <v>0</v>
      </c>
      <c r="JA28" s="123">
        <v>0</v>
      </c>
      <c r="JB28" s="123">
        <v>0</v>
      </c>
      <c r="JC28" s="123">
        <v>0</v>
      </c>
      <c r="JD28" s="124">
        <v>0</v>
      </c>
      <c r="JE28" s="125">
        <v>0</v>
      </c>
      <c r="JF28" s="160">
        <v>0</v>
      </c>
      <c r="JG28" s="123">
        <v>0</v>
      </c>
      <c r="JH28" s="159">
        <v>0</v>
      </c>
      <c r="JI28" s="122">
        <v>0</v>
      </c>
      <c r="JJ28" s="123">
        <v>230233</v>
      </c>
      <c r="JK28" s="123">
        <v>19236</v>
      </c>
      <c r="JL28" s="123">
        <v>21451</v>
      </c>
      <c r="JM28" s="123">
        <v>339388</v>
      </c>
      <c r="JN28" s="123">
        <v>0</v>
      </c>
      <c r="JO28" s="124">
        <v>610308</v>
      </c>
      <c r="JP28" s="354">
        <v>610308</v>
      </c>
      <c r="JQ28" s="160">
        <v>0</v>
      </c>
      <c r="JR28" s="123">
        <v>0</v>
      </c>
      <c r="JS28" s="159">
        <v>0</v>
      </c>
      <c r="JT28" s="122">
        <v>0</v>
      </c>
      <c r="JU28" s="123">
        <v>0</v>
      </c>
      <c r="JV28" s="123">
        <v>0</v>
      </c>
      <c r="JW28" s="123">
        <v>0</v>
      </c>
      <c r="JX28" s="123">
        <v>0</v>
      </c>
      <c r="JY28" s="123">
        <v>0</v>
      </c>
      <c r="JZ28" s="124">
        <v>0</v>
      </c>
      <c r="KA28" s="354">
        <v>0</v>
      </c>
      <c r="KB28" s="265">
        <v>0</v>
      </c>
      <c r="KC28" s="259">
        <v>0</v>
      </c>
      <c r="KD28" s="124">
        <v>0</v>
      </c>
      <c r="KE28" s="122">
        <v>0</v>
      </c>
      <c r="KF28" s="123">
        <v>0</v>
      </c>
      <c r="KG28" s="123">
        <v>0</v>
      </c>
      <c r="KH28" s="123">
        <v>0</v>
      </c>
      <c r="KI28" s="123">
        <v>0</v>
      </c>
      <c r="KJ28" s="123">
        <v>0</v>
      </c>
      <c r="KK28" s="124">
        <v>0</v>
      </c>
      <c r="KL28" s="161">
        <v>0</v>
      </c>
      <c r="KM28" s="262">
        <v>0</v>
      </c>
      <c r="KN28" s="269">
        <v>0</v>
      </c>
      <c r="KO28" s="270">
        <v>0</v>
      </c>
      <c r="KP28" s="158"/>
      <c r="KQ28" s="123">
        <v>682350</v>
      </c>
      <c r="KR28" s="123">
        <v>729131</v>
      </c>
      <c r="KS28" s="123">
        <v>0</v>
      </c>
      <c r="KT28" s="123">
        <v>0</v>
      </c>
      <c r="KU28" s="123">
        <v>0</v>
      </c>
      <c r="KV28" s="124">
        <v>1411481</v>
      </c>
      <c r="KW28" s="354">
        <v>1411481</v>
      </c>
      <c r="KX28" s="160">
        <v>0</v>
      </c>
      <c r="KY28" s="123">
        <v>0</v>
      </c>
      <c r="KZ28" s="124">
        <v>0</v>
      </c>
      <c r="LA28" s="163"/>
      <c r="LB28" s="123">
        <v>0</v>
      </c>
      <c r="LC28" s="123">
        <v>0</v>
      </c>
      <c r="LD28" s="123">
        <v>0</v>
      </c>
      <c r="LE28" s="123">
        <v>0</v>
      </c>
      <c r="LF28" s="123">
        <v>0</v>
      </c>
      <c r="LG28" s="124">
        <v>0</v>
      </c>
      <c r="LH28" s="125">
        <v>0</v>
      </c>
      <c r="LI28" s="160">
        <v>0</v>
      </c>
      <c r="LJ28" s="123">
        <v>0</v>
      </c>
      <c r="LK28" s="124">
        <v>0</v>
      </c>
      <c r="LL28" s="163"/>
      <c r="LM28" s="123">
        <v>0</v>
      </c>
      <c r="LN28" s="123">
        <v>0</v>
      </c>
      <c r="LO28" s="123">
        <v>0</v>
      </c>
      <c r="LP28" s="123">
        <v>0</v>
      </c>
      <c r="LQ28" s="123">
        <v>0</v>
      </c>
      <c r="LR28" s="124">
        <v>0</v>
      </c>
      <c r="LS28" s="354">
        <v>0</v>
      </c>
      <c r="LT28" s="160">
        <v>0</v>
      </c>
      <c r="LU28" s="123">
        <v>0</v>
      </c>
      <c r="LV28" s="124">
        <v>0</v>
      </c>
      <c r="LW28" s="163"/>
      <c r="LX28" s="123">
        <v>0</v>
      </c>
      <c r="LY28" s="123">
        <v>0</v>
      </c>
      <c r="LZ28" s="123">
        <v>0</v>
      </c>
      <c r="MA28" s="123">
        <v>0</v>
      </c>
      <c r="MB28" s="123">
        <v>0</v>
      </c>
      <c r="MC28" s="124">
        <v>0</v>
      </c>
      <c r="MD28" s="125">
        <v>0</v>
      </c>
      <c r="ME28" s="160">
        <v>0</v>
      </c>
      <c r="MF28" s="123">
        <v>0</v>
      </c>
      <c r="MG28" s="124">
        <v>0</v>
      </c>
      <c r="MH28" s="163"/>
      <c r="MI28" s="123">
        <v>223596</v>
      </c>
      <c r="MJ28" s="123">
        <v>258120</v>
      </c>
      <c r="MK28" s="123">
        <v>257521</v>
      </c>
      <c r="ML28" s="123">
        <v>1721614</v>
      </c>
      <c r="MM28" s="123">
        <v>207587</v>
      </c>
      <c r="MN28" s="124">
        <v>2668438</v>
      </c>
      <c r="MO28" s="161">
        <v>2668438</v>
      </c>
      <c r="MP28" s="160">
        <v>0</v>
      </c>
      <c r="MQ28" s="123">
        <v>0</v>
      </c>
      <c r="MR28" s="124">
        <v>0</v>
      </c>
      <c r="MS28" s="163"/>
      <c r="MT28" s="123">
        <v>223596</v>
      </c>
      <c r="MU28" s="123">
        <v>0</v>
      </c>
      <c r="MV28" s="123">
        <v>257521</v>
      </c>
      <c r="MW28" s="123">
        <v>1029714</v>
      </c>
      <c r="MX28" s="123">
        <v>207587</v>
      </c>
      <c r="MY28" s="124">
        <v>1718418</v>
      </c>
      <c r="MZ28" s="161">
        <v>1718418</v>
      </c>
      <c r="NA28" s="160">
        <v>0</v>
      </c>
      <c r="NB28" s="123">
        <v>0</v>
      </c>
      <c r="NC28" s="124">
        <v>0</v>
      </c>
      <c r="ND28" s="163"/>
      <c r="NE28" s="123">
        <v>0</v>
      </c>
      <c r="NF28" s="123">
        <v>258120</v>
      </c>
      <c r="NG28" s="123">
        <v>0</v>
      </c>
      <c r="NH28" s="123">
        <v>691900</v>
      </c>
      <c r="NI28" s="123">
        <v>0</v>
      </c>
      <c r="NJ28" s="124">
        <v>950020</v>
      </c>
      <c r="NK28" s="354">
        <v>950020</v>
      </c>
      <c r="NL28" s="160">
        <v>0</v>
      </c>
      <c r="NM28" s="123">
        <v>0</v>
      </c>
      <c r="NN28" s="124">
        <v>0</v>
      </c>
      <c r="NO28" s="163"/>
      <c r="NP28" s="123">
        <v>0</v>
      </c>
      <c r="NQ28" s="123">
        <v>0</v>
      </c>
      <c r="NR28" s="123">
        <v>0</v>
      </c>
      <c r="NS28" s="123">
        <v>0</v>
      </c>
      <c r="NT28" s="123">
        <v>0</v>
      </c>
      <c r="NU28" s="124">
        <v>0</v>
      </c>
      <c r="NV28" s="125">
        <v>0</v>
      </c>
      <c r="NW28" s="160">
        <v>0</v>
      </c>
      <c r="NX28" s="123">
        <v>0</v>
      </c>
      <c r="NY28" s="124">
        <v>0</v>
      </c>
      <c r="NZ28" s="163"/>
      <c r="OA28" s="123">
        <v>0</v>
      </c>
      <c r="OB28" s="123">
        <v>0</v>
      </c>
      <c r="OC28" s="123">
        <v>0</v>
      </c>
      <c r="OD28" s="123">
        <v>0</v>
      </c>
      <c r="OE28" s="123">
        <v>0</v>
      </c>
      <c r="OF28" s="124">
        <v>0</v>
      </c>
      <c r="OG28" s="125">
        <v>0</v>
      </c>
      <c r="OH28" s="160">
        <v>256486</v>
      </c>
      <c r="OI28" s="123">
        <v>451646</v>
      </c>
      <c r="OJ28" s="159">
        <v>708132</v>
      </c>
      <c r="OK28" s="122">
        <v>0</v>
      </c>
      <c r="OL28" s="123">
        <v>3895489</v>
      </c>
      <c r="OM28" s="123">
        <v>3638707</v>
      </c>
      <c r="ON28" s="123">
        <v>2221139</v>
      </c>
      <c r="OO28" s="123">
        <v>4943333</v>
      </c>
      <c r="OP28" s="123">
        <v>1894008</v>
      </c>
      <c r="OQ28" s="124">
        <v>16592676</v>
      </c>
      <c r="OR28" s="161">
        <v>17300808</v>
      </c>
    </row>
    <row r="29" spans="1:408" ht="20.25" customHeight="1" x14ac:dyDescent="0.2">
      <c r="A29" s="130" t="s">
        <v>24</v>
      </c>
      <c r="B29" s="113">
        <v>388570</v>
      </c>
      <c r="C29" s="117">
        <v>365616</v>
      </c>
      <c r="D29" s="116">
        <v>754186</v>
      </c>
      <c r="E29" s="112">
        <v>0</v>
      </c>
      <c r="F29" s="117">
        <v>2166699</v>
      </c>
      <c r="G29" s="117">
        <v>2623134</v>
      </c>
      <c r="H29" s="117">
        <v>2119665</v>
      </c>
      <c r="I29" s="117">
        <v>1519720</v>
      </c>
      <c r="J29" s="117">
        <v>396907</v>
      </c>
      <c r="K29" s="201">
        <v>8826125</v>
      </c>
      <c r="L29" s="119">
        <v>9580311</v>
      </c>
      <c r="M29" s="113">
        <v>188676</v>
      </c>
      <c r="N29" s="117">
        <v>132142</v>
      </c>
      <c r="O29" s="116">
        <v>320818</v>
      </c>
      <c r="P29" s="113">
        <v>0</v>
      </c>
      <c r="Q29" s="117">
        <v>1113217</v>
      </c>
      <c r="R29" s="117">
        <v>823574</v>
      </c>
      <c r="S29" s="117">
        <v>440645</v>
      </c>
      <c r="T29" s="117">
        <v>735116</v>
      </c>
      <c r="U29" s="117">
        <v>319411</v>
      </c>
      <c r="V29" s="116">
        <v>3431963</v>
      </c>
      <c r="W29" s="119">
        <v>3752781</v>
      </c>
      <c r="X29" s="113">
        <v>0</v>
      </c>
      <c r="Y29" s="117">
        <v>0</v>
      </c>
      <c r="Z29" s="116">
        <v>0</v>
      </c>
      <c r="AA29" s="113">
        <v>0</v>
      </c>
      <c r="AB29" s="117">
        <v>336450</v>
      </c>
      <c r="AC29" s="117">
        <v>345323</v>
      </c>
      <c r="AD29" s="117">
        <v>224470</v>
      </c>
      <c r="AE29" s="117">
        <v>274520</v>
      </c>
      <c r="AF29" s="117">
        <v>119960</v>
      </c>
      <c r="AG29" s="116">
        <v>1300723</v>
      </c>
      <c r="AH29" s="119">
        <v>1300723</v>
      </c>
      <c r="AI29" s="113">
        <v>0</v>
      </c>
      <c r="AJ29" s="117">
        <v>0</v>
      </c>
      <c r="AK29" s="116">
        <v>0</v>
      </c>
      <c r="AL29" s="113">
        <v>0</v>
      </c>
      <c r="AM29" s="117">
        <v>0</v>
      </c>
      <c r="AN29" s="117">
        <v>81701</v>
      </c>
      <c r="AO29" s="117">
        <v>0</v>
      </c>
      <c r="AP29" s="117">
        <v>95612</v>
      </c>
      <c r="AQ29" s="117">
        <v>93466</v>
      </c>
      <c r="AR29" s="116">
        <v>270779</v>
      </c>
      <c r="AS29" s="119">
        <v>270779</v>
      </c>
      <c r="AT29" s="113">
        <v>113036</v>
      </c>
      <c r="AU29" s="117">
        <v>43678</v>
      </c>
      <c r="AV29" s="116">
        <v>156714</v>
      </c>
      <c r="AW29" s="113">
        <v>0</v>
      </c>
      <c r="AX29" s="117">
        <v>592515</v>
      </c>
      <c r="AY29" s="117">
        <v>201118</v>
      </c>
      <c r="AZ29" s="117">
        <v>76519</v>
      </c>
      <c r="BA29" s="117">
        <v>269376</v>
      </c>
      <c r="BB29" s="117">
        <v>96865</v>
      </c>
      <c r="BC29" s="116">
        <v>1236393</v>
      </c>
      <c r="BD29" s="119">
        <v>1393107</v>
      </c>
      <c r="BE29" s="113">
        <v>31416</v>
      </c>
      <c r="BF29" s="117">
        <v>43280</v>
      </c>
      <c r="BG29" s="115">
        <v>74696</v>
      </c>
      <c r="BH29" s="114">
        <v>0</v>
      </c>
      <c r="BI29" s="117">
        <v>67284</v>
      </c>
      <c r="BJ29" s="117">
        <v>0</v>
      </c>
      <c r="BK29" s="117">
        <v>0</v>
      </c>
      <c r="BL29" s="117">
        <v>0</v>
      </c>
      <c r="BM29" s="117">
        <v>0</v>
      </c>
      <c r="BN29" s="116">
        <v>67284</v>
      </c>
      <c r="BO29" s="119">
        <v>141980</v>
      </c>
      <c r="BP29" s="113">
        <v>44224</v>
      </c>
      <c r="BQ29" s="117">
        <v>45184</v>
      </c>
      <c r="BR29" s="116">
        <v>89408</v>
      </c>
      <c r="BS29" s="113">
        <v>0</v>
      </c>
      <c r="BT29" s="117">
        <v>116968</v>
      </c>
      <c r="BU29" s="117">
        <v>195432</v>
      </c>
      <c r="BV29" s="117">
        <v>139656</v>
      </c>
      <c r="BW29" s="117">
        <v>95608</v>
      </c>
      <c r="BX29" s="117">
        <v>9120</v>
      </c>
      <c r="BY29" s="116">
        <v>556784</v>
      </c>
      <c r="BZ29" s="119">
        <v>646192</v>
      </c>
      <c r="CA29" s="113">
        <v>41271</v>
      </c>
      <c r="CB29" s="117">
        <v>112517</v>
      </c>
      <c r="CC29" s="116">
        <v>153788</v>
      </c>
      <c r="CD29" s="113">
        <v>0</v>
      </c>
      <c r="CE29" s="117">
        <v>354455</v>
      </c>
      <c r="CF29" s="117">
        <v>638088</v>
      </c>
      <c r="CG29" s="117">
        <v>560730</v>
      </c>
      <c r="CH29" s="117">
        <v>137119</v>
      </c>
      <c r="CI29" s="117">
        <v>0</v>
      </c>
      <c r="CJ29" s="116">
        <v>1690392</v>
      </c>
      <c r="CK29" s="119">
        <v>1844180</v>
      </c>
      <c r="CL29" s="113">
        <v>0</v>
      </c>
      <c r="CM29" s="117">
        <v>0</v>
      </c>
      <c r="CN29" s="116">
        <v>0</v>
      </c>
      <c r="CO29" s="114">
        <v>0</v>
      </c>
      <c r="CP29" s="117">
        <v>226981</v>
      </c>
      <c r="CQ29" s="117">
        <v>497955</v>
      </c>
      <c r="CR29" s="117">
        <v>268087</v>
      </c>
      <c r="CS29" s="117">
        <v>137119</v>
      </c>
      <c r="CT29" s="117">
        <v>0</v>
      </c>
      <c r="CU29" s="116">
        <v>1130142</v>
      </c>
      <c r="CV29" s="119">
        <v>1130142</v>
      </c>
      <c r="CW29" s="113">
        <v>41271</v>
      </c>
      <c r="CX29" s="117">
        <v>112517</v>
      </c>
      <c r="CY29" s="116">
        <v>153788</v>
      </c>
      <c r="CZ29" s="113">
        <v>0</v>
      </c>
      <c r="DA29" s="117">
        <v>127474</v>
      </c>
      <c r="DB29" s="117">
        <v>140133</v>
      </c>
      <c r="DC29" s="117">
        <v>292643</v>
      </c>
      <c r="DD29" s="117">
        <v>0</v>
      </c>
      <c r="DE29" s="117">
        <v>0</v>
      </c>
      <c r="DF29" s="116">
        <v>560250</v>
      </c>
      <c r="DG29" s="119">
        <v>714038</v>
      </c>
      <c r="DH29" s="113">
        <v>19891</v>
      </c>
      <c r="DI29" s="117">
        <v>0</v>
      </c>
      <c r="DJ29" s="115">
        <v>19891</v>
      </c>
      <c r="DK29" s="114">
        <v>0</v>
      </c>
      <c r="DL29" s="117">
        <v>89964</v>
      </c>
      <c r="DM29" s="117">
        <v>0</v>
      </c>
      <c r="DN29" s="117">
        <v>264822</v>
      </c>
      <c r="DO29" s="117">
        <v>184542</v>
      </c>
      <c r="DP29" s="117">
        <v>0</v>
      </c>
      <c r="DQ29" s="116">
        <v>539328</v>
      </c>
      <c r="DR29" s="119">
        <v>559219</v>
      </c>
      <c r="DS29" s="113">
        <v>19891</v>
      </c>
      <c r="DT29" s="117">
        <v>0</v>
      </c>
      <c r="DU29" s="116">
        <v>19891</v>
      </c>
      <c r="DV29" s="113">
        <v>0</v>
      </c>
      <c r="DW29" s="117">
        <v>89964</v>
      </c>
      <c r="DX29" s="117">
        <v>0</v>
      </c>
      <c r="DY29" s="117">
        <v>264822</v>
      </c>
      <c r="DZ29" s="117">
        <v>184542</v>
      </c>
      <c r="EA29" s="117">
        <v>0</v>
      </c>
      <c r="EB29" s="116">
        <v>539328</v>
      </c>
      <c r="EC29" s="119">
        <v>559219</v>
      </c>
      <c r="ED29" s="113">
        <v>0</v>
      </c>
      <c r="EE29" s="115">
        <v>0</v>
      </c>
      <c r="EF29" s="116">
        <v>0</v>
      </c>
      <c r="EG29" s="113">
        <v>0</v>
      </c>
      <c r="EH29" s="117">
        <v>0</v>
      </c>
      <c r="EI29" s="117">
        <v>0</v>
      </c>
      <c r="EJ29" s="117">
        <v>0</v>
      </c>
      <c r="EK29" s="117">
        <v>0</v>
      </c>
      <c r="EL29" s="117">
        <v>0</v>
      </c>
      <c r="EM29" s="115">
        <v>0</v>
      </c>
      <c r="EN29" s="119">
        <v>0</v>
      </c>
      <c r="EO29" s="113">
        <v>0</v>
      </c>
      <c r="EP29" s="117">
        <v>0</v>
      </c>
      <c r="EQ29" s="115">
        <v>0</v>
      </c>
      <c r="ER29" s="114">
        <v>0</v>
      </c>
      <c r="ES29" s="117">
        <v>0</v>
      </c>
      <c r="ET29" s="117">
        <v>0</v>
      </c>
      <c r="EU29" s="117">
        <v>0</v>
      </c>
      <c r="EV29" s="117">
        <v>0</v>
      </c>
      <c r="EW29" s="117">
        <v>0</v>
      </c>
      <c r="EX29" s="116">
        <v>0</v>
      </c>
      <c r="EY29" s="119">
        <v>0</v>
      </c>
      <c r="EZ29" s="113">
        <v>0</v>
      </c>
      <c r="FA29" s="117">
        <v>0</v>
      </c>
      <c r="FB29" s="115">
        <v>0</v>
      </c>
      <c r="FC29" s="387"/>
      <c r="FD29" s="117">
        <v>0</v>
      </c>
      <c r="FE29" s="117">
        <v>0</v>
      </c>
      <c r="FF29" s="117">
        <v>0</v>
      </c>
      <c r="FG29" s="117">
        <v>0</v>
      </c>
      <c r="FH29" s="117">
        <v>0</v>
      </c>
      <c r="FI29" s="116">
        <v>0</v>
      </c>
      <c r="FJ29" s="119">
        <v>0</v>
      </c>
      <c r="FK29" s="113">
        <v>33840</v>
      </c>
      <c r="FL29" s="117">
        <v>31280</v>
      </c>
      <c r="FM29" s="116">
        <v>65120</v>
      </c>
      <c r="FN29" s="113">
        <v>0</v>
      </c>
      <c r="FO29" s="117">
        <v>97320</v>
      </c>
      <c r="FP29" s="117">
        <v>213720</v>
      </c>
      <c r="FQ29" s="117">
        <v>69104</v>
      </c>
      <c r="FR29" s="117">
        <v>191752</v>
      </c>
      <c r="FS29" s="117">
        <v>77496</v>
      </c>
      <c r="FT29" s="116">
        <v>649392</v>
      </c>
      <c r="FU29" s="119">
        <v>714512</v>
      </c>
      <c r="FV29" s="118">
        <v>33840</v>
      </c>
      <c r="FW29" s="117">
        <v>31280</v>
      </c>
      <c r="FX29" s="115">
        <v>65120</v>
      </c>
      <c r="FY29" s="114">
        <v>0</v>
      </c>
      <c r="FZ29" s="117">
        <v>97320</v>
      </c>
      <c r="GA29" s="117">
        <v>213720</v>
      </c>
      <c r="GB29" s="117">
        <v>57264</v>
      </c>
      <c r="GC29" s="117">
        <v>191752</v>
      </c>
      <c r="GD29" s="117">
        <v>77496</v>
      </c>
      <c r="GE29" s="116">
        <v>637552</v>
      </c>
      <c r="GF29" s="351">
        <v>702672</v>
      </c>
      <c r="GG29" s="118">
        <v>0</v>
      </c>
      <c r="GH29" s="117">
        <v>0</v>
      </c>
      <c r="GI29" s="115">
        <v>0</v>
      </c>
      <c r="GJ29" s="114">
        <v>0</v>
      </c>
      <c r="GK29" s="117">
        <v>0</v>
      </c>
      <c r="GL29" s="117">
        <v>0</v>
      </c>
      <c r="GM29" s="117">
        <v>11840</v>
      </c>
      <c r="GN29" s="117">
        <v>0</v>
      </c>
      <c r="GO29" s="117">
        <v>0</v>
      </c>
      <c r="GP29" s="116">
        <v>11840</v>
      </c>
      <c r="GQ29" s="119">
        <v>11840</v>
      </c>
      <c r="GR29" s="113">
        <v>0</v>
      </c>
      <c r="GS29" s="117">
        <v>0</v>
      </c>
      <c r="GT29" s="116">
        <v>0</v>
      </c>
      <c r="GU29" s="113">
        <v>0</v>
      </c>
      <c r="GV29" s="117">
        <v>0</v>
      </c>
      <c r="GW29" s="117">
        <v>0</v>
      </c>
      <c r="GX29" s="117">
        <v>0</v>
      </c>
      <c r="GY29" s="117">
        <v>0</v>
      </c>
      <c r="GZ29" s="117">
        <v>0</v>
      </c>
      <c r="HA29" s="115">
        <v>0</v>
      </c>
      <c r="HB29" s="119">
        <v>0</v>
      </c>
      <c r="HC29" s="113">
        <v>104892</v>
      </c>
      <c r="HD29" s="117">
        <v>89677</v>
      </c>
      <c r="HE29" s="115">
        <v>194569</v>
      </c>
      <c r="HF29" s="114">
        <v>0</v>
      </c>
      <c r="HG29" s="117">
        <v>511743</v>
      </c>
      <c r="HH29" s="117">
        <v>947752</v>
      </c>
      <c r="HI29" s="117">
        <v>784364</v>
      </c>
      <c r="HJ29" s="117">
        <v>271191</v>
      </c>
      <c r="HK29" s="117">
        <v>0</v>
      </c>
      <c r="HL29" s="116">
        <v>2515050</v>
      </c>
      <c r="HM29" s="112">
        <v>2709619</v>
      </c>
      <c r="HN29" s="367"/>
      <c r="HO29" s="368"/>
      <c r="HP29" s="369"/>
      <c r="HQ29" s="370"/>
      <c r="HR29" s="368"/>
      <c r="HS29" s="368"/>
      <c r="HT29" s="368"/>
      <c r="HU29" s="368"/>
      <c r="HV29" s="368"/>
      <c r="HW29" s="371"/>
      <c r="HX29" s="372"/>
      <c r="HY29" s="149">
        <v>40948</v>
      </c>
      <c r="HZ29" s="150">
        <v>0</v>
      </c>
      <c r="IA29" s="151">
        <v>40948</v>
      </c>
      <c r="IB29" s="164">
        <v>0</v>
      </c>
      <c r="IC29" s="150">
        <v>412632</v>
      </c>
      <c r="ID29" s="165">
        <v>16472</v>
      </c>
      <c r="IE29" s="151">
        <v>940206</v>
      </c>
      <c r="IF29" s="150">
        <v>536909</v>
      </c>
      <c r="IG29" s="151">
        <v>0</v>
      </c>
      <c r="IH29" s="166">
        <v>1906219</v>
      </c>
      <c r="II29" s="157">
        <v>1947167</v>
      </c>
      <c r="IJ29" s="262">
        <v>0</v>
      </c>
      <c r="IK29" s="269">
        <v>0</v>
      </c>
      <c r="IL29" s="270">
        <v>0</v>
      </c>
      <c r="IM29" s="158"/>
      <c r="IN29" s="123">
        <v>0</v>
      </c>
      <c r="IO29" s="123">
        <v>0</v>
      </c>
      <c r="IP29" s="123">
        <v>0</v>
      </c>
      <c r="IQ29" s="123">
        <v>0</v>
      </c>
      <c r="IR29" s="123">
        <v>0</v>
      </c>
      <c r="IS29" s="159">
        <v>0</v>
      </c>
      <c r="IT29" s="354">
        <v>0</v>
      </c>
      <c r="IU29" s="160">
        <v>0</v>
      </c>
      <c r="IV29" s="123">
        <v>0</v>
      </c>
      <c r="IW29" s="124">
        <v>0</v>
      </c>
      <c r="IX29" s="162"/>
      <c r="IY29" s="123">
        <v>0</v>
      </c>
      <c r="IZ29" s="123">
        <v>0</v>
      </c>
      <c r="JA29" s="123">
        <v>0</v>
      </c>
      <c r="JB29" s="123">
        <v>0</v>
      </c>
      <c r="JC29" s="123">
        <v>0</v>
      </c>
      <c r="JD29" s="124">
        <v>0</v>
      </c>
      <c r="JE29" s="125">
        <v>0</v>
      </c>
      <c r="JF29" s="160">
        <v>0</v>
      </c>
      <c r="JG29" s="123">
        <v>0</v>
      </c>
      <c r="JH29" s="159">
        <v>0</v>
      </c>
      <c r="JI29" s="122">
        <v>0</v>
      </c>
      <c r="JJ29" s="123">
        <v>199382</v>
      </c>
      <c r="JK29" s="123">
        <v>16472</v>
      </c>
      <c r="JL29" s="123">
        <v>276935</v>
      </c>
      <c r="JM29" s="123">
        <v>295170</v>
      </c>
      <c r="JN29" s="123">
        <v>0</v>
      </c>
      <c r="JO29" s="124">
        <v>787959</v>
      </c>
      <c r="JP29" s="354">
        <v>787959</v>
      </c>
      <c r="JQ29" s="160">
        <v>0</v>
      </c>
      <c r="JR29" s="123">
        <v>0</v>
      </c>
      <c r="JS29" s="159">
        <v>0</v>
      </c>
      <c r="JT29" s="122">
        <v>0</v>
      </c>
      <c r="JU29" s="123">
        <v>0</v>
      </c>
      <c r="JV29" s="123">
        <v>0</v>
      </c>
      <c r="JW29" s="123">
        <v>135173</v>
      </c>
      <c r="JX29" s="123">
        <v>0</v>
      </c>
      <c r="JY29" s="123">
        <v>0</v>
      </c>
      <c r="JZ29" s="124">
        <v>135173</v>
      </c>
      <c r="KA29" s="354">
        <v>135173</v>
      </c>
      <c r="KB29" s="265">
        <v>40948</v>
      </c>
      <c r="KC29" s="259">
        <v>0</v>
      </c>
      <c r="KD29" s="124">
        <v>40948</v>
      </c>
      <c r="KE29" s="122">
        <v>0</v>
      </c>
      <c r="KF29" s="123">
        <v>213250</v>
      </c>
      <c r="KG29" s="123">
        <v>0</v>
      </c>
      <c r="KH29" s="123">
        <v>53872</v>
      </c>
      <c r="KI29" s="123">
        <v>0</v>
      </c>
      <c r="KJ29" s="123">
        <v>0</v>
      </c>
      <c r="KK29" s="124">
        <v>267122</v>
      </c>
      <c r="KL29" s="161">
        <v>308070</v>
      </c>
      <c r="KM29" s="262">
        <v>0</v>
      </c>
      <c r="KN29" s="269">
        <v>0</v>
      </c>
      <c r="KO29" s="270">
        <v>0</v>
      </c>
      <c r="KP29" s="158"/>
      <c r="KQ29" s="123">
        <v>0</v>
      </c>
      <c r="KR29" s="123">
        <v>0</v>
      </c>
      <c r="KS29" s="123">
        <v>474226</v>
      </c>
      <c r="KT29" s="123">
        <v>241739</v>
      </c>
      <c r="KU29" s="123">
        <v>0</v>
      </c>
      <c r="KV29" s="124">
        <v>715965</v>
      </c>
      <c r="KW29" s="354">
        <v>715965</v>
      </c>
      <c r="KX29" s="160">
        <v>0</v>
      </c>
      <c r="KY29" s="123">
        <v>0</v>
      </c>
      <c r="KZ29" s="124">
        <v>0</v>
      </c>
      <c r="LA29" s="163"/>
      <c r="LB29" s="123">
        <v>0</v>
      </c>
      <c r="LC29" s="123">
        <v>0</v>
      </c>
      <c r="LD29" s="123">
        <v>0</v>
      </c>
      <c r="LE29" s="123">
        <v>0</v>
      </c>
      <c r="LF29" s="123">
        <v>0</v>
      </c>
      <c r="LG29" s="124">
        <v>0</v>
      </c>
      <c r="LH29" s="125">
        <v>0</v>
      </c>
      <c r="LI29" s="160">
        <v>0</v>
      </c>
      <c r="LJ29" s="123">
        <v>0</v>
      </c>
      <c r="LK29" s="124">
        <v>0</v>
      </c>
      <c r="LL29" s="163"/>
      <c r="LM29" s="123">
        <v>0</v>
      </c>
      <c r="LN29" s="123">
        <v>0</v>
      </c>
      <c r="LO29" s="123">
        <v>0</v>
      </c>
      <c r="LP29" s="123">
        <v>0</v>
      </c>
      <c r="LQ29" s="123">
        <v>0</v>
      </c>
      <c r="LR29" s="124">
        <v>0</v>
      </c>
      <c r="LS29" s="354">
        <v>0</v>
      </c>
      <c r="LT29" s="160">
        <v>0</v>
      </c>
      <c r="LU29" s="123">
        <v>0</v>
      </c>
      <c r="LV29" s="124">
        <v>0</v>
      </c>
      <c r="LW29" s="163"/>
      <c r="LX29" s="123">
        <v>0</v>
      </c>
      <c r="LY29" s="123">
        <v>0</v>
      </c>
      <c r="LZ29" s="123">
        <v>0</v>
      </c>
      <c r="MA29" s="123">
        <v>0</v>
      </c>
      <c r="MB29" s="123">
        <v>0</v>
      </c>
      <c r="MC29" s="124">
        <v>0</v>
      </c>
      <c r="MD29" s="125">
        <v>0</v>
      </c>
      <c r="ME29" s="160">
        <v>0</v>
      </c>
      <c r="MF29" s="123">
        <v>0</v>
      </c>
      <c r="MG29" s="124">
        <v>0</v>
      </c>
      <c r="MH29" s="163"/>
      <c r="MI29" s="123">
        <v>478135</v>
      </c>
      <c r="MJ29" s="123">
        <v>296052</v>
      </c>
      <c r="MK29" s="123">
        <v>852638</v>
      </c>
      <c r="ML29" s="123">
        <v>1100667</v>
      </c>
      <c r="MM29" s="123">
        <v>1166389</v>
      </c>
      <c r="MN29" s="124">
        <v>3893881</v>
      </c>
      <c r="MO29" s="161">
        <v>3893881</v>
      </c>
      <c r="MP29" s="160">
        <v>0</v>
      </c>
      <c r="MQ29" s="123">
        <v>0</v>
      </c>
      <c r="MR29" s="124">
        <v>0</v>
      </c>
      <c r="MS29" s="163"/>
      <c r="MT29" s="123">
        <v>0</v>
      </c>
      <c r="MU29" s="123">
        <v>0</v>
      </c>
      <c r="MV29" s="123">
        <v>252485</v>
      </c>
      <c r="MW29" s="123">
        <v>264340</v>
      </c>
      <c r="MX29" s="123">
        <v>1166389</v>
      </c>
      <c r="MY29" s="124">
        <v>1683214</v>
      </c>
      <c r="MZ29" s="161">
        <v>1683214</v>
      </c>
      <c r="NA29" s="160">
        <v>0</v>
      </c>
      <c r="NB29" s="123">
        <v>0</v>
      </c>
      <c r="NC29" s="124">
        <v>0</v>
      </c>
      <c r="ND29" s="163"/>
      <c r="NE29" s="123">
        <v>478135</v>
      </c>
      <c r="NF29" s="123">
        <v>296052</v>
      </c>
      <c r="NG29" s="123">
        <v>600153</v>
      </c>
      <c r="NH29" s="123">
        <v>836327</v>
      </c>
      <c r="NI29" s="123">
        <v>0</v>
      </c>
      <c r="NJ29" s="124">
        <v>2210667</v>
      </c>
      <c r="NK29" s="354">
        <v>2210667</v>
      </c>
      <c r="NL29" s="160">
        <v>0</v>
      </c>
      <c r="NM29" s="123">
        <v>0</v>
      </c>
      <c r="NN29" s="124">
        <v>0</v>
      </c>
      <c r="NO29" s="163"/>
      <c r="NP29" s="123">
        <v>0</v>
      </c>
      <c r="NQ29" s="123">
        <v>0</v>
      </c>
      <c r="NR29" s="123">
        <v>0</v>
      </c>
      <c r="NS29" s="123">
        <v>0</v>
      </c>
      <c r="NT29" s="123">
        <v>0</v>
      </c>
      <c r="NU29" s="124">
        <v>0</v>
      </c>
      <c r="NV29" s="125">
        <v>0</v>
      </c>
      <c r="NW29" s="160">
        <v>0</v>
      </c>
      <c r="NX29" s="123">
        <v>0</v>
      </c>
      <c r="NY29" s="124">
        <v>0</v>
      </c>
      <c r="NZ29" s="163"/>
      <c r="OA29" s="123">
        <v>0</v>
      </c>
      <c r="OB29" s="123">
        <v>0</v>
      </c>
      <c r="OC29" s="123">
        <v>0</v>
      </c>
      <c r="OD29" s="123">
        <v>0</v>
      </c>
      <c r="OE29" s="123">
        <v>0</v>
      </c>
      <c r="OF29" s="124">
        <v>0</v>
      </c>
      <c r="OG29" s="125">
        <v>0</v>
      </c>
      <c r="OH29" s="160">
        <v>429518</v>
      </c>
      <c r="OI29" s="123">
        <v>365616</v>
      </c>
      <c r="OJ29" s="159">
        <v>795134</v>
      </c>
      <c r="OK29" s="122">
        <v>0</v>
      </c>
      <c r="OL29" s="123">
        <v>3057466</v>
      </c>
      <c r="OM29" s="123">
        <v>2935658</v>
      </c>
      <c r="ON29" s="123">
        <v>3912509</v>
      </c>
      <c r="OO29" s="123">
        <v>3157296</v>
      </c>
      <c r="OP29" s="123">
        <v>1563296</v>
      </c>
      <c r="OQ29" s="124">
        <v>14626225</v>
      </c>
      <c r="OR29" s="161">
        <v>15421359</v>
      </c>
    </row>
    <row r="30" spans="1:408" ht="20.25" customHeight="1" x14ac:dyDescent="0.2">
      <c r="A30" s="130" t="s">
        <v>25</v>
      </c>
      <c r="B30" s="113">
        <v>13472</v>
      </c>
      <c r="C30" s="117">
        <v>387762</v>
      </c>
      <c r="D30" s="116">
        <v>401234</v>
      </c>
      <c r="E30" s="112">
        <v>0</v>
      </c>
      <c r="F30" s="117">
        <v>2005708</v>
      </c>
      <c r="G30" s="117">
        <v>924671</v>
      </c>
      <c r="H30" s="117">
        <v>600426</v>
      </c>
      <c r="I30" s="117">
        <v>1724681</v>
      </c>
      <c r="J30" s="117">
        <v>377464</v>
      </c>
      <c r="K30" s="201">
        <v>5632950</v>
      </c>
      <c r="L30" s="119">
        <v>6034184</v>
      </c>
      <c r="M30" s="113">
        <v>9600</v>
      </c>
      <c r="N30" s="117">
        <v>131477</v>
      </c>
      <c r="O30" s="116">
        <v>141077</v>
      </c>
      <c r="P30" s="113">
        <v>0</v>
      </c>
      <c r="Q30" s="117">
        <v>438200</v>
      </c>
      <c r="R30" s="117">
        <v>465241</v>
      </c>
      <c r="S30" s="117">
        <v>214224</v>
      </c>
      <c r="T30" s="117">
        <v>549076</v>
      </c>
      <c r="U30" s="117">
        <v>246122</v>
      </c>
      <c r="V30" s="116">
        <v>1912863</v>
      </c>
      <c r="W30" s="119">
        <v>2053940</v>
      </c>
      <c r="X30" s="113">
        <v>0</v>
      </c>
      <c r="Y30" s="117">
        <v>0</v>
      </c>
      <c r="Z30" s="116">
        <v>0</v>
      </c>
      <c r="AA30" s="113">
        <v>0</v>
      </c>
      <c r="AB30" s="117">
        <v>132446</v>
      </c>
      <c r="AC30" s="117">
        <v>275262</v>
      </c>
      <c r="AD30" s="117">
        <v>169752</v>
      </c>
      <c r="AE30" s="117">
        <v>415556</v>
      </c>
      <c r="AF30" s="117">
        <v>13353</v>
      </c>
      <c r="AG30" s="116">
        <v>1006369</v>
      </c>
      <c r="AH30" s="119">
        <v>1006369</v>
      </c>
      <c r="AI30" s="113">
        <v>0</v>
      </c>
      <c r="AJ30" s="117">
        <v>0</v>
      </c>
      <c r="AK30" s="116">
        <v>0</v>
      </c>
      <c r="AL30" s="113">
        <v>0</v>
      </c>
      <c r="AM30" s="117">
        <v>0</v>
      </c>
      <c r="AN30" s="117">
        <v>23145</v>
      </c>
      <c r="AO30" s="117">
        <v>0</v>
      </c>
      <c r="AP30" s="117">
        <v>58622</v>
      </c>
      <c r="AQ30" s="117">
        <v>91292</v>
      </c>
      <c r="AR30" s="116">
        <v>173059</v>
      </c>
      <c r="AS30" s="119">
        <v>173059</v>
      </c>
      <c r="AT30" s="113">
        <v>0</v>
      </c>
      <c r="AU30" s="117">
        <v>74970</v>
      </c>
      <c r="AV30" s="116">
        <v>74970</v>
      </c>
      <c r="AW30" s="113">
        <v>0</v>
      </c>
      <c r="AX30" s="117">
        <v>200426</v>
      </c>
      <c r="AY30" s="117">
        <v>142970</v>
      </c>
      <c r="AZ30" s="117">
        <v>33024</v>
      </c>
      <c r="BA30" s="117">
        <v>57266</v>
      </c>
      <c r="BB30" s="117">
        <v>93294</v>
      </c>
      <c r="BC30" s="116">
        <v>526980</v>
      </c>
      <c r="BD30" s="119">
        <v>601950</v>
      </c>
      <c r="BE30" s="113">
        <v>0</v>
      </c>
      <c r="BF30" s="117">
        <v>42267</v>
      </c>
      <c r="BG30" s="115">
        <v>42267</v>
      </c>
      <c r="BH30" s="114">
        <v>0</v>
      </c>
      <c r="BI30" s="117">
        <v>16280</v>
      </c>
      <c r="BJ30" s="117">
        <v>0</v>
      </c>
      <c r="BK30" s="117">
        <v>0</v>
      </c>
      <c r="BL30" s="117">
        <v>0</v>
      </c>
      <c r="BM30" s="117">
        <v>43415</v>
      </c>
      <c r="BN30" s="116">
        <v>59695</v>
      </c>
      <c r="BO30" s="119">
        <v>101962</v>
      </c>
      <c r="BP30" s="113">
        <v>9600</v>
      </c>
      <c r="BQ30" s="117">
        <v>14240</v>
      </c>
      <c r="BR30" s="116">
        <v>23840</v>
      </c>
      <c r="BS30" s="113">
        <v>0</v>
      </c>
      <c r="BT30" s="117">
        <v>89048</v>
      </c>
      <c r="BU30" s="117">
        <v>23864</v>
      </c>
      <c r="BV30" s="117">
        <v>11448</v>
      </c>
      <c r="BW30" s="117">
        <v>17632</v>
      </c>
      <c r="BX30" s="117">
        <v>4768</v>
      </c>
      <c r="BY30" s="116">
        <v>146760</v>
      </c>
      <c r="BZ30" s="119">
        <v>170600</v>
      </c>
      <c r="CA30" s="113">
        <v>0</v>
      </c>
      <c r="CB30" s="117">
        <v>0</v>
      </c>
      <c r="CC30" s="116">
        <v>0</v>
      </c>
      <c r="CD30" s="113">
        <v>0</v>
      </c>
      <c r="CE30" s="117">
        <v>613790</v>
      </c>
      <c r="CF30" s="117">
        <v>342982</v>
      </c>
      <c r="CG30" s="117">
        <v>72955</v>
      </c>
      <c r="CH30" s="117">
        <v>614117</v>
      </c>
      <c r="CI30" s="117">
        <v>57334</v>
      </c>
      <c r="CJ30" s="116">
        <v>1701178</v>
      </c>
      <c r="CK30" s="119">
        <v>1701178</v>
      </c>
      <c r="CL30" s="113">
        <v>0</v>
      </c>
      <c r="CM30" s="117">
        <v>0</v>
      </c>
      <c r="CN30" s="116">
        <v>0</v>
      </c>
      <c r="CO30" s="114">
        <v>0</v>
      </c>
      <c r="CP30" s="117">
        <v>442466</v>
      </c>
      <c r="CQ30" s="117">
        <v>239838</v>
      </c>
      <c r="CR30" s="117">
        <v>0</v>
      </c>
      <c r="CS30" s="117">
        <v>478647</v>
      </c>
      <c r="CT30" s="117">
        <v>32361</v>
      </c>
      <c r="CU30" s="116">
        <v>1193312</v>
      </c>
      <c r="CV30" s="119">
        <v>1193312</v>
      </c>
      <c r="CW30" s="113">
        <v>0</v>
      </c>
      <c r="CX30" s="117">
        <v>0</v>
      </c>
      <c r="CY30" s="116">
        <v>0</v>
      </c>
      <c r="CZ30" s="113">
        <v>0</v>
      </c>
      <c r="DA30" s="117">
        <v>171324</v>
      </c>
      <c r="DB30" s="117">
        <v>103144</v>
      </c>
      <c r="DC30" s="117">
        <v>72955</v>
      </c>
      <c r="DD30" s="117">
        <v>135470</v>
      </c>
      <c r="DE30" s="117">
        <v>24973</v>
      </c>
      <c r="DF30" s="116">
        <v>507866</v>
      </c>
      <c r="DG30" s="119">
        <v>507866</v>
      </c>
      <c r="DH30" s="113">
        <v>0</v>
      </c>
      <c r="DI30" s="117">
        <v>0</v>
      </c>
      <c r="DJ30" s="115">
        <v>0</v>
      </c>
      <c r="DK30" s="114">
        <v>0</v>
      </c>
      <c r="DL30" s="117">
        <v>88932</v>
      </c>
      <c r="DM30" s="117">
        <v>0</v>
      </c>
      <c r="DN30" s="117">
        <v>74254</v>
      </c>
      <c r="DO30" s="117">
        <v>49930</v>
      </c>
      <c r="DP30" s="117">
        <v>0</v>
      </c>
      <c r="DQ30" s="116">
        <v>213116</v>
      </c>
      <c r="DR30" s="119">
        <v>213116</v>
      </c>
      <c r="DS30" s="113">
        <v>0</v>
      </c>
      <c r="DT30" s="117">
        <v>0</v>
      </c>
      <c r="DU30" s="116">
        <v>0</v>
      </c>
      <c r="DV30" s="113">
        <v>0</v>
      </c>
      <c r="DW30" s="117">
        <v>88932</v>
      </c>
      <c r="DX30" s="117">
        <v>0</v>
      </c>
      <c r="DY30" s="117">
        <v>74254</v>
      </c>
      <c r="DZ30" s="117">
        <v>49930</v>
      </c>
      <c r="EA30" s="117">
        <v>0</v>
      </c>
      <c r="EB30" s="116">
        <v>213116</v>
      </c>
      <c r="EC30" s="119">
        <v>213116</v>
      </c>
      <c r="ED30" s="113">
        <v>0</v>
      </c>
      <c r="EE30" s="115">
        <v>0</v>
      </c>
      <c r="EF30" s="116">
        <v>0</v>
      </c>
      <c r="EG30" s="113">
        <v>0</v>
      </c>
      <c r="EH30" s="117">
        <v>0</v>
      </c>
      <c r="EI30" s="117">
        <v>0</v>
      </c>
      <c r="EJ30" s="117">
        <v>0</v>
      </c>
      <c r="EK30" s="117">
        <v>0</v>
      </c>
      <c r="EL30" s="117">
        <v>0</v>
      </c>
      <c r="EM30" s="115">
        <v>0</v>
      </c>
      <c r="EN30" s="119">
        <v>0</v>
      </c>
      <c r="EO30" s="113">
        <v>0</v>
      </c>
      <c r="EP30" s="117">
        <v>0</v>
      </c>
      <c r="EQ30" s="115">
        <v>0</v>
      </c>
      <c r="ER30" s="114">
        <v>0</v>
      </c>
      <c r="ES30" s="117">
        <v>0</v>
      </c>
      <c r="ET30" s="117">
        <v>0</v>
      </c>
      <c r="EU30" s="117">
        <v>0</v>
      </c>
      <c r="EV30" s="117">
        <v>0</v>
      </c>
      <c r="EW30" s="117">
        <v>0</v>
      </c>
      <c r="EX30" s="116">
        <v>0</v>
      </c>
      <c r="EY30" s="119">
        <v>0</v>
      </c>
      <c r="EZ30" s="113">
        <v>0</v>
      </c>
      <c r="FA30" s="117">
        <v>0</v>
      </c>
      <c r="FB30" s="115">
        <v>0</v>
      </c>
      <c r="FC30" s="387"/>
      <c r="FD30" s="117">
        <v>0</v>
      </c>
      <c r="FE30" s="117">
        <v>0</v>
      </c>
      <c r="FF30" s="117">
        <v>0</v>
      </c>
      <c r="FG30" s="117">
        <v>0</v>
      </c>
      <c r="FH30" s="117">
        <v>0</v>
      </c>
      <c r="FI30" s="116">
        <v>0</v>
      </c>
      <c r="FJ30" s="119">
        <v>0</v>
      </c>
      <c r="FK30" s="113">
        <v>3872</v>
      </c>
      <c r="FL30" s="117">
        <v>165680</v>
      </c>
      <c r="FM30" s="116">
        <v>169552</v>
      </c>
      <c r="FN30" s="113">
        <v>0</v>
      </c>
      <c r="FO30" s="117">
        <v>72320</v>
      </c>
      <c r="FP30" s="117">
        <v>116448</v>
      </c>
      <c r="FQ30" s="117">
        <v>39984</v>
      </c>
      <c r="FR30" s="117">
        <v>88208</v>
      </c>
      <c r="FS30" s="117">
        <v>74008</v>
      </c>
      <c r="FT30" s="116">
        <v>390968</v>
      </c>
      <c r="FU30" s="119">
        <v>560520</v>
      </c>
      <c r="FV30" s="118">
        <v>3872</v>
      </c>
      <c r="FW30" s="117">
        <v>5680</v>
      </c>
      <c r="FX30" s="115">
        <v>9552</v>
      </c>
      <c r="FY30" s="114">
        <v>0</v>
      </c>
      <c r="FZ30" s="117">
        <v>72320</v>
      </c>
      <c r="GA30" s="117">
        <v>116448</v>
      </c>
      <c r="GB30" s="117">
        <v>39984</v>
      </c>
      <c r="GC30" s="117">
        <v>88208</v>
      </c>
      <c r="GD30" s="117">
        <v>74008</v>
      </c>
      <c r="GE30" s="116">
        <v>390968</v>
      </c>
      <c r="GF30" s="351">
        <v>400520</v>
      </c>
      <c r="GG30" s="118">
        <v>0</v>
      </c>
      <c r="GH30" s="117">
        <v>0</v>
      </c>
      <c r="GI30" s="115">
        <v>0</v>
      </c>
      <c r="GJ30" s="114">
        <v>0</v>
      </c>
      <c r="GK30" s="117">
        <v>0</v>
      </c>
      <c r="GL30" s="117">
        <v>0</v>
      </c>
      <c r="GM30" s="117">
        <v>0</v>
      </c>
      <c r="GN30" s="117">
        <v>0</v>
      </c>
      <c r="GO30" s="117">
        <v>0</v>
      </c>
      <c r="GP30" s="116">
        <v>0</v>
      </c>
      <c r="GQ30" s="119">
        <v>0</v>
      </c>
      <c r="GR30" s="113">
        <v>0</v>
      </c>
      <c r="GS30" s="117">
        <v>160000</v>
      </c>
      <c r="GT30" s="116">
        <v>160000</v>
      </c>
      <c r="GU30" s="113">
        <v>0</v>
      </c>
      <c r="GV30" s="117">
        <v>0</v>
      </c>
      <c r="GW30" s="117">
        <v>0</v>
      </c>
      <c r="GX30" s="117">
        <v>0</v>
      </c>
      <c r="GY30" s="117">
        <v>0</v>
      </c>
      <c r="GZ30" s="117">
        <v>0</v>
      </c>
      <c r="HA30" s="115">
        <v>0</v>
      </c>
      <c r="HB30" s="119">
        <v>160000</v>
      </c>
      <c r="HC30" s="113">
        <v>0</v>
      </c>
      <c r="HD30" s="117">
        <v>90605</v>
      </c>
      <c r="HE30" s="115">
        <v>90605</v>
      </c>
      <c r="HF30" s="114">
        <v>0</v>
      </c>
      <c r="HG30" s="117">
        <v>792466</v>
      </c>
      <c r="HH30" s="117">
        <v>0</v>
      </c>
      <c r="HI30" s="117">
        <v>199009</v>
      </c>
      <c r="HJ30" s="117">
        <v>423350</v>
      </c>
      <c r="HK30" s="117">
        <v>0</v>
      </c>
      <c r="HL30" s="116">
        <v>1414825</v>
      </c>
      <c r="HM30" s="112">
        <v>1505430</v>
      </c>
      <c r="HN30" s="367"/>
      <c r="HO30" s="368"/>
      <c r="HP30" s="369"/>
      <c r="HQ30" s="370"/>
      <c r="HR30" s="368"/>
      <c r="HS30" s="368"/>
      <c r="HT30" s="368"/>
      <c r="HU30" s="368"/>
      <c r="HV30" s="368"/>
      <c r="HW30" s="371"/>
      <c r="HX30" s="372"/>
      <c r="HY30" s="168">
        <v>0</v>
      </c>
      <c r="HZ30" s="153">
        <v>0</v>
      </c>
      <c r="IA30" s="168">
        <v>0</v>
      </c>
      <c r="IB30" s="152">
        <v>0</v>
      </c>
      <c r="IC30" s="153">
        <v>279559</v>
      </c>
      <c r="ID30" s="154">
        <v>29351</v>
      </c>
      <c r="IE30" s="155">
        <v>0</v>
      </c>
      <c r="IF30" s="153">
        <v>94532</v>
      </c>
      <c r="IG30" s="155">
        <v>0</v>
      </c>
      <c r="IH30" s="156">
        <v>403442</v>
      </c>
      <c r="II30" s="168">
        <v>403442</v>
      </c>
      <c r="IJ30" s="262">
        <v>0</v>
      </c>
      <c r="IK30" s="269">
        <v>0</v>
      </c>
      <c r="IL30" s="270">
        <v>0</v>
      </c>
      <c r="IM30" s="158"/>
      <c r="IN30" s="123">
        <v>0</v>
      </c>
      <c r="IO30" s="123">
        <v>0</v>
      </c>
      <c r="IP30" s="123">
        <v>0</v>
      </c>
      <c r="IQ30" s="123">
        <v>0</v>
      </c>
      <c r="IR30" s="123">
        <v>0</v>
      </c>
      <c r="IS30" s="159">
        <v>0</v>
      </c>
      <c r="IT30" s="354">
        <v>0</v>
      </c>
      <c r="IU30" s="160">
        <v>0</v>
      </c>
      <c r="IV30" s="123">
        <v>0</v>
      </c>
      <c r="IW30" s="124">
        <v>0</v>
      </c>
      <c r="IX30" s="162"/>
      <c r="IY30" s="123">
        <v>0</v>
      </c>
      <c r="IZ30" s="123">
        <v>0</v>
      </c>
      <c r="JA30" s="123">
        <v>0</v>
      </c>
      <c r="JB30" s="123">
        <v>0</v>
      </c>
      <c r="JC30" s="123">
        <v>0</v>
      </c>
      <c r="JD30" s="124">
        <v>0</v>
      </c>
      <c r="JE30" s="125">
        <v>0</v>
      </c>
      <c r="JF30" s="160">
        <v>0</v>
      </c>
      <c r="JG30" s="123">
        <v>0</v>
      </c>
      <c r="JH30" s="159">
        <v>0</v>
      </c>
      <c r="JI30" s="122">
        <v>0</v>
      </c>
      <c r="JJ30" s="123">
        <v>279559</v>
      </c>
      <c r="JK30" s="123">
        <v>29351</v>
      </c>
      <c r="JL30" s="123">
        <v>0</v>
      </c>
      <c r="JM30" s="123">
        <v>94532</v>
      </c>
      <c r="JN30" s="123">
        <v>0</v>
      </c>
      <c r="JO30" s="124">
        <v>403442</v>
      </c>
      <c r="JP30" s="354">
        <v>403442</v>
      </c>
      <c r="JQ30" s="160">
        <v>0</v>
      </c>
      <c r="JR30" s="123">
        <v>0</v>
      </c>
      <c r="JS30" s="159">
        <v>0</v>
      </c>
      <c r="JT30" s="122">
        <v>0</v>
      </c>
      <c r="JU30" s="123">
        <v>0</v>
      </c>
      <c r="JV30" s="123">
        <v>0</v>
      </c>
      <c r="JW30" s="123">
        <v>0</v>
      </c>
      <c r="JX30" s="123">
        <v>0</v>
      </c>
      <c r="JY30" s="123">
        <v>0</v>
      </c>
      <c r="JZ30" s="124">
        <v>0</v>
      </c>
      <c r="KA30" s="354">
        <v>0</v>
      </c>
      <c r="KB30" s="265">
        <v>0</v>
      </c>
      <c r="KC30" s="259">
        <v>0</v>
      </c>
      <c r="KD30" s="124">
        <v>0</v>
      </c>
      <c r="KE30" s="122">
        <v>0</v>
      </c>
      <c r="KF30" s="123">
        <v>0</v>
      </c>
      <c r="KG30" s="123">
        <v>0</v>
      </c>
      <c r="KH30" s="123">
        <v>0</v>
      </c>
      <c r="KI30" s="123">
        <v>0</v>
      </c>
      <c r="KJ30" s="123">
        <v>0</v>
      </c>
      <c r="KK30" s="124">
        <v>0</v>
      </c>
      <c r="KL30" s="161">
        <v>0</v>
      </c>
      <c r="KM30" s="262">
        <v>0</v>
      </c>
      <c r="KN30" s="269">
        <v>0</v>
      </c>
      <c r="KO30" s="270">
        <v>0</v>
      </c>
      <c r="KP30" s="158"/>
      <c r="KQ30" s="123">
        <v>0</v>
      </c>
      <c r="KR30" s="123">
        <v>0</v>
      </c>
      <c r="KS30" s="123">
        <v>0</v>
      </c>
      <c r="KT30" s="123">
        <v>0</v>
      </c>
      <c r="KU30" s="123">
        <v>0</v>
      </c>
      <c r="KV30" s="124">
        <v>0</v>
      </c>
      <c r="KW30" s="354">
        <v>0</v>
      </c>
      <c r="KX30" s="160">
        <v>0</v>
      </c>
      <c r="KY30" s="123">
        <v>0</v>
      </c>
      <c r="KZ30" s="124">
        <v>0</v>
      </c>
      <c r="LA30" s="163"/>
      <c r="LB30" s="123">
        <v>0</v>
      </c>
      <c r="LC30" s="123">
        <v>0</v>
      </c>
      <c r="LD30" s="123">
        <v>0</v>
      </c>
      <c r="LE30" s="123">
        <v>0</v>
      </c>
      <c r="LF30" s="123">
        <v>0</v>
      </c>
      <c r="LG30" s="124">
        <v>0</v>
      </c>
      <c r="LH30" s="125">
        <v>0</v>
      </c>
      <c r="LI30" s="160">
        <v>0</v>
      </c>
      <c r="LJ30" s="123">
        <v>0</v>
      </c>
      <c r="LK30" s="124">
        <v>0</v>
      </c>
      <c r="LL30" s="163"/>
      <c r="LM30" s="123">
        <v>0</v>
      </c>
      <c r="LN30" s="123">
        <v>0</v>
      </c>
      <c r="LO30" s="123">
        <v>0</v>
      </c>
      <c r="LP30" s="123">
        <v>0</v>
      </c>
      <c r="LQ30" s="123">
        <v>0</v>
      </c>
      <c r="LR30" s="124">
        <v>0</v>
      </c>
      <c r="LS30" s="354">
        <v>0</v>
      </c>
      <c r="LT30" s="160">
        <v>0</v>
      </c>
      <c r="LU30" s="123">
        <v>0</v>
      </c>
      <c r="LV30" s="124">
        <v>0</v>
      </c>
      <c r="LW30" s="163"/>
      <c r="LX30" s="123">
        <v>0</v>
      </c>
      <c r="LY30" s="123">
        <v>0</v>
      </c>
      <c r="LZ30" s="123">
        <v>0</v>
      </c>
      <c r="MA30" s="123">
        <v>0</v>
      </c>
      <c r="MB30" s="123">
        <v>0</v>
      </c>
      <c r="MC30" s="124">
        <v>0</v>
      </c>
      <c r="MD30" s="125">
        <v>0</v>
      </c>
      <c r="ME30" s="160">
        <v>0</v>
      </c>
      <c r="MF30" s="123">
        <v>0</v>
      </c>
      <c r="MG30" s="124">
        <v>0</v>
      </c>
      <c r="MH30" s="163"/>
      <c r="MI30" s="123">
        <v>722186</v>
      </c>
      <c r="MJ30" s="123">
        <v>0</v>
      </c>
      <c r="MK30" s="123">
        <v>1536287</v>
      </c>
      <c r="ML30" s="123">
        <v>803511</v>
      </c>
      <c r="MM30" s="123">
        <v>790728</v>
      </c>
      <c r="MN30" s="124">
        <v>3852712</v>
      </c>
      <c r="MO30" s="161">
        <v>3852712</v>
      </c>
      <c r="MP30" s="160">
        <v>0</v>
      </c>
      <c r="MQ30" s="123">
        <v>0</v>
      </c>
      <c r="MR30" s="124">
        <v>0</v>
      </c>
      <c r="MS30" s="163"/>
      <c r="MT30" s="123">
        <v>188308</v>
      </c>
      <c r="MU30" s="123">
        <v>0</v>
      </c>
      <c r="MV30" s="123">
        <v>1434346</v>
      </c>
      <c r="MW30" s="123">
        <v>521228</v>
      </c>
      <c r="MX30" s="123">
        <v>261199</v>
      </c>
      <c r="MY30" s="124">
        <v>2405081</v>
      </c>
      <c r="MZ30" s="161">
        <v>2405081</v>
      </c>
      <c r="NA30" s="160">
        <v>0</v>
      </c>
      <c r="NB30" s="123">
        <v>0</v>
      </c>
      <c r="NC30" s="124">
        <v>0</v>
      </c>
      <c r="ND30" s="163"/>
      <c r="NE30" s="123">
        <v>533878</v>
      </c>
      <c r="NF30" s="123">
        <v>0</v>
      </c>
      <c r="NG30" s="123">
        <v>101941</v>
      </c>
      <c r="NH30" s="123">
        <v>282283</v>
      </c>
      <c r="NI30" s="123">
        <v>529529</v>
      </c>
      <c r="NJ30" s="124">
        <v>1447631</v>
      </c>
      <c r="NK30" s="354">
        <v>1447631</v>
      </c>
      <c r="NL30" s="160">
        <v>0</v>
      </c>
      <c r="NM30" s="123">
        <v>0</v>
      </c>
      <c r="NN30" s="124">
        <v>0</v>
      </c>
      <c r="NO30" s="163"/>
      <c r="NP30" s="123">
        <v>0</v>
      </c>
      <c r="NQ30" s="123">
        <v>0</v>
      </c>
      <c r="NR30" s="123">
        <v>0</v>
      </c>
      <c r="NS30" s="123">
        <v>0</v>
      </c>
      <c r="NT30" s="123">
        <v>0</v>
      </c>
      <c r="NU30" s="124">
        <v>0</v>
      </c>
      <c r="NV30" s="125">
        <v>0</v>
      </c>
      <c r="NW30" s="160">
        <v>0</v>
      </c>
      <c r="NX30" s="123">
        <v>0</v>
      </c>
      <c r="NY30" s="124">
        <v>0</v>
      </c>
      <c r="NZ30" s="163"/>
      <c r="OA30" s="123">
        <v>0</v>
      </c>
      <c r="OB30" s="123">
        <v>0</v>
      </c>
      <c r="OC30" s="123">
        <v>0</v>
      </c>
      <c r="OD30" s="123">
        <v>0</v>
      </c>
      <c r="OE30" s="123">
        <v>0</v>
      </c>
      <c r="OF30" s="124">
        <v>0</v>
      </c>
      <c r="OG30" s="125">
        <v>0</v>
      </c>
      <c r="OH30" s="160">
        <v>13472</v>
      </c>
      <c r="OI30" s="123">
        <v>387762</v>
      </c>
      <c r="OJ30" s="159">
        <v>401234</v>
      </c>
      <c r="OK30" s="122">
        <v>0</v>
      </c>
      <c r="OL30" s="123">
        <v>3007453</v>
      </c>
      <c r="OM30" s="123">
        <v>954022</v>
      </c>
      <c r="ON30" s="123">
        <v>2136713</v>
      </c>
      <c r="OO30" s="123">
        <v>2622724</v>
      </c>
      <c r="OP30" s="123">
        <v>1168192</v>
      </c>
      <c r="OQ30" s="124">
        <v>9889104</v>
      </c>
      <c r="OR30" s="161">
        <v>10290338</v>
      </c>
    </row>
    <row r="31" spans="1:408" ht="20.25" customHeight="1" x14ac:dyDescent="0.2">
      <c r="A31" s="130" t="s">
        <v>26</v>
      </c>
      <c r="B31" s="113">
        <v>71495</v>
      </c>
      <c r="C31" s="117">
        <v>106669</v>
      </c>
      <c r="D31" s="116">
        <v>178164</v>
      </c>
      <c r="E31" s="112">
        <v>0</v>
      </c>
      <c r="F31" s="117">
        <v>1191907</v>
      </c>
      <c r="G31" s="117">
        <v>1853222</v>
      </c>
      <c r="H31" s="117">
        <v>2283846</v>
      </c>
      <c r="I31" s="117">
        <v>674622</v>
      </c>
      <c r="J31" s="117">
        <v>1296941</v>
      </c>
      <c r="K31" s="201">
        <v>7300538</v>
      </c>
      <c r="L31" s="119">
        <v>7478702</v>
      </c>
      <c r="M31" s="113">
        <v>42778</v>
      </c>
      <c r="N31" s="117">
        <v>52933</v>
      </c>
      <c r="O31" s="116">
        <v>95711</v>
      </c>
      <c r="P31" s="113">
        <v>0</v>
      </c>
      <c r="Q31" s="117">
        <v>341741</v>
      </c>
      <c r="R31" s="117">
        <v>519917</v>
      </c>
      <c r="S31" s="117">
        <v>1267486</v>
      </c>
      <c r="T31" s="117">
        <v>400624</v>
      </c>
      <c r="U31" s="117">
        <v>752077</v>
      </c>
      <c r="V31" s="116">
        <v>3281845</v>
      </c>
      <c r="W31" s="119">
        <v>3377556</v>
      </c>
      <c r="X31" s="113">
        <v>0</v>
      </c>
      <c r="Y31" s="117">
        <v>0</v>
      </c>
      <c r="Z31" s="116">
        <v>0</v>
      </c>
      <c r="AA31" s="113">
        <v>0</v>
      </c>
      <c r="AB31" s="117">
        <v>56866</v>
      </c>
      <c r="AC31" s="117">
        <v>354557</v>
      </c>
      <c r="AD31" s="117">
        <v>655398</v>
      </c>
      <c r="AE31" s="117">
        <v>110933</v>
      </c>
      <c r="AF31" s="117">
        <v>320621</v>
      </c>
      <c r="AG31" s="116">
        <v>1498375</v>
      </c>
      <c r="AH31" s="119">
        <v>1498375</v>
      </c>
      <c r="AI31" s="113">
        <v>0</v>
      </c>
      <c r="AJ31" s="117">
        <v>0</v>
      </c>
      <c r="AK31" s="116">
        <v>0</v>
      </c>
      <c r="AL31" s="113">
        <v>0</v>
      </c>
      <c r="AM31" s="117">
        <v>0</v>
      </c>
      <c r="AN31" s="117">
        <v>0</v>
      </c>
      <c r="AO31" s="117">
        <v>94424</v>
      </c>
      <c r="AP31" s="117">
        <v>141263</v>
      </c>
      <c r="AQ31" s="117">
        <v>104157</v>
      </c>
      <c r="AR31" s="116">
        <v>339844</v>
      </c>
      <c r="AS31" s="119">
        <v>339844</v>
      </c>
      <c r="AT31" s="113">
        <v>26258</v>
      </c>
      <c r="AU31" s="117">
        <v>50549</v>
      </c>
      <c r="AV31" s="116">
        <v>76807</v>
      </c>
      <c r="AW31" s="113">
        <v>0</v>
      </c>
      <c r="AX31" s="117">
        <v>234235</v>
      </c>
      <c r="AY31" s="117">
        <v>81656</v>
      </c>
      <c r="AZ31" s="117">
        <v>325471</v>
      </c>
      <c r="BA31" s="117">
        <v>129948</v>
      </c>
      <c r="BB31" s="117">
        <v>306411</v>
      </c>
      <c r="BC31" s="116">
        <v>1077721</v>
      </c>
      <c r="BD31" s="119">
        <v>1154528</v>
      </c>
      <c r="BE31" s="113">
        <v>0</v>
      </c>
      <c r="BF31" s="117">
        <v>0</v>
      </c>
      <c r="BG31" s="115">
        <v>0</v>
      </c>
      <c r="BH31" s="114">
        <v>0</v>
      </c>
      <c r="BI31" s="117">
        <v>0</v>
      </c>
      <c r="BJ31" s="117">
        <v>31600</v>
      </c>
      <c r="BK31" s="117">
        <v>98241</v>
      </c>
      <c r="BL31" s="117">
        <v>0</v>
      </c>
      <c r="BM31" s="117">
        <v>0</v>
      </c>
      <c r="BN31" s="116">
        <v>129841</v>
      </c>
      <c r="BO31" s="119">
        <v>129841</v>
      </c>
      <c r="BP31" s="113">
        <v>16520</v>
      </c>
      <c r="BQ31" s="117">
        <v>2384</v>
      </c>
      <c r="BR31" s="116">
        <v>18904</v>
      </c>
      <c r="BS31" s="113">
        <v>0</v>
      </c>
      <c r="BT31" s="117">
        <v>50640</v>
      </c>
      <c r="BU31" s="117">
        <v>52104</v>
      </c>
      <c r="BV31" s="117">
        <v>93952</v>
      </c>
      <c r="BW31" s="117">
        <v>18480</v>
      </c>
      <c r="BX31" s="117">
        <v>20888</v>
      </c>
      <c r="BY31" s="116">
        <v>236064</v>
      </c>
      <c r="BZ31" s="119">
        <v>254968</v>
      </c>
      <c r="CA31" s="113">
        <v>20717</v>
      </c>
      <c r="CB31" s="117">
        <v>39832</v>
      </c>
      <c r="CC31" s="116">
        <v>60549</v>
      </c>
      <c r="CD31" s="113">
        <v>0</v>
      </c>
      <c r="CE31" s="117">
        <v>415286</v>
      </c>
      <c r="CF31" s="117">
        <v>831372</v>
      </c>
      <c r="CG31" s="117">
        <v>507117</v>
      </c>
      <c r="CH31" s="117">
        <v>117446</v>
      </c>
      <c r="CI31" s="117">
        <v>369984</v>
      </c>
      <c r="CJ31" s="116">
        <v>2241205</v>
      </c>
      <c r="CK31" s="119">
        <v>2301754</v>
      </c>
      <c r="CL31" s="113">
        <v>0</v>
      </c>
      <c r="CM31" s="117">
        <v>0</v>
      </c>
      <c r="CN31" s="116">
        <v>0</v>
      </c>
      <c r="CO31" s="114">
        <v>0</v>
      </c>
      <c r="CP31" s="117">
        <v>415286</v>
      </c>
      <c r="CQ31" s="117">
        <v>617160</v>
      </c>
      <c r="CR31" s="117">
        <v>259670</v>
      </c>
      <c r="CS31" s="117">
        <v>117446</v>
      </c>
      <c r="CT31" s="117">
        <v>369984</v>
      </c>
      <c r="CU31" s="116">
        <v>1779546</v>
      </c>
      <c r="CV31" s="119">
        <v>1779546</v>
      </c>
      <c r="CW31" s="113">
        <v>20717</v>
      </c>
      <c r="CX31" s="117">
        <v>39832</v>
      </c>
      <c r="CY31" s="116">
        <v>60549</v>
      </c>
      <c r="CZ31" s="113">
        <v>0</v>
      </c>
      <c r="DA31" s="117">
        <v>0</v>
      </c>
      <c r="DB31" s="117">
        <v>214212</v>
      </c>
      <c r="DC31" s="117">
        <v>247447</v>
      </c>
      <c r="DD31" s="117">
        <v>0</v>
      </c>
      <c r="DE31" s="117">
        <v>0</v>
      </c>
      <c r="DF31" s="116">
        <v>461659</v>
      </c>
      <c r="DG31" s="119">
        <v>522208</v>
      </c>
      <c r="DH31" s="113">
        <v>0</v>
      </c>
      <c r="DI31" s="117">
        <v>0</v>
      </c>
      <c r="DJ31" s="115">
        <v>0</v>
      </c>
      <c r="DK31" s="114">
        <v>0</v>
      </c>
      <c r="DL31" s="117">
        <v>0</v>
      </c>
      <c r="DM31" s="117">
        <v>200785</v>
      </c>
      <c r="DN31" s="117">
        <v>28123</v>
      </c>
      <c r="DO31" s="117">
        <v>0</v>
      </c>
      <c r="DP31" s="117">
        <v>0</v>
      </c>
      <c r="DQ31" s="116">
        <v>228908</v>
      </c>
      <c r="DR31" s="119">
        <v>228908</v>
      </c>
      <c r="DS31" s="113">
        <v>0</v>
      </c>
      <c r="DT31" s="117">
        <v>0</v>
      </c>
      <c r="DU31" s="116">
        <v>0</v>
      </c>
      <c r="DV31" s="113">
        <v>0</v>
      </c>
      <c r="DW31" s="117">
        <v>0</v>
      </c>
      <c r="DX31" s="117">
        <v>200785</v>
      </c>
      <c r="DY31" s="117">
        <v>0</v>
      </c>
      <c r="DZ31" s="117">
        <v>0</v>
      </c>
      <c r="EA31" s="117">
        <v>0</v>
      </c>
      <c r="EB31" s="116">
        <v>200785</v>
      </c>
      <c r="EC31" s="119">
        <v>200785</v>
      </c>
      <c r="ED31" s="113">
        <v>0</v>
      </c>
      <c r="EE31" s="115">
        <v>0</v>
      </c>
      <c r="EF31" s="116">
        <v>0</v>
      </c>
      <c r="EG31" s="113">
        <v>0</v>
      </c>
      <c r="EH31" s="117">
        <v>0</v>
      </c>
      <c r="EI31" s="117">
        <v>0</v>
      </c>
      <c r="EJ31" s="117">
        <v>28123</v>
      </c>
      <c r="EK31" s="117">
        <v>0</v>
      </c>
      <c r="EL31" s="117">
        <v>0</v>
      </c>
      <c r="EM31" s="115">
        <v>28123</v>
      </c>
      <c r="EN31" s="119">
        <v>28123</v>
      </c>
      <c r="EO31" s="113">
        <v>0</v>
      </c>
      <c r="EP31" s="117">
        <v>0</v>
      </c>
      <c r="EQ31" s="115">
        <v>0</v>
      </c>
      <c r="ER31" s="114">
        <v>0</v>
      </c>
      <c r="ES31" s="117">
        <v>0</v>
      </c>
      <c r="ET31" s="117">
        <v>0</v>
      </c>
      <c r="EU31" s="117">
        <v>0</v>
      </c>
      <c r="EV31" s="117">
        <v>0</v>
      </c>
      <c r="EW31" s="117">
        <v>0</v>
      </c>
      <c r="EX31" s="116">
        <v>0</v>
      </c>
      <c r="EY31" s="119">
        <v>0</v>
      </c>
      <c r="EZ31" s="113">
        <v>0</v>
      </c>
      <c r="FA31" s="117">
        <v>0</v>
      </c>
      <c r="FB31" s="115">
        <v>0</v>
      </c>
      <c r="FC31" s="387"/>
      <c r="FD31" s="117">
        <v>0</v>
      </c>
      <c r="FE31" s="117">
        <v>0</v>
      </c>
      <c r="FF31" s="117">
        <v>0</v>
      </c>
      <c r="FG31" s="117">
        <v>0</v>
      </c>
      <c r="FH31" s="117">
        <v>0</v>
      </c>
      <c r="FI31" s="116">
        <v>0</v>
      </c>
      <c r="FJ31" s="119">
        <v>0</v>
      </c>
      <c r="FK31" s="113">
        <v>8000</v>
      </c>
      <c r="FL31" s="117">
        <v>13904</v>
      </c>
      <c r="FM31" s="116">
        <v>21904</v>
      </c>
      <c r="FN31" s="113">
        <v>0</v>
      </c>
      <c r="FO31" s="117">
        <v>120296</v>
      </c>
      <c r="FP31" s="117">
        <v>114912</v>
      </c>
      <c r="FQ31" s="117">
        <v>481120</v>
      </c>
      <c r="FR31" s="117">
        <v>156552</v>
      </c>
      <c r="FS31" s="117">
        <v>174880</v>
      </c>
      <c r="FT31" s="116">
        <v>1047760</v>
      </c>
      <c r="FU31" s="119">
        <v>1069664</v>
      </c>
      <c r="FV31" s="118">
        <v>8000</v>
      </c>
      <c r="FW31" s="117">
        <v>13904</v>
      </c>
      <c r="FX31" s="115">
        <v>21904</v>
      </c>
      <c r="FY31" s="114">
        <v>0</v>
      </c>
      <c r="FZ31" s="117">
        <v>62040</v>
      </c>
      <c r="GA31" s="117">
        <v>114912</v>
      </c>
      <c r="GB31" s="117">
        <v>303520</v>
      </c>
      <c r="GC31" s="117">
        <v>131208</v>
      </c>
      <c r="GD31" s="117">
        <v>94880</v>
      </c>
      <c r="GE31" s="116">
        <v>706560</v>
      </c>
      <c r="GF31" s="351">
        <v>728464</v>
      </c>
      <c r="GG31" s="118">
        <v>0</v>
      </c>
      <c r="GH31" s="117">
        <v>0</v>
      </c>
      <c r="GI31" s="115">
        <v>0</v>
      </c>
      <c r="GJ31" s="114">
        <v>0</v>
      </c>
      <c r="GK31" s="117">
        <v>13376</v>
      </c>
      <c r="GL31" s="117">
        <v>0</v>
      </c>
      <c r="GM31" s="117">
        <v>0</v>
      </c>
      <c r="GN31" s="117">
        <v>25344</v>
      </c>
      <c r="GO31" s="117">
        <v>80000</v>
      </c>
      <c r="GP31" s="116">
        <v>118720</v>
      </c>
      <c r="GQ31" s="119">
        <v>118720</v>
      </c>
      <c r="GR31" s="113">
        <v>0</v>
      </c>
      <c r="GS31" s="117">
        <v>0</v>
      </c>
      <c r="GT31" s="116">
        <v>0</v>
      </c>
      <c r="GU31" s="113">
        <v>0</v>
      </c>
      <c r="GV31" s="117">
        <v>44880</v>
      </c>
      <c r="GW31" s="117">
        <v>0</v>
      </c>
      <c r="GX31" s="117">
        <v>177600</v>
      </c>
      <c r="GY31" s="117">
        <v>0</v>
      </c>
      <c r="GZ31" s="117">
        <v>0</v>
      </c>
      <c r="HA31" s="115">
        <v>222480</v>
      </c>
      <c r="HB31" s="119">
        <v>222480</v>
      </c>
      <c r="HC31" s="113">
        <v>0</v>
      </c>
      <c r="HD31" s="117">
        <v>0</v>
      </c>
      <c r="HE31" s="115">
        <v>0</v>
      </c>
      <c r="HF31" s="114">
        <v>0</v>
      </c>
      <c r="HG31" s="117">
        <v>314584</v>
      </c>
      <c r="HH31" s="117">
        <v>186236</v>
      </c>
      <c r="HI31" s="117">
        <v>0</v>
      </c>
      <c r="HJ31" s="117">
        <v>0</v>
      </c>
      <c r="HK31" s="117">
        <v>0</v>
      </c>
      <c r="HL31" s="116">
        <v>500820</v>
      </c>
      <c r="HM31" s="112">
        <v>500820</v>
      </c>
      <c r="HN31" s="367"/>
      <c r="HO31" s="368"/>
      <c r="HP31" s="369"/>
      <c r="HQ31" s="370"/>
      <c r="HR31" s="368"/>
      <c r="HS31" s="368"/>
      <c r="HT31" s="368"/>
      <c r="HU31" s="368"/>
      <c r="HV31" s="368"/>
      <c r="HW31" s="371"/>
      <c r="HX31" s="372"/>
      <c r="HY31" s="149">
        <v>0</v>
      </c>
      <c r="HZ31" s="150">
        <v>0</v>
      </c>
      <c r="IA31" s="151">
        <v>0</v>
      </c>
      <c r="IB31" s="164">
        <v>0</v>
      </c>
      <c r="IC31" s="150">
        <v>70918</v>
      </c>
      <c r="ID31" s="165">
        <v>0</v>
      </c>
      <c r="IE31" s="151">
        <v>493099</v>
      </c>
      <c r="IF31" s="150">
        <v>0</v>
      </c>
      <c r="IG31" s="151">
        <v>190996</v>
      </c>
      <c r="IH31" s="166">
        <v>755013</v>
      </c>
      <c r="II31" s="157">
        <v>755013</v>
      </c>
      <c r="IJ31" s="262">
        <v>0</v>
      </c>
      <c r="IK31" s="269">
        <v>0</v>
      </c>
      <c r="IL31" s="270">
        <v>0</v>
      </c>
      <c r="IM31" s="158"/>
      <c r="IN31" s="123">
        <v>0</v>
      </c>
      <c r="IO31" s="123">
        <v>0</v>
      </c>
      <c r="IP31" s="123">
        <v>0</v>
      </c>
      <c r="IQ31" s="123">
        <v>0</v>
      </c>
      <c r="IR31" s="123">
        <v>0</v>
      </c>
      <c r="IS31" s="159">
        <v>0</v>
      </c>
      <c r="IT31" s="354">
        <v>0</v>
      </c>
      <c r="IU31" s="160">
        <v>0</v>
      </c>
      <c r="IV31" s="123">
        <v>0</v>
      </c>
      <c r="IW31" s="124">
        <v>0</v>
      </c>
      <c r="IX31" s="162"/>
      <c r="IY31" s="123">
        <v>0</v>
      </c>
      <c r="IZ31" s="123">
        <v>0</v>
      </c>
      <c r="JA31" s="123">
        <v>0</v>
      </c>
      <c r="JB31" s="123">
        <v>0</v>
      </c>
      <c r="JC31" s="123">
        <v>0</v>
      </c>
      <c r="JD31" s="124">
        <v>0</v>
      </c>
      <c r="JE31" s="125">
        <v>0</v>
      </c>
      <c r="JF31" s="160">
        <v>0</v>
      </c>
      <c r="JG31" s="123">
        <v>0</v>
      </c>
      <c r="JH31" s="159">
        <v>0</v>
      </c>
      <c r="JI31" s="122">
        <v>0</v>
      </c>
      <c r="JJ31" s="123">
        <v>70918</v>
      </c>
      <c r="JK31" s="123">
        <v>0</v>
      </c>
      <c r="JL31" s="123">
        <v>0</v>
      </c>
      <c r="JM31" s="123">
        <v>0</v>
      </c>
      <c r="JN31" s="123">
        <v>190996</v>
      </c>
      <c r="JO31" s="124">
        <v>261914</v>
      </c>
      <c r="JP31" s="354">
        <v>261914</v>
      </c>
      <c r="JQ31" s="160">
        <v>0</v>
      </c>
      <c r="JR31" s="123">
        <v>0</v>
      </c>
      <c r="JS31" s="159">
        <v>0</v>
      </c>
      <c r="JT31" s="122">
        <v>0</v>
      </c>
      <c r="JU31" s="123">
        <v>0</v>
      </c>
      <c r="JV31" s="123">
        <v>0</v>
      </c>
      <c r="JW31" s="123">
        <v>0</v>
      </c>
      <c r="JX31" s="123">
        <v>0</v>
      </c>
      <c r="JY31" s="123">
        <v>0</v>
      </c>
      <c r="JZ31" s="124">
        <v>0</v>
      </c>
      <c r="KA31" s="354">
        <v>0</v>
      </c>
      <c r="KB31" s="265">
        <v>0</v>
      </c>
      <c r="KC31" s="259">
        <v>0</v>
      </c>
      <c r="KD31" s="124">
        <v>0</v>
      </c>
      <c r="KE31" s="122">
        <v>0</v>
      </c>
      <c r="KF31" s="123">
        <v>0</v>
      </c>
      <c r="KG31" s="123">
        <v>0</v>
      </c>
      <c r="KH31" s="123">
        <v>0</v>
      </c>
      <c r="KI31" s="123">
        <v>0</v>
      </c>
      <c r="KJ31" s="123">
        <v>0</v>
      </c>
      <c r="KK31" s="124">
        <v>0</v>
      </c>
      <c r="KL31" s="161">
        <v>0</v>
      </c>
      <c r="KM31" s="262">
        <v>0</v>
      </c>
      <c r="KN31" s="269">
        <v>0</v>
      </c>
      <c r="KO31" s="270">
        <v>0</v>
      </c>
      <c r="KP31" s="158"/>
      <c r="KQ31" s="123">
        <v>0</v>
      </c>
      <c r="KR31" s="123">
        <v>0</v>
      </c>
      <c r="KS31" s="123">
        <v>493099</v>
      </c>
      <c r="KT31" s="123">
        <v>0</v>
      </c>
      <c r="KU31" s="123">
        <v>0</v>
      </c>
      <c r="KV31" s="124">
        <v>493099</v>
      </c>
      <c r="KW31" s="354">
        <v>493099</v>
      </c>
      <c r="KX31" s="160">
        <v>0</v>
      </c>
      <c r="KY31" s="123">
        <v>0</v>
      </c>
      <c r="KZ31" s="124">
        <v>0</v>
      </c>
      <c r="LA31" s="163"/>
      <c r="LB31" s="123">
        <v>0</v>
      </c>
      <c r="LC31" s="123">
        <v>0</v>
      </c>
      <c r="LD31" s="123">
        <v>0</v>
      </c>
      <c r="LE31" s="123">
        <v>0</v>
      </c>
      <c r="LF31" s="123">
        <v>0</v>
      </c>
      <c r="LG31" s="124">
        <v>0</v>
      </c>
      <c r="LH31" s="125">
        <v>0</v>
      </c>
      <c r="LI31" s="160">
        <v>0</v>
      </c>
      <c r="LJ31" s="123">
        <v>0</v>
      </c>
      <c r="LK31" s="124">
        <v>0</v>
      </c>
      <c r="LL31" s="163"/>
      <c r="LM31" s="123">
        <v>0</v>
      </c>
      <c r="LN31" s="123">
        <v>0</v>
      </c>
      <c r="LO31" s="123">
        <v>0</v>
      </c>
      <c r="LP31" s="123">
        <v>0</v>
      </c>
      <c r="LQ31" s="123">
        <v>0</v>
      </c>
      <c r="LR31" s="124">
        <v>0</v>
      </c>
      <c r="LS31" s="354">
        <v>0</v>
      </c>
      <c r="LT31" s="160">
        <v>0</v>
      </c>
      <c r="LU31" s="123">
        <v>0</v>
      </c>
      <c r="LV31" s="124">
        <v>0</v>
      </c>
      <c r="LW31" s="163"/>
      <c r="LX31" s="123">
        <v>0</v>
      </c>
      <c r="LY31" s="123">
        <v>0</v>
      </c>
      <c r="LZ31" s="123">
        <v>0</v>
      </c>
      <c r="MA31" s="123">
        <v>0</v>
      </c>
      <c r="MB31" s="123">
        <v>0</v>
      </c>
      <c r="MC31" s="124">
        <v>0</v>
      </c>
      <c r="MD31" s="125">
        <v>0</v>
      </c>
      <c r="ME31" s="160">
        <v>0</v>
      </c>
      <c r="MF31" s="123">
        <v>0</v>
      </c>
      <c r="MG31" s="124">
        <v>0</v>
      </c>
      <c r="MH31" s="163"/>
      <c r="MI31" s="123">
        <v>0</v>
      </c>
      <c r="MJ31" s="123">
        <v>0</v>
      </c>
      <c r="MK31" s="123">
        <v>1006123</v>
      </c>
      <c r="ML31" s="123">
        <v>775605</v>
      </c>
      <c r="MM31" s="123">
        <v>533577</v>
      </c>
      <c r="MN31" s="124">
        <v>2315305</v>
      </c>
      <c r="MO31" s="161">
        <v>2315305</v>
      </c>
      <c r="MP31" s="160">
        <v>0</v>
      </c>
      <c r="MQ31" s="123">
        <v>0</v>
      </c>
      <c r="MR31" s="124">
        <v>0</v>
      </c>
      <c r="MS31" s="163"/>
      <c r="MT31" s="123">
        <v>0</v>
      </c>
      <c r="MU31" s="123">
        <v>0</v>
      </c>
      <c r="MV31" s="123">
        <v>462682</v>
      </c>
      <c r="MW31" s="123">
        <v>775605</v>
      </c>
      <c r="MX31" s="123">
        <v>242428</v>
      </c>
      <c r="MY31" s="124">
        <v>1480715</v>
      </c>
      <c r="MZ31" s="161">
        <v>1480715</v>
      </c>
      <c r="NA31" s="160">
        <v>0</v>
      </c>
      <c r="NB31" s="123">
        <v>0</v>
      </c>
      <c r="NC31" s="124">
        <v>0</v>
      </c>
      <c r="ND31" s="163"/>
      <c r="NE31" s="123">
        <v>0</v>
      </c>
      <c r="NF31" s="123">
        <v>0</v>
      </c>
      <c r="NG31" s="123">
        <v>543441</v>
      </c>
      <c r="NH31" s="123">
        <v>0</v>
      </c>
      <c r="NI31" s="123">
        <v>291149</v>
      </c>
      <c r="NJ31" s="124">
        <v>834590</v>
      </c>
      <c r="NK31" s="354">
        <v>834590</v>
      </c>
      <c r="NL31" s="160">
        <v>0</v>
      </c>
      <c r="NM31" s="123">
        <v>0</v>
      </c>
      <c r="NN31" s="124">
        <v>0</v>
      </c>
      <c r="NO31" s="163"/>
      <c r="NP31" s="123">
        <v>0</v>
      </c>
      <c r="NQ31" s="123">
        <v>0</v>
      </c>
      <c r="NR31" s="123">
        <v>0</v>
      </c>
      <c r="NS31" s="123">
        <v>0</v>
      </c>
      <c r="NT31" s="123">
        <v>0</v>
      </c>
      <c r="NU31" s="124">
        <v>0</v>
      </c>
      <c r="NV31" s="125">
        <v>0</v>
      </c>
      <c r="NW31" s="160">
        <v>0</v>
      </c>
      <c r="NX31" s="123">
        <v>0</v>
      </c>
      <c r="NY31" s="124">
        <v>0</v>
      </c>
      <c r="NZ31" s="163"/>
      <c r="OA31" s="123">
        <v>0</v>
      </c>
      <c r="OB31" s="123">
        <v>0</v>
      </c>
      <c r="OC31" s="123">
        <v>0</v>
      </c>
      <c r="OD31" s="123">
        <v>0</v>
      </c>
      <c r="OE31" s="123">
        <v>0</v>
      </c>
      <c r="OF31" s="124">
        <v>0</v>
      </c>
      <c r="OG31" s="125">
        <v>0</v>
      </c>
      <c r="OH31" s="160">
        <v>71495</v>
      </c>
      <c r="OI31" s="123">
        <v>106669</v>
      </c>
      <c r="OJ31" s="159">
        <v>178164</v>
      </c>
      <c r="OK31" s="122">
        <v>0</v>
      </c>
      <c r="OL31" s="123">
        <v>1262825</v>
      </c>
      <c r="OM31" s="123">
        <v>1853222</v>
      </c>
      <c r="ON31" s="123">
        <v>3783068</v>
      </c>
      <c r="OO31" s="123">
        <v>1450227</v>
      </c>
      <c r="OP31" s="123">
        <v>2021514</v>
      </c>
      <c r="OQ31" s="124">
        <v>10370856</v>
      </c>
      <c r="OR31" s="161">
        <v>10549020</v>
      </c>
    </row>
    <row r="32" spans="1:408" ht="20.25" customHeight="1" x14ac:dyDescent="0.2">
      <c r="A32" s="130" t="s">
        <v>27</v>
      </c>
      <c r="B32" s="113">
        <v>29797</v>
      </c>
      <c r="C32" s="117">
        <v>490221</v>
      </c>
      <c r="D32" s="116">
        <v>520018</v>
      </c>
      <c r="E32" s="112">
        <v>0</v>
      </c>
      <c r="F32" s="117">
        <v>873300</v>
      </c>
      <c r="G32" s="117">
        <v>1695470</v>
      </c>
      <c r="H32" s="117">
        <v>1751785</v>
      </c>
      <c r="I32" s="117">
        <v>2560606</v>
      </c>
      <c r="J32" s="117">
        <v>1354320</v>
      </c>
      <c r="K32" s="201">
        <v>8235481</v>
      </c>
      <c r="L32" s="119">
        <v>8755499</v>
      </c>
      <c r="M32" s="113">
        <v>0</v>
      </c>
      <c r="N32" s="117">
        <v>151893</v>
      </c>
      <c r="O32" s="116">
        <v>151893</v>
      </c>
      <c r="P32" s="113">
        <v>0</v>
      </c>
      <c r="Q32" s="117">
        <v>280736</v>
      </c>
      <c r="R32" s="117">
        <v>379675</v>
      </c>
      <c r="S32" s="117">
        <v>728941</v>
      </c>
      <c r="T32" s="117">
        <v>992356</v>
      </c>
      <c r="U32" s="117">
        <v>437413</v>
      </c>
      <c r="V32" s="116">
        <v>2819121</v>
      </c>
      <c r="W32" s="119">
        <v>2971014</v>
      </c>
      <c r="X32" s="113">
        <v>0</v>
      </c>
      <c r="Y32" s="117">
        <v>0</v>
      </c>
      <c r="Z32" s="116">
        <v>0</v>
      </c>
      <c r="AA32" s="113">
        <v>0</v>
      </c>
      <c r="AB32" s="117">
        <v>106432</v>
      </c>
      <c r="AC32" s="117">
        <v>7152</v>
      </c>
      <c r="AD32" s="117">
        <v>507445</v>
      </c>
      <c r="AE32" s="117">
        <v>543221</v>
      </c>
      <c r="AF32" s="117">
        <v>93868</v>
      </c>
      <c r="AG32" s="116">
        <v>1258118</v>
      </c>
      <c r="AH32" s="119">
        <v>1258118</v>
      </c>
      <c r="AI32" s="113">
        <v>0</v>
      </c>
      <c r="AJ32" s="117">
        <v>0</v>
      </c>
      <c r="AK32" s="116">
        <v>0</v>
      </c>
      <c r="AL32" s="113">
        <v>0</v>
      </c>
      <c r="AM32" s="117">
        <v>0</v>
      </c>
      <c r="AN32" s="117">
        <v>0</v>
      </c>
      <c r="AO32" s="117">
        <v>0</v>
      </c>
      <c r="AP32" s="117">
        <v>67620</v>
      </c>
      <c r="AQ32" s="117">
        <v>70772</v>
      </c>
      <c r="AR32" s="116">
        <v>138392</v>
      </c>
      <c r="AS32" s="119">
        <v>138392</v>
      </c>
      <c r="AT32" s="113">
        <v>0</v>
      </c>
      <c r="AU32" s="117">
        <v>98038</v>
      </c>
      <c r="AV32" s="116">
        <v>98038</v>
      </c>
      <c r="AW32" s="113">
        <v>0</v>
      </c>
      <c r="AX32" s="117">
        <v>155384</v>
      </c>
      <c r="AY32" s="117">
        <v>291571</v>
      </c>
      <c r="AZ32" s="117">
        <v>82562</v>
      </c>
      <c r="BA32" s="117">
        <v>266131</v>
      </c>
      <c r="BB32" s="117">
        <v>179013</v>
      </c>
      <c r="BC32" s="116">
        <v>974661</v>
      </c>
      <c r="BD32" s="119">
        <v>1072699</v>
      </c>
      <c r="BE32" s="113">
        <v>0</v>
      </c>
      <c r="BF32" s="117">
        <v>38799</v>
      </c>
      <c r="BG32" s="115">
        <v>38799</v>
      </c>
      <c r="BH32" s="114">
        <v>0</v>
      </c>
      <c r="BI32" s="117">
        <v>0</v>
      </c>
      <c r="BJ32" s="117">
        <v>0</v>
      </c>
      <c r="BK32" s="117">
        <v>66870</v>
      </c>
      <c r="BL32" s="117">
        <v>0</v>
      </c>
      <c r="BM32" s="117">
        <v>0</v>
      </c>
      <c r="BN32" s="116">
        <v>66870</v>
      </c>
      <c r="BO32" s="119">
        <v>105669</v>
      </c>
      <c r="BP32" s="113">
        <v>0</v>
      </c>
      <c r="BQ32" s="117">
        <v>15056</v>
      </c>
      <c r="BR32" s="116">
        <v>15056</v>
      </c>
      <c r="BS32" s="113">
        <v>0</v>
      </c>
      <c r="BT32" s="117">
        <v>18920</v>
      </c>
      <c r="BU32" s="117">
        <v>80952</v>
      </c>
      <c r="BV32" s="117">
        <v>72064</v>
      </c>
      <c r="BW32" s="117">
        <v>115384</v>
      </c>
      <c r="BX32" s="117">
        <v>93760</v>
      </c>
      <c r="BY32" s="116">
        <v>381080</v>
      </c>
      <c r="BZ32" s="119">
        <v>396136</v>
      </c>
      <c r="CA32" s="113">
        <v>20717</v>
      </c>
      <c r="CB32" s="117">
        <v>79696</v>
      </c>
      <c r="CC32" s="116">
        <v>100413</v>
      </c>
      <c r="CD32" s="113">
        <v>0</v>
      </c>
      <c r="CE32" s="117">
        <v>390833</v>
      </c>
      <c r="CF32" s="117">
        <v>798389</v>
      </c>
      <c r="CG32" s="117">
        <v>607865</v>
      </c>
      <c r="CH32" s="117">
        <v>594293</v>
      </c>
      <c r="CI32" s="117">
        <v>308687</v>
      </c>
      <c r="CJ32" s="116">
        <v>2700067</v>
      </c>
      <c r="CK32" s="119">
        <v>2800480</v>
      </c>
      <c r="CL32" s="113">
        <v>0</v>
      </c>
      <c r="CM32" s="117">
        <v>0</v>
      </c>
      <c r="CN32" s="116">
        <v>0</v>
      </c>
      <c r="CO32" s="114">
        <v>0</v>
      </c>
      <c r="CP32" s="117">
        <v>364315</v>
      </c>
      <c r="CQ32" s="117">
        <v>573930</v>
      </c>
      <c r="CR32" s="117">
        <v>477165</v>
      </c>
      <c r="CS32" s="117">
        <v>512717</v>
      </c>
      <c r="CT32" s="117">
        <v>205578</v>
      </c>
      <c r="CU32" s="116">
        <v>2133705</v>
      </c>
      <c r="CV32" s="119">
        <v>2133705</v>
      </c>
      <c r="CW32" s="113">
        <v>20717</v>
      </c>
      <c r="CX32" s="117">
        <v>79696</v>
      </c>
      <c r="CY32" s="116">
        <v>100413</v>
      </c>
      <c r="CZ32" s="113">
        <v>0</v>
      </c>
      <c r="DA32" s="117">
        <v>26518</v>
      </c>
      <c r="DB32" s="117">
        <v>224459</v>
      </c>
      <c r="DC32" s="117">
        <v>130700</v>
      </c>
      <c r="DD32" s="117">
        <v>81576</v>
      </c>
      <c r="DE32" s="117">
        <v>103109</v>
      </c>
      <c r="DF32" s="116">
        <v>566362</v>
      </c>
      <c r="DG32" s="119">
        <v>666775</v>
      </c>
      <c r="DH32" s="113">
        <v>0</v>
      </c>
      <c r="DI32" s="117">
        <v>0</v>
      </c>
      <c r="DJ32" s="115">
        <v>0</v>
      </c>
      <c r="DK32" s="114">
        <v>0</v>
      </c>
      <c r="DL32" s="117">
        <v>0</v>
      </c>
      <c r="DM32" s="117">
        <v>16147</v>
      </c>
      <c r="DN32" s="117">
        <v>81699</v>
      </c>
      <c r="DO32" s="117">
        <v>0</v>
      </c>
      <c r="DP32" s="117">
        <v>28279</v>
      </c>
      <c r="DQ32" s="116">
        <v>126125</v>
      </c>
      <c r="DR32" s="119">
        <v>126125</v>
      </c>
      <c r="DS32" s="113">
        <v>0</v>
      </c>
      <c r="DT32" s="117">
        <v>0</v>
      </c>
      <c r="DU32" s="116">
        <v>0</v>
      </c>
      <c r="DV32" s="113">
        <v>0</v>
      </c>
      <c r="DW32" s="117">
        <v>0</v>
      </c>
      <c r="DX32" s="117">
        <v>16147</v>
      </c>
      <c r="DY32" s="117">
        <v>41254</v>
      </c>
      <c r="DZ32" s="117">
        <v>0</v>
      </c>
      <c r="EA32" s="117">
        <v>28279</v>
      </c>
      <c r="EB32" s="116">
        <v>85680</v>
      </c>
      <c r="EC32" s="119">
        <v>85680</v>
      </c>
      <c r="ED32" s="113">
        <v>0</v>
      </c>
      <c r="EE32" s="115">
        <v>0</v>
      </c>
      <c r="EF32" s="116">
        <v>0</v>
      </c>
      <c r="EG32" s="113">
        <v>0</v>
      </c>
      <c r="EH32" s="117">
        <v>0</v>
      </c>
      <c r="EI32" s="117">
        <v>0</v>
      </c>
      <c r="EJ32" s="117">
        <v>40445</v>
      </c>
      <c r="EK32" s="117">
        <v>0</v>
      </c>
      <c r="EL32" s="117">
        <v>0</v>
      </c>
      <c r="EM32" s="115">
        <v>40445</v>
      </c>
      <c r="EN32" s="119">
        <v>40445</v>
      </c>
      <c r="EO32" s="113">
        <v>0</v>
      </c>
      <c r="EP32" s="117">
        <v>0</v>
      </c>
      <c r="EQ32" s="115">
        <v>0</v>
      </c>
      <c r="ER32" s="114">
        <v>0</v>
      </c>
      <c r="ES32" s="117">
        <v>0</v>
      </c>
      <c r="ET32" s="117">
        <v>0</v>
      </c>
      <c r="EU32" s="117">
        <v>0</v>
      </c>
      <c r="EV32" s="117">
        <v>0</v>
      </c>
      <c r="EW32" s="117">
        <v>0</v>
      </c>
      <c r="EX32" s="116">
        <v>0</v>
      </c>
      <c r="EY32" s="119">
        <v>0</v>
      </c>
      <c r="EZ32" s="113">
        <v>0</v>
      </c>
      <c r="FA32" s="117">
        <v>0</v>
      </c>
      <c r="FB32" s="115">
        <v>0</v>
      </c>
      <c r="FC32" s="387"/>
      <c r="FD32" s="117">
        <v>0</v>
      </c>
      <c r="FE32" s="117">
        <v>0</v>
      </c>
      <c r="FF32" s="117">
        <v>0</v>
      </c>
      <c r="FG32" s="117">
        <v>0</v>
      </c>
      <c r="FH32" s="117">
        <v>0</v>
      </c>
      <c r="FI32" s="116">
        <v>0</v>
      </c>
      <c r="FJ32" s="119">
        <v>0</v>
      </c>
      <c r="FK32" s="113">
        <v>9080</v>
      </c>
      <c r="FL32" s="117">
        <v>164376</v>
      </c>
      <c r="FM32" s="116">
        <v>173456</v>
      </c>
      <c r="FN32" s="113">
        <v>0</v>
      </c>
      <c r="FO32" s="117">
        <v>49440</v>
      </c>
      <c r="FP32" s="117">
        <v>148848</v>
      </c>
      <c r="FQ32" s="117">
        <v>137648</v>
      </c>
      <c r="FR32" s="117">
        <v>128000</v>
      </c>
      <c r="FS32" s="117">
        <v>113224</v>
      </c>
      <c r="FT32" s="116">
        <v>577160</v>
      </c>
      <c r="FU32" s="119">
        <v>750616</v>
      </c>
      <c r="FV32" s="118">
        <v>9080</v>
      </c>
      <c r="FW32" s="117">
        <v>25600</v>
      </c>
      <c r="FX32" s="115">
        <v>34680</v>
      </c>
      <c r="FY32" s="114">
        <v>0</v>
      </c>
      <c r="FZ32" s="117">
        <v>33600</v>
      </c>
      <c r="GA32" s="117">
        <v>148848</v>
      </c>
      <c r="GB32" s="117">
        <v>137648</v>
      </c>
      <c r="GC32" s="117">
        <v>128000</v>
      </c>
      <c r="GD32" s="117">
        <v>113224</v>
      </c>
      <c r="GE32" s="116">
        <v>561320</v>
      </c>
      <c r="GF32" s="351">
        <v>596000</v>
      </c>
      <c r="GG32" s="118">
        <v>0</v>
      </c>
      <c r="GH32" s="117">
        <v>16456</v>
      </c>
      <c r="GI32" s="115">
        <v>16456</v>
      </c>
      <c r="GJ32" s="114">
        <v>0</v>
      </c>
      <c r="GK32" s="117">
        <v>15840</v>
      </c>
      <c r="GL32" s="117">
        <v>0</v>
      </c>
      <c r="GM32" s="117">
        <v>0</v>
      </c>
      <c r="GN32" s="117">
        <v>0</v>
      </c>
      <c r="GO32" s="117">
        <v>0</v>
      </c>
      <c r="GP32" s="116">
        <v>15840</v>
      </c>
      <c r="GQ32" s="119">
        <v>32296</v>
      </c>
      <c r="GR32" s="113">
        <v>0</v>
      </c>
      <c r="GS32" s="117">
        <v>122320</v>
      </c>
      <c r="GT32" s="116">
        <v>122320</v>
      </c>
      <c r="GU32" s="113">
        <v>0</v>
      </c>
      <c r="GV32" s="117">
        <v>0</v>
      </c>
      <c r="GW32" s="117">
        <v>0</v>
      </c>
      <c r="GX32" s="117">
        <v>0</v>
      </c>
      <c r="GY32" s="117">
        <v>0</v>
      </c>
      <c r="GZ32" s="117">
        <v>0</v>
      </c>
      <c r="HA32" s="115">
        <v>0</v>
      </c>
      <c r="HB32" s="119">
        <v>122320</v>
      </c>
      <c r="HC32" s="113">
        <v>0</v>
      </c>
      <c r="HD32" s="117">
        <v>94256</v>
      </c>
      <c r="HE32" s="115">
        <v>94256</v>
      </c>
      <c r="HF32" s="114">
        <v>0</v>
      </c>
      <c r="HG32" s="117">
        <v>152291</v>
      </c>
      <c r="HH32" s="117">
        <v>352411</v>
      </c>
      <c r="HI32" s="117">
        <v>195632</v>
      </c>
      <c r="HJ32" s="117">
        <v>845957</v>
      </c>
      <c r="HK32" s="117">
        <v>466717</v>
      </c>
      <c r="HL32" s="116">
        <v>2013008</v>
      </c>
      <c r="HM32" s="112">
        <v>2107264</v>
      </c>
      <c r="HN32" s="367"/>
      <c r="HO32" s="368"/>
      <c r="HP32" s="369"/>
      <c r="HQ32" s="370"/>
      <c r="HR32" s="368"/>
      <c r="HS32" s="368"/>
      <c r="HT32" s="368"/>
      <c r="HU32" s="368"/>
      <c r="HV32" s="368"/>
      <c r="HW32" s="371"/>
      <c r="HX32" s="372"/>
      <c r="HY32" s="168">
        <v>0</v>
      </c>
      <c r="HZ32" s="153">
        <v>0</v>
      </c>
      <c r="IA32" s="168">
        <v>0</v>
      </c>
      <c r="IB32" s="152">
        <v>0</v>
      </c>
      <c r="IC32" s="153">
        <v>152616</v>
      </c>
      <c r="ID32" s="154">
        <v>954231</v>
      </c>
      <c r="IE32" s="155">
        <v>701637</v>
      </c>
      <c r="IF32" s="153">
        <v>246652</v>
      </c>
      <c r="IG32" s="155">
        <v>0</v>
      </c>
      <c r="IH32" s="156">
        <v>2055136</v>
      </c>
      <c r="II32" s="168">
        <v>2055136</v>
      </c>
      <c r="IJ32" s="262">
        <v>0</v>
      </c>
      <c r="IK32" s="269">
        <v>0</v>
      </c>
      <c r="IL32" s="270">
        <v>0</v>
      </c>
      <c r="IM32" s="158"/>
      <c r="IN32" s="123">
        <v>0</v>
      </c>
      <c r="IO32" s="123">
        <v>107592</v>
      </c>
      <c r="IP32" s="123">
        <v>0</v>
      </c>
      <c r="IQ32" s="123">
        <v>0</v>
      </c>
      <c r="IR32" s="123">
        <v>0</v>
      </c>
      <c r="IS32" s="159">
        <v>107592</v>
      </c>
      <c r="IT32" s="354">
        <v>107592</v>
      </c>
      <c r="IU32" s="160">
        <v>0</v>
      </c>
      <c r="IV32" s="123">
        <v>0</v>
      </c>
      <c r="IW32" s="124">
        <v>0</v>
      </c>
      <c r="IX32" s="162"/>
      <c r="IY32" s="123">
        <v>0</v>
      </c>
      <c r="IZ32" s="123">
        <v>0</v>
      </c>
      <c r="JA32" s="123">
        <v>0</v>
      </c>
      <c r="JB32" s="123">
        <v>0</v>
      </c>
      <c r="JC32" s="123">
        <v>0</v>
      </c>
      <c r="JD32" s="124">
        <v>0</v>
      </c>
      <c r="JE32" s="125">
        <v>0</v>
      </c>
      <c r="JF32" s="160">
        <v>0</v>
      </c>
      <c r="JG32" s="123">
        <v>0</v>
      </c>
      <c r="JH32" s="159">
        <v>0</v>
      </c>
      <c r="JI32" s="122">
        <v>0</v>
      </c>
      <c r="JJ32" s="123">
        <v>18624</v>
      </c>
      <c r="JK32" s="123">
        <v>39937</v>
      </c>
      <c r="JL32" s="123">
        <v>0</v>
      </c>
      <c r="JM32" s="123">
        <v>0</v>
      </c>
      <c r="JN32" s="123">
        <v>0</v>
      </c>
      <c r="JO32" s="124">
        <v>58561</v>
      </c>
      <c r="JP32" s="354">
        <v>58561</v>
      </c>
      <c r="JQ32" s="160">
        <v>0</v>
      </c>
      <c r="JR32" s="123">
        <v>0</v>
      </c>
      <c r="JS32" s="159">
        <v>0</v>
      </c>
      <c r="JT32" s="122">
        <v>0</v>
      </c>
      <c r="JU32" s="123">
        <v>133992</v>
      </c>
      <c r="JV32" s="123">
        <v>102176</v>
      </c>
      <c r="JW32" s="123">
        <v>0</v>
      </c>
      <c r="JX32" s="123">
        <v>0</v>
      </c>
      <c r="JY32" s="123">
        <v>0</v>
      </c>
      <c r="JZ32" s="124">
        <v>236168</v>
      </c>
      <c r="KA32" s="354">
        <v>236168</v>
      </c>
      <c r="KB32" s="265">
        <v>0</v>
      </c>
      <c r="KC32" s="259">
        <v>0</v>
      </c>
      <c r="KD32" s="124">
        <v>0</v>
      </c>
      <c r="KE32" s="122">
        <v>0</v>
      </c>
      <c r="KF32" s="123">
        <v>0</v>
      </c>
      <c r="KG32" s="123">
        <v>0</v>
      </c>
      <c r="KH32" s="123">
        <v>0</v>
      </c>
      <c r="KI32" s="123">
        <v>0</v>
      </c>
      <c r="KJ32" s="123">
        <v>0</v>
      </c>
      <c r="KK32" s="124">
        <v>0</v>
      </c>
      <c r="KL32" s="161">
        <v>0</v>
      </c>
      <c r="KM32" s="262">
        <v>0</v>
      </c>
      <c r="KN32" s="269">
        <v>0</v>
      </c>
      <c r="KO32" s="270">
        <v>0</v>
      </c>
      <c r="KP32" s="158"/>
      <c r="KQ32" s="123">
        <v>0</v>
      </c>
      <c r="KR32" s="123">
        <v>704526</v>
      </c>
      <c r="KS32" s="123">
        <v>245872</v>
      </c>
      <c r="KT32" s="123">
        <v>0</v>
      </c>
      <c r="KU32" s="123">
        <v>0</v>
      </c>
      <c r="KV32" s="124">
        <v>950398</v>
      </c>
      <c r="KW32" s="354">
        <v>950398</v>
      </c>
      <c r="KX32" s="160">
        <v>0</v>
      </c>
      <c r="KY32" s="123">
        <v>0</v>
      </c>
      <c r="KZ32" s="124">
        <v>0</v>
      </c>
      <c r="LA32" s="163"/>
      <c r="LB32" s="123">
        <v>0</v>
      </c>
      <c r="LC32" s="123">
        <v>0</v>
      </c>
      <c r="LD32" s="123">
        <v>0</v>
      </c>
      <c r="LE32" s="123">
        <v>0</v>
      </c>
      <c r="LF32" s="123">
        <v>0</v>
      </c>
      <c r="LG32" s="124">
        <v>0</v>
      </c>
      <c r="LH32" s="125">
        <v>0</v>
      </c>
      <c r="LI32" s="160">
        <v>0</v>
      </c>
      <c r="LJ32" s="123">
        <v>0</v>
      </c>
      <c r="LK32" s="124">
        <v>0</v>
      </c>
      <c r="LL32" s="163"/>
      <c r="LM32" s="123">
        <v>0</v>
      </c>
      <c r="LN32" s="123">
        <v>0</v>
      </c>
      <c r="LO32" s="123">
        <v>455765</v>
      </c>
      <c r="LP32" s="123">
        <v>246652</v>
      </c>
      <c r="LQ32" s="123">
        <v>0</v>
      </c>
      <c r="LR32" s="124">
        <v>702417</v>
      </c>
      <c r="LS32" s="354">
        <v>702417</v>
      </c>
      <c r="LT32" s="160">
        <v>0</v>
      </c>
      <c r="LU32" s="123">
        <v>0</v>
      </c>
      <c r="LV32" s="124">
        <v>0</v>
      </c>
      <c r="LW32" s="163"/>
      <c r="LX32" s="123">
        <v>0</v>
      </c>
      <c r="LY32" s="123">
        <v>0</v>
      </c>
      <c r="LZ32" s="123">
        <v>0</v>
      </c>
      <c r="MA32" s="123">
        <v>0</v>
      </c>
      <c r="MB32" s="123">
        <v>0</v>
      </c>
      <c r="MC32" s="124">
        <v>0</v>
      </c>
      <c r="MD32" s="125">
        <v>0</v>
      </c>
      <c r="ME32" s="160">
        <v>0</v>
      </c>
      <c r="MF32" s="123">
        <v>0</v>
      </c>
      <c r="MG32" s="124">
        <v>0</v>
      </c>
      <c r="MH32" s="163"/>
      <c r="MI32" s="123">
        <v>0</v>
      </c>
      <c r="MJ32" s="123">
        <v>231287</v>
      </c>
      <c r="MK32" s="123">
        <v>1046118</v>
      </c>
      <c r="ML32" s="123">
        <v>862510</v>
      </c>
      <c r="MM32" s="123">
        <v>531015</v>
      </c>
      <c r="MN32" s="124">
        <v>2670930</v>
      </c>
      <c r="MO32" s="161">
        <v>2670930</v>
      </c>
      <c r="MP32" s="160">
        <v>0</v>
      </c>
      <c r="MQ32" s="123">
        <v>0</v>
      </c>
      <c r="MR32" s="124">
        <v>0</v>
      </c>
      <c r="MS32" s="163"/>
      <c r="MT32" s="123">
        <v>0</v>
      </c>
      <c r="MU32" s="123">
        <v>231287</v>
      </c>
      <c r="MV32" s="123">
        <v>254879</v>
      </c>
      <c r="MW32" s="123">
        <v>244512</v>
      </c>
      <c r="MX32" s="123">
        <v>531015</v>
      </c>
      <c r="MY32" s="124">
        <v>1261693</v>
      </c>
      <c r="MZ32" s="161">
        <v>1261693</v>
      </c>
      <c r="NA32" s="160">
        <v>0</v>
      </c>
      <c r="NB32" s="123">
        <v>0</v>
      </c>
      <c r="NC32" s="124">
        <v>0</v>
      </c>
      <c r="ND32" s="163"/>
      <c r="NE32" s="123">
        <v>0</v>
      </c>
      <c r="NF32" s="123">
        <v>0</v>
      </c>
      <c r="NG32" s="123">
        <v>791239</v>
      </c>
      <c r="NH32" s="123">
        <v>245992</v>
      </c>
      <c r="NI32" s="123">
        <v>0</v>
      </c>
      <c r="NJ32" s="124">
        <v>1037231</v>
      </c>
      <c r="NK32" s="354">
        <v>1037231</v>
      </c>
      <c r="NL32" s="160">
        <v>0</v>
      </c>
      <c r="NM32" s="123">
        <v>0</v>
      </c>
      <c r="NN32" s="124">
        <v>0</v>
      </c>
      <c r="NO32" s="163"/>
      <c r="NP32" s="123">
        <v>0</v>
      </c>
      <c r="NQ32" s="123">
        <v>0</v>
      </c>
      <c r="NR32" s="123">
        <v>0</v>
      </c>
      <c r="NS32" s="123">
        <v>0</v>
      </c>
      <c r="NT32" s="123">
        <v>0</v>
      </c>
      <c r="NU32" s="124">
        <v>0</v>
      </c>
      <c r="NV32" s="125">
        <v>0</v>
      </c>
      <c r="NW32" s="160">
        <v>0</v>
      </c>
      <c r="NX32" s="123">
        <v>0</v>
      </c>
      <c r="NY32" s="124">
        <v>0</v>
      </c>
      <c r="NZ32" s="163"/>
      <c r="OA32" s="123">
        <v>0</v>
      </c>
      <c r="OB32" s="123">
        <v>0</v>
      </c>
      <c r="OC32" s="123">
        <v>0</v>
      </c>
      <c r="OD32" s="123">
        <v>372006</v>
      </c>
      <c r="OE32" s="123">
        <v>0</v>
      </c>
      <c r="OF32" s="124">
        <v>372006</v>
      </c>
      <c r="OG32" s="125">
        <v>372006</v>
      </c>
      <c r="OH32" s="160">
        <v>29797</v>
      </c>
      <c r="OI32" s="123">
        <v>490221</v>
      </c>
      <c r="OJ32" s="159">
        <v>520018</v>
      </c>
      <c r="OK32" s="122">
        <v>0</v>
      </c>
      <c r="OL32" s="123">
        <v>1025916</v>
      </c>
      <c r="OM32" s="123">
        <v>2880988</v>
      </c>
      <c r="ON32" s="123">
        <v>3499540</v>
      </c>
      <c r="OO32" s="123">
        <v>3669768</v>
      </c>
      <c r="OP32" s="123">
        <v>1885335</v>
      </c>
      <c r="OQ32" s="124">
        <v>12961547</v>
      </c>
      <c r="OR32" s="161">
        <v>13481565</v>
      </c>
    </row>
    <row r="33" spans="1:408" ht="20.25" customHeight="1" x14ac:dyDescent="0.2">
      <c r="A33" s="130" t="s">
        <v>28</v>
      </c>
      <c r="B33" s="113">
        <v>0</v>
      </c>
      <c r="C33" s="117">
        <v>5600</v>
      </c>
      <c r="D33" s="116">
        <v>5600</v>
      </c>
      <c r="E33" s="112">
        <v>0</v>
      </c>
      <c r="F33" s="117">
        <v>332590</v>
      </c>
      <c r="G33" s="117">
        <v>198563</v>
      </c>
      <c r="H33" s="117">
        <v>336372</v>
      </c>
      <c r="I33" s="117">
        <v>0</v>
      </c>
      <c r="J33" s="117">
        <v>34144</v>
      </c>
      <c r="K33" s="201">
        <v>901669</v>
      </c>
      <c r="L33" s="119">
        <v>907269</v>
      </c>
      <c r="M33" s="113">
        <v>0</v>
      </c>
      <c r="N33" s="117">
        <v>0</v>
      </c>
      <c r="O33" s="116">
        <v>0</v>
      </c>
      <c r="P33" s="113">
        <v>0</v>
      </c>
      <c r="Q33" s="117">
        <v>4144</v>
      </c>
      <c r="R33" s="117">
        <v>95799</v>
      </c>
      <c r="S33" s="117">
        <v>140364</v>
      </c>
      <c r="T33" s="117">
        <v>0</v>
      </c>
      <c r="U33" s="117">
        <v>0</v>
      </c>
      <c r="V33" s="116">
        <v>240307</v>
      </c>
      <c r="W33" s="119">
        <v>240307</v>
      </c>
      <c r="X33" s="113">
        <v>0</v>
      </c>
      <c r="Y33" s="117">
        <v>0</v>
      </c>
      <c r="Z33" s="116">
        <v>0</v>
      </c>
      <c r="AA33" s="113">
        <v>0</v>
      </c>
      <c r="AB33" s="117">
        <v>0</v>
      </c>
      <c r="AC33" s="117">
        <v>13648</v>
      </c>
      <c r="AD33" s="117">
        <v>93920</v>
      </c>
      <c r="AE33" s="117">
        <v>0</v>
      </c>
      <c r="AF33" s="117">
        <v>0</v>
      </c>
      <c r="AG33" s="116">
        <v>107568</v>
      </c>
      <c r="AH33" s="119">
        <v>107568</v>
      </c>
      <c r="AI33" s="113">
        <v>0</v>
      </c>
      <c r="AJ33" s="117">
        <v>0</v>
      </c>
      <c r="AK33" s="116">
        <v>0</v>
      </c>
      <c r="AL33" s="113">
        <v>0</v>
      </c>
      <c r="AM33" s="117">
        <v>0</v>
      </c>
      <c r="AN33" s="117">
        <v>0</v>
      </c>
      <c r="AO33" s="117">
        <v>0</v>
      </c>
      <c r="AP33" s="117">
        <v>0</v>
      </c>
      <c r="AQ33" s="117">
        <v>0</v>
      </c>
      <c r="AR33" s="116">
        <v>0</v>
      </c>
      <c r="AS33" s="119">
        <v>0</v>
      </c>
      <c r="AT33" s="113">
        <v>0</v>
      </c>
      <c r="AU33" s="117">
        <v>0</v>
      </c>
      <c r="AV33" s="116">
        <v>0</v>
      </c>
      <c r="AW33" s="113">
        <v>0</v>
      </c>
      <c r="AX33" s="117">
        <v>0</v>
      </c>
      <c r="AY33" s="117">
        <v>82151</v>
      </c>
      <c r="AZ33" s="117">
        <v>36844</v>
      </c>
      <c r="BA33" s="117">
        <v>0</v>
      </c>
      <c r="BB33" s="117">
        <v>0</v>
      </c>
      <c r="BC33" s="116">
        <v>118995</v>
      </c>
      <c r="BD33" s="119">
        <v>118995</v>
      </c>
      <c r="BE33" s="113">
        <v>0</v>
      </c>
      <c r="BF33" s="117">
        <v>0</v>
      </c>
      <c r="BG33" s="115">
        <v>0</v>
      </c>
      <c r="BH33" s="114">
        <v>0</v>
      </c>
      <c r="BI33" s="117">
        <v>0</v>
      </c>
      <c r="BJ33" s="117">
        <v>0</v>
      </c>
      <c r="BK33" s="117">
        <v>0</v>
      </c>
      <c r="BL33" s="117">
        <v>0</v>
      </c>
      <c r="BM33" s="117">
        <v>0</v>
      </c>
      <c r="BN33" s="116">
        <v>0</v>
      </c>
      <c r="BO33" s="119">
        <v>0</v>
      </c>
      <c r="BP33" s="113">
        <v>0</v>
      </c>
      <c r="BQ33" s="117">
        <v>0</v>
      </c>
      <c r="BR33" s="116">
        <v>0</v>
      </c>
      <c r="BS33" s="113">
        <v>0</v>
      </c>
      <c r="BT33" s="117">
        <v>4144</v>
      </c>
      <c r="BU33" s="117">
        <v>0</v>
      </c>
      <c r="BV33" s="117">
        <v>9600</v>
      </c>
      <c r="BW33" s="117">
        <v>0</v>
      </c>
      <c r="BX33" s="117">
        <v>0</v>
      </c>
      <c r="BY33" s="116">
        <v>13744</v>
      </c>
      <c r="BZ33" s="119">
        <v>13744</v>
      </c>
      <c r="CA33" s="113">
        <v>0</v>
      </c>
      <c r="CB33" s="117">
        <v>0</v>
      </c>
      <c r="CC33" s="116">
        <v>0</v>
      </c>
      <c r="CD33" s="113">
        <v>0</v>
      </c>
      <c r="CE33" s="117">
        <v>161476</v>
      </c>
      <c r="CF33" s="117">
        <v>0</v>
      </c>
      <c r="CG33" s="117">
        <v>0</v>
      </c>
      <c r="CH33" s="117">
        <v>0</v>
      </c>
      <c r="CI33" s="117">
        <v>0</v>
      </c>
      <c r="CJ33" s="116">
        <v>161476</v>
      </c>
      <c r="CK33" s="119">
        <v>161476</v>
      </c>
      <c r="CL33" s="113">
        <v>0</v>
      </c>
      <c r="CM33" s="117">
        <v>0</v>
      </c>
      <c r="CN33" s="116">
        <v>0</v>
      </c>
      <c r="CO33" s="114">
        <v>0</v>
      </c>
      <c r="CP33" s="117">
        <v>161476</v>
      </c>
      <c r="CQ33" s="117">
        <v>0</v>
      </c>
      <c r="CR33" s="117">
        <v>0</v>
      </c>
      <c r="CS33" s="117">
        <v>0</v>
      </c>
      <c r="CT33" s="117">
        <v>0</v>
      </c>
      <c r="CU33" s="116">
        <v>161476</v>
      </c>
      <c r="CV33" s="119">
        <v>161476</v>
      </c>
      <c r="CW33" s="113">
        <v>0</v>
      </c>
      <c r="CX33" s="117">
        <v>0</v>
      </c>
      <c r="CY33" s="116">
        <v>0</v>
      </c>
      <c r="CZ33" s="113">
        <v>0</v>
      </c>
      <c r="DA33" s="117">
        <v>0</v>
      </c>
      <c r="DB33" s="117">
        <v>0</v>
      </c>
      <c r="DC33" s="117">
        <v>0</v>
      </c>
      <c r="DD33" s="117">
        <v>0</v>
      </c>
      <c r="DE33" s="117">
        <v>0</v>
      </c>
      <c r="DF33" s="116">
        <v>0</v>
      </c>
      <c r="DG33" s="119">
        <v>0</v>
      </c>
      <c r="DH33" s="113">
        <v>0</v>
      </c>
      <c r="DI33" s="117">
        <v>0</v>
      </c>
      <c r="DJ33" s="115">
        <v>0</v>
      </c>
      <c r="DK33" s="114">
        <v>0</v>
      </c>
      <c r="DL33" s="117">
        <v>0</v>
      </c>
      <c r="DM33" s="117">
        <v>23708</v>
      </c>
      <c r="DN33" s="117">
        <v>0</v>
      </c>
      <c r="DO33" s="117">
        <v>0</v>
      </c>
      <c r="DP33" s="117">
        <v>0</v>
      </c>
      <c r="DQ33" s="116">
        <v>23708</v>
      </c>
      <c r="DR33" s="119">
        <v>23708</v>
      </c>
      <c r="DS33" s="113">
        <v>0</v>
      </c>
      <c r="DT33" s="117">
        <v>0</v>
      </c>
      <c r="DU33" s="116">
        <v>0</v>
      </c>
      <c r="DV33" s="113">
        <v>0</v>
      </c>
      <c r="DW33" s="117">
        <v>0</v>
      </c>
      <c r="DX33" s="117">
        <v>23708</v>
      </c>
      <c r="DY33" s="117">
        <v>0</v>
      </c>
      <c r="DZ33" s="117">
        <v>0</v>
      </c>
      <c r="EA33" s="117">
        <v>0</v>
      </c>
      <c r="EB33" s="116">
        <v>23708</v>
      </c>
      <c r="EC33" s="119">
        <v>23708</v>
      </c>
      <c r="ED33" s="113">
        <v>0</v>
      </c>
      <c r="EE33" s="115">
        <v>0</v>
      </c>
      <c r="EF33" s="116">
        <v>0</v>
      </c>
      <c r="EG33" s="113">
        <v>0</v>
      </c>
      <c r="EH33" s="117">
        <v>0</v>
      </c>
      <c r="EI33" s="117">
        <v>0</v>
      </c>
      <c r="EJ33" s="117">
        <v>0</v>
      </c>
      <c r="EK33" s="117">
        <v>0</v>
      </c>
      <c r="EL33" s="117">
        <v>0</v>
      </c>
      <c r="EM33" s="115">
        <v>0</v>
      </c>
      <c r="EN33" s="119">
        <v>0</v>
      </c>
      <c r="EO33" s="113">
        <v>0</v>
      </c>
      <c r="EP33" s="117">
        <v>0</v>
      </c>
      <c r="EQ33" s="115">
        <v>0</v>
      </c>
      <c r="ER33" s="114">
        <v>0</v>
      </c>
      <c r="ES33" s="117">
        <v>0</v>
      </c>
      <c r="ET33" s="117">
        <v>0</v>
      </c>
      <c r="EU33" s="117">
        <v>0</v>
      </c>
      <c r="EV33" s="117">
        <v>0</v>
      </c>
      <c r="EW33" s="117">
        <v>0</v>
      </c>
      <c r="EX33" s="116">
        <v>0</v>
      </c>
      <c r="EY33" s="119">
        <v>0</v>
      </c>
      <c r="EZ33" s="113">
        <v>0</v>
      </c>
      <c r="FA33" s="117">
        <v>0</v>
      </c>
      <c r="FB33" s="115">
        <v>0</v>
      </c>
      <c r="FC33" s="387"/>
      <c r="FD33" s="117">
        <v>0</v>
      </c>
      <c r="FE33" s="117">
        <v>0</v>
      </c>
      <c r="FF33" s="117">
        <v>0</v>
      </c>
      <c r="FG33" s="117">
        <v>0</v>
      </c>
      <c r="FH33" s="117">
        <v>0</v>
      </c>
      <c r="FI33" s="116">
        <v>0</v>
      </c>
      <c r="FJ33" s="119">
        <v>0</v>
      </c>
      <c r="FK33" s="113">
        <v>0</v>
      </c>
      <c r="FL33" s="117">
        <v>5600</v>
      </c>
      <c r="FM33" s="116">
        <v>5600</v>
      </c>
      <c r="FN33" s="113">
        <v>0</v>
      </c>
      <c r="FO33" s="117">
        <v>13200</v>
      </c>
      <c r="FP33" s="117">
        <v>79056</v>
      </c>
      <c r="FQ33" s="117">
        <v>0</v>
      </c>
      <c r="FR33" s="117">
        <v>0</v>
      </c>
      <c r="FS33" s="117">
        <v>34144</v>
      </c>
      <c r="FT33" s="116">
        <v>126400</v>
      </c>
      <c r="FU33" s="119">
        <v>132000</v>
      </c>
      <c r="FV33" s="118">
        <v>0</v>
      </c>
      <c r="FW33" s="117">
        <v>5600</v>
      </c>
      <c r="FX33" s="115">
        <v>5600</v>
      </c>
      <c r="FY33" s="114">
        <v>0</v>
      </c>
      <c r="FZ33" s="117">
        <v>13200</v>
      </c>
      <c r="GA33" s="117">
        <v>79056</v>
      </c>
      <c r="GB33" s="117">
        <v>0</v>
      </c>
      <c r="GC33" s="117">
        <v>0</v>
      </c>
      <c r="GD33" s="117">
        <v>0</v>
      </c>
      <c r="GE33" s="116">
        <v>92256</v>
      </c>
      <c r="GF33" s="351">
        <v>97856</v>
      </c>
      <c r="GG33" s="118">
        <v>0</v>
      </c>
      <c r="GH33" s="117">
        <v>0</v>
      </c>
      <c r="GI33" s="115">
        <v>0</v>
      </c>
      <c r="GJ33" s="114">
        <v>0</v>
      </c>
      <c r="GK33" s="117">
        <v>0</v>
      </c>
      <c r="GL33" s="117">
        <v>0</v>
      </c>
      <c r="GM33" s="117">
        <v>0</v>
      </c>
      <c r="GN33" s="117">
        <v>0</v>
      </c>
      <c r="GO33" s="117">
        <v>34144</v>
      </c>
      <c r="GP33" s="116">
        <v>34144</v>
      </c>
      <c r="GQ33" s="119">
        <v>34144</v>
      </c>
      <c r="GR33" s="113">
        <v>0</v>
      </c>
      <c r="GS33" s="117">
        <v>0</v>
      </c>
      <c r="GT33" s="116">
        <v>0</v>
      </c>
      <c r="GU33" s="113">
        <v>0</v>
      </c>
      <c r="GV33" s="117">
        <v>0</v>
      </c>
      <c r="GW33" s="117">
        <v>0</v>
      </c>
      <c r="GX33" s="117">
        <v>0</v>
      </c>
      <c r="GY33" s="117">
        <v>0</v>
      </c>
      <c r="GZ33" s="117">
        <v>0</v>
      </c>
      <c r="HA33" s="115">
        <v>0</v>
      </c>
      <c r="HB33" s="119">
        <v>0</v>
      </c>
      <c r="HC33" s="113">
        <v>0</v>
      </c>
      <c r="HD33" s="117">
        <v>0</v>
      </c>
      <c r="HE33" s="115">
        <v>0</v>
      </c>
      <c r="HF33" s="114">
        <v>0</v>
      </c>
      <c r="HG33" s="117">
        <v>153770</v>
      </c>
      <c r="HH33" s="117">
        <v>0</v>
      </c>
      <c r="HI33" s="117">
        <v>196008</v>
      </c>
      <c r="HJ33" s="117">
        <v>0</v>
      </c>
      <c r="HK33" s="117">
        <v>0</v>
      </c>
      <c r="HL33" s="116">
        <v>349778</v>
      </c>
      <c r="HM33" s="112">
        <v>349778</v>
      </c>
      <c r="HN33" s="367"/>
      <c r="HO33" s="368"/>
      <c r="HP33" s="369"/>
      <c r="HQ33" s="370"/>
      <c r="HR33" s="368"/>
      <c r="HS33" s="368"/>
      <c r="HT33" s="368"/>
      <c r="HU33" s="368"/>
      <c r="HV33" s="368"/>
      <c r="HW33" s="371"/>
      <c r="HX33" s="372"/>
      <c r="HY33" s="149">
        <v>0</v>
      </c>
      <c r="HZ33" s="150">
        <v>0</v>
      </c>
      <c r="IA33" s="151">
        <v>0</v>
      </c>
      <c r="IB33" s="164">
        <v>0</v>
      </c>
      <c r="IC33" s="150">
        <v>39720</v>
      </c>
      <c r="ID33" s="165">
        <v>100928</v>
      </c>
      <c r="IE33" s="151">
        <v>8232</v>
      </c>
      <c r="IF33" s="150">
        <v>0</v>
      </c>
      <c r="IG33" s="151">
        <v>0</v>
      </c>
      <c r="IH33" s="166">
        <v>148880</v>
      </c>
      <c r="II33" s="157">
        <v>148880</v>
      </c>
      <c r="IJ33" s="262">
        <v>0</v>
      </c>
      <c r="IK33" s="269">
        <v>0</v>
      </c>
      <c r="IL33" s="270">
        <v>0</v>
      </c>
      <c r="IM33" s="158"/>
      <c r="IN33" s="123">
        <v>0</v>
      </c>
      <c r="IO33" s="123">
        <v>0</v>
      </c>
      <c r="IP33" s="123">
        <v>0</v>
      </c>
      <c r="IQ33" s="123">
        <v>0</v>
      </c>
      <c r="IR33" s="123">
        <v>0</v>
      </c>
      <c r="IS33" s="159">
        <v>0</v>
      </c>
      <c r="IT33" s="354">
        <v>0</v>
      </c>
      <c r="IU33" s="160">
        <v>0</v>
      </c>
      <c r="IV33" s="123">
        <v>0</v>
      </c>
      <c r="IW33" s="124">
        <v>0</v>
      </c>
      <c r="IX33" s="162"/>
      <c r="IY33" s="123">
        <v>0</v>
      </c>
      <c r="IZ33" s="123">
        <v>0</v>
      </c>
      <c r="JA33" s="123">
        <v>0</v>
      </c>
      <c r="JB33" s="123">
        <v>0</v>
      </c>
      <c r="JC33" s="123">
        <v>0</v>
      </c>
      <c r="JD33" s="124">
        <v>0</v>
      </c>
      <c r="JE33" s="125">
        <v>0</v>
      </c>
      <c r="JF33" s="160">
        <v>0</v>
      </c>
      <c r="JG33" s="123">
        <v>0</v>
      </c>
      <c r="JH33" s="159">
        <v>0</v>
      </c>
      <c r="JI33" s="122">
        <v>0</v>
      </c>
      <c r="JJ33" s="123">
        <v>39720</v>
      </c>
      <c r="JK33" s="123">
        <v>100928</v>
      </c>
      <c r="JL33" s="123">
        <v>0</v>
      </c>
      <c r="JM33" s="123">
        <v>0</v>
      </c>
      <c r="JN33" s="123">
        <v>0</v>
      </c>
      <c r="JO33" s="124">
        <v>140648</v>
      </c>
      <c r="JP33" s="354">
        <v>140648</v>
      </c>
      <c r="JQ33" s="160">
        <v>0</v>
      </c>
      <c r="JR33" s="123">
        <v>0</v>
      </c>
      <c r="JS33" s="159">
        <v>0</v>
      </c>
      <c r="JT33" s="122">
        <v>0</v>
      </c>
      <c r="JU33" s="123">
        <v>0</v>
      </c>
      <c r="JV33" s="123">
        <v>0</v>
      </c>
      <c r="JW33" s="123">
        <v>0</v>
      </c>
      <c r="JX33" s="123">
        <v>0</v>
      </c>
      <c r="JY33" s="123">
        <v>0</v>
      </c>
      <c r="JZ33" s="124">
        <v>0</v>
      </c>
      <c r="KA33" s="354">
        <v>0</v>
      </c>
      <c r="KB33" s="265">
        <v>0</v>
      </c>
      <c r="KC33" s="259">
        <v>0</v>
      </c>
      <c r="KD33" s="124">
        <v>0</v>
      </c>
      <c r="KE33" s="122">
        <v>0</v>
      </c>
      <c r="KF33" s="123">
        <v>0</v>
      </c>
      <c r="KG33" s="123">
        <v>0</v>
      </c>
      <c r="KH33" s="123">
        <v>0</v>
      </c>
      <c r="KI33" s="123">
        <v>0</v>
      </c>
      <c r="KJ33" s="123">
        <v>0</v>
      </c>
      <c r="KK33" s="124">
        <v>0</v>
      </c>
      <c r="KL33" s="161">
        <v>0</v>
      </c>
      <c r="KM33" s="262">
        <v>0</v>
      </c>
      <c r="KN33" s="269">
        <v>0</v>
      </c>
      <c r="KO33" s="270">
        <v>0</v>
      </c>
      <c r="KP33" s="158"/>
      <c r="KQ33" s="123">
        <v>0</v>
      </c>
      <c r="KR33" s="123">
        <v>0</v>
      </c>
      <c r="KS33" s="123">
        <v>8232</v>
      </c>
      <c r="KT33" s="123">
        <v>0</v>
      </c>
      <c r="KU33" s="123">
        <v>0</v>
      </c>
      <c r="KV33" s="124">
        <v>8232</v>
      </c>
      <c r="KW33" s="354">
        <v>8232</v>
      </c>
      <c r="KX33" s="160">
        <v>0</v>
      </c>
      <c r="KY33" s="123">
        <v>0</v>
      </c>
      <c r="KZ33" s="124">
        <v>0</v>
      </c>
      <c r="LA33" s="163"/>
      <c r="LB33" s="123">
        <v>0</v>
      </c>
      <c r="LC33" s="123">
        <v>0</v>
      </c>
      <c r="LD33" s="123">
        <v>0</v>
      </c>
      <c r="LE33" s="123">
        <v>0</v>
      </c>
      <c r="LF33" s="123">
        <v>0</v>
      </c>
      <c r="LG33" s="124">
        <v>0</v>
      </c>
      <c r="LH33" s="125">
        <v>0</v>
      </c>
      <c r="LI33" s="160">
        <v>0</v>
      </c>
      <c r="LJ33" s="123">
        <v>0</v>
      </c>
      <c r="LK33" s="124">
        <v>0</v>
      </c>
      <c r="LL33" s="163"/>
      <c r="LM33" s="123">
        <v>0</v>
      </c>
      <c r="LN33" s="123">
        <v>0</v>
      </c>
      <c r="LO33" s="123">
        <v>0</v>
      </c>
      <c r="LP33" s="123">
        <v>0</v>
      </c>
      <c r="LQ33" s="123">
        <v>0</v>
      </c>
      <c r="LR33" s="124">
        <v>0</v>
      </c>
      <c r="LS33" s="354">
        <v>0</v>
      </c>
      <c r="LT33" s="160">
        <v>0</v>
      </c>
      <c r="LU33" s="123">
        <v>0</v>
      </c>
      <c r="LV33" s="124">
        <v>0</v>
      </c>
      <c r="LW33" s="163"/>
      <c r="LX33" s="123">
        <v>0</v>
      </c>
      <c r="LY33" s="123">
        <v>0</v>
      </c>
      <c r="LZ33" s="123">
        <v>0</v>
      </c>
      <c r="MA33" s="123">
        <v>0</v>
      </c>
      <c r="MB33" s="123">
        <v>0</v>
      </c>
      <c r="MC33" s="124">
        <v>0</v>
      </c>
      <c r="MD33" s="125">
        <v>0</v>
      </c>
      <c r="ME33" s="160">
        <v>0</v>
      </c>
      <c r="MF33" s="123">
        <v>0</v>
      </c>
      <c r="MG33" s="124">
        <v>0</v>
      </c>
      <c r="MH33" s="163"/>
      <c r="MI33" s="123">
        <v>0</v>
      </c>
      <c r="MJ33" s="123">
        <v>215872</v>
      </c>
      <c r="MK33" s="123">
        <v>0</v>
      </c>
      <c r="ML33" s="123">
        <v>511352</v>
      </c>
      <c r="MM33" s="123">
        <v>0</v>
      </c>
      <c r="MN33" s="124">
        <v>727224</v>
      </c>
      <c r="MO33" s="161">
        <v>727224</v>
      </c>
      <c r="MP33" s="160">
        <v>0</v>
      </c>
      <c r="MQ33" s="123">
        <v>0</v>
      </c>
      <c r="MR33" s="124">
        <v>0</v>
      </c>
      <c r="MS33" s="163"/>
      <c r="MT33" s="123">
        <v>0</v>
      </c>
      <c r="MU33" s="123">
        <v>0</v>
      </c>
      <c r="MV33" s="123">
        <v>0</v>
      </c>
      <c r="MW33" s="123">
        <v>225816</v>
      </c>
      <c r="MX33" s="123">
        <v>0</v>
      </c>
      <c r="MY33" s="124">
        <v>225816</v>
      </c>
      <c r="MZ33" s="161">
        <v>225816</v>
      </c>
      <c r="NA33" s="160">
        <v>0</v>
      </c>
      <c r="NB33" s="123">
        <v>0</v>
      </c>
      <c r="NC33" s="124">
        <v>0</v>
      </c>
      <c r="ND33" s="163"/>
      <c r="NE33" s="123">
        <v>0</v>
      </c>
      <c r="NF33" s="123">
        <v>215872</v>
      </c>
      <c r="NG33" s="123">
        <v>0</v>
      </c>
      <c r="NH33" s="123">
        <v>285536</v>
      </c>
      <c r="NI33" s="123">
        <v>0</v>
      </c>
      <c r="NJ33" s="124">
        <v>501408</v>
      </c>
      <c r="NK33" s="354">
        <v>501408</v>
      </c>
      <c r="NL33" s="160">
        <v>0</v>
      </c>
      <c r="NM33" s="123">
        <v>0</v>
      </c>
      <c r="NN33" s="124">
        <v>0</v>
      </c>
      <c r="NO33" s="163"/>
      <c r="NP33" s="123">
        <v>0</v>
      </c>
      <c r="NQ33" s="123">
        <v>0</v>
      </c>
      <c r="NR33" s="123">
        <v>0</v>
      </c>
      <c r="NS33" s="123">
        <v>0</v>
      </c>
      <c r="NT33" s="123">
        <v>0</v>
      </c>
      <c r="NU33" s="124">
        <v>0</v>
      </c>
      <c r="NV33" s="125">
        <v>0</v>
      </c>
      <c r="NW33" s="160">
        <v>0</v>
      </c>
      <c r="NX33" s="123">
        <v>0</v>
      </c>
      <c r="NY33" s="124">
        <v>0</v>
      </c>
      <c r="NZ33" s="163"/>
      <c r="OA33" s="123">
        <v>0</v>
      </c>
      <c r="OB33" s="123">
        <v>0</v>
      </c>
      <c r="OC33" s="123">
        <v>0</v>
      </c>
      <c r="OD33" s="123">
        <v>0</v>
      </c>
      <c r="OE33" s="123">
        <v>0</v>
      </c>
      <c r="OF33" s="124">
        <v>0</v>
      </c>
      <c r="OG33" s="125">
        <v>0</v>
      </c>
      <c r="OH33" s="160">
        <v>0</v>
      </c>
      <c r="OI33" s="123">
        <v>5600</v>
      </c>
      <c r="OJ33" s="159">
        <v>5600</v>
      </c>
      <c r="OK33" s="122">
        <v>0</v>
      </c>
      <c r="OL33" s="123">
        <v>372310</v>
      </c>
      <c r="OM33" s="123">
        <v>515363</v>
      </c>
      <c r="ON33" s="123">
        <v>344604</v>
      </c>
      <c r="OO33" s="123">
        <v>511352</v>
      </c>
      <c r="OP33" s="123">
        <v>34144</v>
      </c>
      <c r="OQ33" s="124">
        <v>1777773</v>
      </c>
      <c r="OR33" s="161">
        <v>1783373</v>
      </c>
    </row>
    <row r="34" spans="1:408" ht="20.25" customHeight="1" x14ac:dyDescent="0.2">
      <c r="A34" s="130" t="s">
        <v>29</v>
      </c>
      <c r="B34" s="113">
        <v>12000</v>
      </c>
      <c r="C34" s="117">
        <v>13888</v>
      </c>
      <c r="D34" s="116">
        <v>25888</v>
      </c>
      <c r="E34" s="112">
        <v>0</v>
      </c>
      <c r="F34" s="117">
        <v>235070</v>
      </c>
      <c r="G34" s="117">
        <v>583003</v>
      </c>
      <c r="H34" s="117">
        <v>164912</v>
      </c>
      <c r="I34" s="117">
        <v>697078</v>
      </c>
      <c r="J34" s="117">
        <v>503334</v>
      </c>
      <c r="K34" s="201">
        <v>2183397</v>
      </c>
      <c r="L34" s="119">
        <v>2209285</v>
      </c>
      <c r="M34" s="113">
        <v>0</v>
      </c>
      <c r="N34" s="117">
        <v>13888</v>
      </c>
      <c r="O34" s="116">
        <v>13888</v>
      </c>
      <c r="P34" s="113">
        <v>0</v>
      </c>
      <c r="Q34" s="117">
        <v>0</v>
      </c>
      <c r="R34" s="117">
        <v>93463</v>
      </c>
      <c r="S34" s="117">
        <v>0</v>
      </c>
      <c r="T34" s="117">
        <v>156064</v>
      </c>
      <c r="U34" s="117">
        <v>93712</v>
      </c>
      <c r="V34" s="116">
        <v>343239</v>
      </c>
      <c r="W34" s="119">
        <v>357127</v>
      </c>
      <c r="X34" s="113">
        <v>0</v>
      </c>
      <c r="Y34" s="117">
        <v>0</v>
      </c>
      <c r="Z34" s="116">
        <v>0</v>
      </c>
      <c r="AA34" s="113">
        <v>0</v>
      </c>
      <c r="AB34" s="117">
        <v>0</v>
      </c>
      <c r="AC34" s="117">
        <v>29223</v>
      </c>
      <c r="AD34" s="117">
        <v>0</v>
      </c>
      <c r="AE34" s="117">
        <v>156064</v>
      </c>
      <c r="AF34" s="117">
        <v>0</v>
      </c>
      <c r="AG34" s="116">
        <v>185287</v>
      </c>
      <c r="AH34" s="119">
        <v>185287</v>
      </c>
      <c r="AI34" s="113">
        <v>0</v>
      </c>
      <c r="AJ34" s="117">
        <v>0</v>
      </c>
      <c r="AK34" s="116">
        <v>0</v>
      </c>
      <c r="AL34" s="113">
        <v>0</v>
      </c>
      <c r="AM34" s="117">
        <v>0</v>
      </c>
      <c r="AN34" s="117">
        <v>0</v>
      </c>
      <c r="AO34" s="117">
        <v>0</v>
      </c>
      <c r="AP34" s="117">
        <v>0</v>
      </c>
      <c r="AQ34" s="117">
        <v>54080</v>
      </c>
      <c r="AR34" s="116">
        <v>54080</v>
      </c>
      <c r="AS34" s="119">
        <v>54080</v>
      </c>
      <c r="AT34" s="113">
        <v>0</v>
      </c>
      <c r="AU34" s="117">
        <v>13888</v>
      </c>
      <c r="AV34" s="116">
        <v>13888</v>
      </c>
      <c r="AW34" s="113">
        <v>0</v>
      </c>
      <c r="AX34" s="117">
        <v>0</v>
      </c>
      <c r="AY34" s="117">
        <v>0</v>
      </c>
      <c r="AZ34" s="117">
        <v>0</v>
      </c>
      <c r="BA34" s="117">
        <v>0</v>
      </c>
      <c r="BB34" s="117">
        <v>34864</v>
      </c>
      <c r="BC34" s="116">
        <v>34864</v>
      </c>
      <c r="BD34" s="119">
        <v>48752</v>
      </c>
      <c r="BE34" s="113">
        <v>0</v>
      </c>
      <c r="BF34" s="117">
        <v>0</v>
      </c>
      <c r="BG34" s="115">
        <v>0</v>
      </c>
      <c r="BH34" s="114">
        <v>0</v>
      </c>
      <c r="BI34" s="117">
        <v>0</v>
      </c>
      <c r="BJ34" s="117">
        <v>0</v>
      </c>
      <c r="BK34" s="117">
        <v>0</v>
      </c>
      <c r="BL34" s="117">
        <v>0</v>
      </c>
      <c r="BM34" s="117">
        <v>0</v>
      </c>
      <c r="BN34" s="116">
        <v>0</v>
      </c>
      <c r="BO34" s="119">
        <v>0</v>
      </c>
      <c r="BP34" s="113">
        <v>0</v>
      </c>
      <c r="BQ34" s="117">
        <v>0</v>
      </c>
      <c r="BR34" s="116">
        <v>0</v>
      </c>
      <c r="BS34" s="113">
        <v>0</v>
      </c>
      <c r="BT34" s="117">
        <v>0</v>
      </c>
      <c r="BU34" s="117">
        <v>64240</v>
      </c>
      <c r="BV34" s="117">
        <v>0</v>
      </c>
      <c r="BW34" s="117">
        <v>0</v>
      </c>
      <c r="BX34" s="117">
        <v>4768</v>
      </c>
      <c r="BY34" s="116">
        <v>69008</v>
      </c>
      <c r="BZ34" s="119">
        <v>69008</v>
      </c>
      <c r="CA34" s="113">
        <v>0</v>
      </c>
      <c r="CB34" s="117">
        <v>0</v>
      </c>
      <c r="CC34" s="116">
        <v>0</v>
      </c>
      <c r="CD34" s="113">
        <v>0</v>
      </c>
      <c r="CE34" s="117">
        <v>211222</v>
      </c>
      <c r="CF34" s="117">
        <v>94216</v>
      </c>
      <c r="CG34" s="117">
        <v>159712</v>
      </c>
      <c r="CH34" s="117">
        <v>90920</v>
      </c>
      <c r="CI34" s="117">
        <v>71352</v>
      </c>
      <c r="CJ34" s="116">
        <v>627422</v>
      </c>
      <c r="CK34" s="119">
        <v>627422</v>
      </c>
      <c r="CL34" s="113">
        <v>0</v>
      </c>
      <c r="CM34" s="117">
        <v>0</v>
      </c>
      <c r="CN34" s="116">
        <v>0</v>
      </c>
      <c r="CO34" s="114">
        <v>0</v>
      </c>
      <c r="CP34" s="117">
        <v>211222</v>
      </c>
      <c r="CQ34" s="117">
        <v>32048</v>
      </c>
      <c r="CR34" s="117">
        <v>128080</v>
      </c>
      <c r="CS34" s="117">
        <v>0</v>
      </c>
      <c r="CT34" s="117">
        <v>71352</v>
      </c>
      <c r="CU34" s="116">
        <v>442702</v>
      </c>
      <c r="CV34" s="119">
        <v>442702</v>
      </c>
      <c r="CW34" s="113">
        <v>0</v>
      </c>
      <c r="CX34" s="117">
        <v>0</v>
      </c>
      <c r="CY34" s="116">
        <v>0</v>
      </c>
      <c r="CZ34" s="113">
        <v>0</v>
      </c>
      <c r="DA34" s="117">
        <v>0</v>
      </c>
      <c r="DB34" s="117">
        <v>62168</v>
      </c>
      <c r="DC34" s="117">
        <v>31632</v>
      </c>
      <c r="DD34" s="117">
        <v>90920</v>
      </c>
      <c r="DE34" s="117">
        <v>0</v>
      </c>
      <c r="DF34" s="116">
        <v>184720</v>
      </c>
      <c r="DG34" s="119">
        <v>184720</v>
      </c>
      <c r="DH34" s="113">
        <v>0</v>
      </c>
      <c r="DI34" s="117">
        <v>0</v>
      </c>
      <c r="DJ34" s="115">
        <v>0</v>
      </c>
      <c r="DK34" s="114">
        <v>0</v>
      </c>
      <c r="DL34" s="117">
        <v>0</v>
      </c>
      <c r="DM34" s="117">
        <v>0</v>
      </c>
      <c r="DN34" s="117">
        <v>0</v>
      </c>
      <c r="DO34" s="117">
        <v>397294</v>
      </c>
      <c r="DP34" s="117">
        <v>108446</v>
      </c>
      <c r="DQ34" s="116">
        <v>505740</v>
      </c>
      <c r="DR34" s="119">
        <v>505740</v>
      </c>
      <c r="DS34" s="113">
        <v>0</v>
      </c>
      <c r="DT34" s="117">
        <v>0</v>
      </c>
      <c r="DU34" s="116">
        <v>0</v>
      </c>
      <c r="DV34" s="113">
        <v>0</v>
      </c>
      <c r="DW34" s="117">
        <v>0</v>
      </c>
      <c r="DX34" s="117">
        <v>0</v>
      </c>
      <c r="DY34" s="117">
        <v>0</v>
      </c>
      <c r="DZ34" s="117">
        <v>134406</v>
      </c>
      <c r="EA34" s="117">
        <v>108446</v>
      </c>
      <c r="EB34" s="116">
        <v>242852</v>
      </c>
      <c r="EC34" s="119">
        <v>242852</v>
      </c>
      <c r="ED34" s="113">
        <v>0</v>
      </c>
      <c r="EE34" s="115">
        <v>0</v>
      </c>
      <c r="EF34" s="116">
        <v>0</v>
      </c>
      <c r="EG34" s="113">
        <v>0</v>
      </c>
      <c r="EH34" s="117">
        <v>0</v>
      </c>
      <c r="EI34" s="117">
        <v>0</v>
      </c>
      <c r="EJ34" s="117">
        <v>0</v>
      </c>
      <c r="EK34" s="117">
        <v>262888</v>
      </c>
      <c r="EL34" s="117">
        <v>0</v>
      </c>
      <c r="EM34" s="115">
        <v>262888</v>
      </c>
      <c r="EN34" s="119">
        <v>262888</v>
      </c>
      <c r="EO34" s="113">
        <v>0</v>
      </c>
      <c r="EP34" s="117">
        <v>0</v>
      </c>
      <c r="EQ34" s="115">
        <v>0</v>
      </c>
      <c r="ER34" s="114">
        <v>0</v>
      </c>
      <c r="ES34" s="117">
        <v>0</v>
      </c>
      <c r="ET34" s="117">
        <v>0</v>
      </c>
      <c r="EU34" s="117">
        <v>0</v>
      </c>
      <c r="EV34" s="117">
        <v>0</v>
      </c>
      <c r="EW34" s="117">
        <v>0</v>
      </c>
      <c r="EX34" s="116">
        <v>0</v>
      </c>
      <c r="EY34" s="119">
        <v>0</v>
      </c>
      <c r="EZ34" s="113">
        <v>0</v>
      </c>
      <c r="FA34" s="117">
        <v>0</v>
      </c>
      <c r="FB34" s="115">
        <v>0</v>
      </c>
      <c r="FC34" s="387"/>
      <c r="FD34" s="117">
        <v>0</v>
      </c>
      <c r="FE34" s="117">
        <v>0</v>
      </c>
      <c r="FF34" s="117">
        <v>0</v>
      </c>
      <c r="FG34" s="117">
        <v>0</v>
      </c>
      <c r="FH34" s="117">
        <v>0</v>
      </c>
      <c r="FI34" s="116">
        <v>0</v>
      </c>
      <c r="FJ34" s="119">
        <v>0</v>
      </c>
      <c r="FK34" s="113">
        <v>12000</v>
      </c>
      <c r="FL34" s="117">
        <v>0</v>
      </c>
      <c r="FM34" s="116">
        <v>12000</v>
      </c>
      <c r="FN34" s="113">
        <v>0</v>
      </c>
      <c r="FO34" s="117">
        <v>23848</v>
      </c>
      <c r="FP34" s="117">
        <v>44080</v>
      </c>
      <c r="FQ34" s="117">
        <v>5200</v>
      </c>
      <c r="FR34" s="117">
        <v>52800</v>
      </c>
      <c r="FS34" s="117">
        <v>229824</v>
      </c>
      <c r="FT34" s="116">
        <v>355752</v>
      </c>
      <c r="FU34" s="119">
        <v>367752</v>
      </c>
      <c r="FV34" s="118">
        <v>12000</v>
      </c>
      <c r="FW34" s="117">
        <v>0</v>
      </c>
      <c r="FX34" s="115">
        <v>12000</v>
      </c>
      <c r="FY34" s="114">
        <v>0</v>
      </c>
      <c r="FZ34" s="117">
        <v>4840</v>
      </c>
      <c r="GA34" s="117">
        <v>44080</v>
      </c>
      <c r="GB34" s="117">
        <v>5200</v>
      </c>
      <c r="GC34" s="117">
        <v>52800</v>
      </c>
      <c r="GD34" s="117">
        <v>69824</v>
      </c>
      <c r="GE34" s="116">
        <v>176744</v>
      </c>
      <c r="GF34" s="351">
        <v>188744</v>
      </c>
      <c r="GG34" s="118">
        <v>0</v>
      </c>
      <c r="GH34" s="117">
        <v>0</v>
      </c>
      <c r="GI34" s="115">
        <v>0</v>
      </c>
      <c r="GJ34" s="114">
        <v>0</v>
      </c>
      <c r="GK34" s="117">
        <v>19008</v>
      </c>
      <c r="GL34" s="117">
        <v>0</v>
      </c>
      <c r="GM34" s="117">
        <v>0</v>
      </c>
      <c r="GN34" s="117">
        <v>0</v>
      </c>
      <c r="GO34" s="117">
        <v>0</v>
      </c>
      <c r="GP34" s="116">
        <v>19008</v>
      </c>
      <c r="GQ34" s="119">
        <v>19008</v>
      </c>
      <c r="GR34" s="113">
        <v>0</v>
      </c>
      <c r="GS34" s="117">
        <v>0</v>
      </c>
      <c r="GT34" s="116">
        <v>0</v>
      </c>
      <c r="GU34" s="113">
        <v>0</v>
      </c>
      <c r="GV34" s="117">
        <v>0</v>
      </c>
      <c r="GW34" s="117">
        <v>0</v>
      </c>
      <c r="GX34" s="117">
        <v>0</v>
      </c>
      <c r="GY34" s="117">
        <v>0</v>
      </c>
      <c r="GZ34" s="117">
        <v>160000</v>
      </c>
      <c r="HA34" s="115">
        <v>160000</v>
      </c>
      <c r="HB34" s="119">
        <v>160000</v>
      </c>
      <c r="HC34" s="113">
        <v>0</v>
      </c>
      <c r="HD34" s="117">
        <v>0</v>
      </c>
      <c r="HE34" s="115">
        <v>0</v>
      </c>
      <c r="HF34" s="114">
        <v>0</v>
      </c>
      <c r="HG34" s="117">
        <v>0</v>
      </c>
      <c r="HH34" s="117">
        <v>351244</v>
      </c>
      <c r="HI34" s="117">
        <v>0</v>
      </c>
      <c r="HJ34" s="117">
        <v>0</v>
      </c>
      <c r="HK34" s="117">
        <v>0</v>
      </c>
      <c r="HL34" s="116">
        <v>351244</v>
      </c>
      <c r="HM34" s="112">
        <v>351244</v>
      </c>
      <c r="HN34" s="367"/>
      <c r="HO34" s="368"/>
      <c r="HP34" s="369"/>
      <c r="HQ34" s="370"/>
      <c r="HR34" s="368"/>
      <c r="HS34" s="368"/>
      <c r="HT34" s="368"/>
      <c r="HU34" s="368"/>
      <c r="HV34" s="368"/>
      <c r="HW34" s="371"/>
      <c r="HX34" s="372"/>
      <c r="HY34" s="168">
        <v>0</v>
      </c>
      <c r="HZ34" s="153">
        <v>0</v>
      </c>
      <c r="IA34" s="168">
        <v>0</v>
      </c>
      <c r="IB34" s="152">
        <v>0</v>
      </c>
      <c r="IC34" s="153">
        <v>50640</v>
      </c>
      <c r="ID34" s="154">
        <v>69942</v>
      </c>
      <c r="IE34" s="155">
        <v>0</v>
      </c>
      <c r="IF34" s="153">
        <v>96944</v>
      </c>
      <c r="IG34" s="155">
        <v>261672</v>
      </c>
      <c r="IH34" s="156">
        <v>479198</v>
      </c>
      <c r="II34" s="168">
        <v>479198</v>
      </c>
      <c r="IJ34" s="262">
        <v>0</v>
      </c>
      <c r="IK34" s="269">
        <v>0</v>
      </c>
      <c r="IL34" s="270">
        <v>0</v>
      </c>
      <c r="IM34" s="158"/>
      <c r="IN34" s="123">
        <v>0</v>
      </c>
      <c r="IO34" s="123">
        <v>0</v>
      </c>
      <c r="IP34" s="123">
        <v>0</v>
      </c>
      <c r="IQ34" s="123">
        <v>0</v>
      </c>
      <c r="IR34" s="123">
        <v>0</v>
      </c>
      <c r="IS34" s="159">
        <v>0</v>
      </c>
      <c r="IT34" s="354">
        <v>0</v>
      </c>
      <c r="IU34" s="160">
        <v>0</v>
      </c>
      <c r="IV34" s="123">
        <v>0</v>
      </c>
      <c r="IW34" s="124">
        <v>0</v>
      </c>
      <c r="IX34" s="162"/>
      <c r="IY34" s="123">
        <v>0</v>
      </c>
      <c r="IZ34" s="123">
        <v>0</v>
      </c>
      <c r="JA34" s="123">
        <v>0</v>
      </c>
      <c r="JB34" s="123">
        <v>0</v>
      </c>
      <c r="JC34" s="123">
        <v>0</v>
      </c>
      <c r="JD34" s="124">
        <v>0</v>
      </c>
      <c r="JE34" s="125">
        <v>0</v>
      </c>
      <c r="JF34" s="160">
        <v>0</v>
      </c>
      <c r="JG34" s="123">
        <v>0</v>
      </c>
      <c r="JH34" s="159">
        <v>0</v>
      </c>
      <c r="JI34" s="122">
        <v>0</v>
      </c>
      <c r="JJ34" s="123">
        <v>50640</v>
      </c>
      <c r="JK34" s="123">
        <v>69942</v>
      </c>
      <c r="JL34" s="123">
        <v>0</v>
      </c>
      <c r="JM34" s="123">
        <v>96944</v>
      </c>
      <c r="JN34" s="123">
        <v>0</v>
      </c>
      <c r="JO34" s="124">
        <v>217526</v>
      </c>
      <c r="JP34" s="354">
        <v>217526</v>
      </c>
      <c r="JQ34" s="160">
        <v>0</v>
      </c>
      <c r="JR34" s="123">
        <v>0</v>
      </c>
      <c r="JS34" s="159">
        <v>0</v>
      </c>
      <c r="JT34" s="122">
        <v>0</v>
      </c>
      <c r="JU34" s="123">
        <v>0</v>
      </c>
      <c r="JV34" s="123">
        <v>0</v>
      </c>
      <c r="JW34" s="123">
        <v>0</v>
      </c>
      <c r="JX34" s="123">
        <v>0</v>
      </c>
      <c r="JY34" s="123">
        <v>0</v>
      </c>
      <c r="JZ34" s="124">
        <v>0</v>
      </c>
      <c r="KA34" s="354">
        <v>0</v>
      </c>
      <c r="KB34" s="265">
        <v>0</v>
      </c>
      <c r="KC34" s="259">
        <v>0</v>
      </c>
      <c r="KD34" s="124">
        <v>0</v>
      </c>
      <c r="KE34" s="122">
        <v>0</v>
      </c>
      <c r="KF34" s="123">
        <v>0</v>
      </c>
      <c r="KG34" s="123">
        <v>0</v>
      </c>
      <c r="KH34" s="123">
        <v>0</v>
      </c>
      <c r="KI34" s="123">
        <v>0</v>
      </c>
      <c r="KJ34" s="123">
        <v>0</v>
      </c>
      <c r="KK34" s="124">
        <v>0</v>
      </c>
      <c r="KL34" s="161">
        <v>0</v>
      </c>
      <c r="KM34" s="262">
        <v>0</v>
      </c>
      <c r="KN34" s="269">
        <v>0</v>
      </c>
      <c r="KO34" s="270">
        <v>0</v>
      </c>
      <c r="KP34" s="158"/>
      <c r="KQ34" s="123">
        <v>0</v>
      </c>
      <c r="KR34" s="123">
        <v>0</v>
      </c>
      <c r="KS34" s="123">
        <v>0</v>
      </c>
      <c r="KT34" s="123">
        <v>0</v>
      </c>
      <c r="KU34" s="123">
        <v>0</v>
      </c>
      <c r="KV34" s="124">
        <v>0</v>
      </c>
      <c r="KW34" s="354">
        <v>0</v>
      </c>
      <c r="KX34" s="160">
        <v>0</v>
      </c>
      <c r="KY34" s="123">
        <v>0</v>
      </c>
      <c r="KZ34" s="124">
        <v>0</v>
      </c>
      <c r="LA34" s="163"/>
      <c r="LB34" s="123">
        <v>0</v>
      </c>
      <c r="LC34" s="123">
        <v>0</v>
      </c>
      <c r="LD34" s="123">
        <v>0</v>
      </c>
      <c r="LE34" s="123">
        <v>0</v>
      </c>
      <c r="LF34" s="123">
        <v>0</v>
      </c>
      <c r="LG34" s="124">
        <v>0</v>
      </c>
      <c r="LH34" s="125">
        <v>0</v>
      </c>
      <c r="LI34" s="160">
        <v>0</v>
      </c>
      <c r="LJ34" s="123">
        <v>0</v>
      </c>
      <c r="LK34" s="124">
        <v>0</v>
      </c>
      <c r="LL34" s="163"/>
      <c r="LM34" s="123">
        <v>0</v>
      </c>
      <c r="LN34" s="123">
        <v>0</v>
      </c>
      <c r="LO34" s="123">
        <v>0</v>
      </c>
      <c r="LP34" s="123">
        <v>0</v>
      </c>
      <c r="LQ34" s="123">
        <v>261672</v>
      </c>
      <c r="LR34" s="124">
        <v>261672</v>
      </c>
      <c r="LS34" s="354">
        <v>261672</v>
      </c>
      <c r="LT34" s="160">
        <v>0</v>
      </c>
      <c r="LU34" s="123">
        <v>0</v>
      </c>
      <c r="LV34" s="124">
        <v>0</v>
      </c>
      <c r="LW34" s="163"/>
      <c r="LX34" s="123">
        <v>0</v>
      </c>
      <c r="LY34" s="123">
        <v>0</v>
      </c>
      <c r="LZ34" s="123">
        <v>0</v>
      </c>
      <c r="MA34" s="123">
        <v>0</v>
      </c>
      <c r="MB34" s="123">
        <v>0</v>
      </c>
      <c r="MC34" s="124">
        <v>0</v>
      </c>
      <c r="MD34" s="125">
        <v>0</v>
      </c>
      <c r="ME34" s="160">
        <v>0</v>
      </c>
      <c r="MF34" s="123">
        <v>0</v>
      </c>
      <c r="MG34" s="124">
        <v>0</v>
      </c>
      <c r="MH34" s="163"/>
      <c r="MI34" s="123">
        <v>0</v>
      </c>
      <c r="MJ34" s="123">
        <v>215872</v>
      </c>
      <c r="MK34" s="123">
        <v>207168</v>
      </c>
      <c r="ML34" s="123">
        <v>235912</v>
      </c>
      <c r="MM34" s="123">
        <v>254352</v>
      </c>
      <c r="MN34" s="124">
        <v>913304</v>
      </c>
      <c r="MO34" s="161">
        <v>913304</v>
      </c>
      <c r="MP34" s="160">
        <v>0</v>
      </c>
      <c r="MQ34" s="123">
        <v>0</v>
      </c>
      <c r="MR34" s="124">
        <v>0</v>
      </c>
      <c r="MS34" s="163"/>
      <c r="MT34" s="123">
        <v>0</v>
      </c>
      <c r="MU34" s="123">
        <v>0</v>
      </c>
      <c r="MV34" s="123">
        <v>207168</v>
      </c>
      <c r="MW34" s="123">
        <v>235912</v>
      </c>
      <c r="MX34" s="123">
        <v>254352</v>
      </c>
      <c r="MY34" s="124">
        <v>697432</v>
      </c>
      <c r="MZ34" s="161">
        <v>697432</v>
      </c>
      <c r="NA34" s="160">
        <v>0</v>
      </c>
      <c r="NB34" s="123">
        <v>0</v>
      </c>
      <c r="NC34" s="124">
        <v>0</v>
      </c>
      <c r="ND34" s="163"/>
      <c r="NE34" s="123">
        <v>0</v>
      </c>
      <c r="NF34" s="123">
        <v>215872</v>
      </c>
      <c r="NG34" s="123">
        <v>0</v>
      </c>
      <c r="NH34" s="123">
        <v>0</v>
      </c>
      <c r="NI34" s="123">
        <v>0</v>
      </c>
      <c r="NJ34" s="124">
        <v>215872</v>
      </c>
      <c r="NK34" s="354">
        <v>215872</v>
      </c>
      <c r="NL34" s="160">
        <v>0</v>
      </c>
      <c r="NM34" s="123">
        <v>0</v>
      </c>
      <c r="NN34" s="124">
        <v>0</v>
      </c>
      <c r="NO34" s="163"/>
      <c r="NP34" s="123">
        <v>0</v>
      </c>
      <c r="NQ34" s="123">
        <v>0</v>
      </c>
      <c r="NR34" s="123">
        <v>0</v>
      </c>
      <c r="NS34" s="123">
        <v>0</v>
      </c>
      <c r="NT34" s="123">
        <v>0</v>
      </c>
      <c r="NU34" s="124">
        <v>0</v>
      </c>
      <c r="NV34" s="125">
        <v>0</v>
      </c>
      <c r="NW34" s="160">
        <v>0</v>
      </c>
      <c r="NX34" s="123">
        <v>0</v>
      </c>
      <c r="NY34" s="124">
        <v>0</v>
      </c>
      <c r="NZ34" s="163"/>
      <c r="OA34" s="123">
        <v>0</v>
      </c>
      <c r="OB34" s="123">
        <v>0</v>
      </c>
      <c r="OC34" s="123">
        <v>0</v>
      </c>
      <c r="OD34" s="123">
        <v>0</v>
      </c>
      <c r="OE34" s="123">
        <v>0</v>
      </c>
      <c r="OF34" s="124">
        <v>0</v>
      </c>
      <c r="OG34" s="125">
        <v>0</v>
      </c>
      <c r="OH34" s="160">
        <v>12000</v>
      </c>
      <c r="OI34" s="123">
        <v>13888</v>
      </c>
      <c r="OJ34" s="159">
        <v>25888</v>
      </c>
      <c r="OK34" s="122">
        <v>0</v>
      </c>
      <c r="OL34" s="123">
        <v>285710</v>
      </c>
      <c r="OM34" s="123">
        <v>868817</v>
      </c>
      <c r="ON34" s="123">
        <v>372080</v>
      </c>
      <c r="OO34" s="123">
        <v>1029934</v>
      </c>
      <c r="OP34" s="123">
        <v>1019358</v>
      </c>
      <c r="OQ34" s="124">
        <v>3575899</v>
      </c>
      <c r="OR34" s="161">
        <v>3601787</v>
      </c>
    </row>
    <row r="35" spans="1:408" ht="20.25" customHeight="1" x14ac:dyDescent="0.2">
      <c r="A35" s="130" t="s">
        <v>30</v>
      </c>
      <c r="B35" s="113">
        <v>7600</v>
      </c>
      <c r="C35" s="117">
        <v>1200</v>
      </c>
      <c r="D35" s="202">
        <v>8800</v>
      </c>
      <c r="E35" s="203">
        <v>0</v>
      </c>
      <c r="F35" s="204">
        <v>438472</v>
      </c>
      <c r="G35" s="204">
        <v>207927</v>
      </c>
      <c r="H35" s="204">
        <v>245993</v>
      </c>
      <c r="I35" s="204">
        <v>479936</v>
      </c>
      <c r="J35" s="204">
        <v>0</v>
      </c>
      <c r="K35" s="205">
        <v>1372328</v>
      </c>
      <c r="L35" s="119">
        <v>1381128</v>
      </c>
      <c r="M35" s="113">
        <v>0</v>
      </c>
      <c r="N35" s="117">
        <v>0</v>
      </c>
      <c r="O35" s="116">
        <v>0</v>
      </c>
      <c r="P35" s="113">
        <v>0</v>
      </c>
      <c r="Q35" s="117">
        <v>47728</v>
      </c>
      <c r="R35" s="117">
        <v>74760</v>
      </c>
      <c r="S35" s="117">
        <v>20536</v>
      </c>
      <c r="T35" s="117">
        <v>252760</v>
      </c>
      <c r="U35" s="117">
        <v>0</v>
      </c>
      <c r="V35" s="116">
        <v>395784</v>
      </c>
      <c r="W35" s="119">
        <v>395784</v>
      </c>
      <c r="X35" s="113">
        <v>0</v>
      </c>
      <c r="Y35" s="117">
        <v>0</v>
      </c>
      <c r="Z35" s="116">
        <v>0</v>
      </c>
      <c r="AA35" s="113">
        <v>0</v>
      </c>
      <c r="AB35" s="117">
        <v>0</v>
      </c>
      <c r="AC35" s="117">
        <v>57000</v>
      </c>
      <c r="AD35" s="117">
        <v>2360</v>
      </c>
      <c r="AE35" s="117">
        <v>67376</v>
      </c>
      <c r="AF35" s="117">
        <v>0</v>
      </c>
      <c r="AG35" s="116">
        <v>126736</v>
      </c>
      <c r="AH35" s="119">
        <v>126736</v>
      </c>
      <c r="AI35" s="113">
        <v>0</v>
      </c>
      <c r="AJ35" s="117">
        <v>0</v>
      </c>
      <c r="AK35" s="116">
        <v>0</v>
      </c>
      <c r="AL35" s="113">
        <v>0</v>
      </c>
      <c r="AM35" s="117">
        <v>0</v>
      </c>
      <c r="AN35" s="117">
        <v>0</v>
      </c>
      <c r="AO35" s="117">
        <v>0</v>
      </c>
      <c r="AP35" s="117">
        <v>101432</v>
      </c>
      <c r="AQ35" s="117">
        <v>0</v>
      </c>
      <c r="AR35" s="116">
        <v>101432</v>
      </c>
      <c r="AS35" s="119">
        <v>101432</v>
      </c>
      <c r="AT35" s="113">
        <v>0</v>
      </c>
      <c r="AU35" s="117">
        <v>0</v>
      </c>
      <c r="AV35" s="116">
        <v>0</v>
      </c>
      <c r="AW35" s="113">
        <v>0</v>
      </c>
      <c r="AX35" s="117">
        <v>22224</v>
      </c>
      <c r="AY35" s="117">
        <v>0</v>
      </c>
      <c r="AZ35" s="117">
        <v>0</v>
      </c>
      <c r="BA35" s="117">
        <v>70912</v>
      </c>
      <c r="BB35" s="117">
        <v>0</v>
      </c>
      <c r="BC35" s="116">
        <v>93136</v>
      </c>
      <c r="BD35" s="119">
        <v>93136</v>
      </c>
      <c r="BE35" s="113">
        <v>0</v>
      </c>
      <c r="BF35" s="117">
        <v>0</v>
      </c>
      <c r="BG35" s="115">
        <v>0</v>
      </c>
      <c r="BH35" s="114">
        <v>0</v>
      </c>
      <c r="BI35" s="117">
        <v>0</v>
      </c>
      <c r="BJ35" s="117">
        <v>0</v>
      </c>
      <c r="BK35" s="117">
        <v>0</v>
      </c>
      <c r="BL35" s="117">
        <v>0</v>
      </c>
      <c r="BM35" s="117">
        <v>0</v>
      </c>
      <c r="BN35" s="116">
        <v>0</v>
      </c>
      <c r="BO35" s="119">
        <v>0</v>
      </c>
      <c r="BP35" s="113">
        <v>0</v>
      </c>
      <c r="BQ35" s="117">
        <v>0</v>
      </c>
      <c r="BR35" s="116">
        <v>0</v>
      </c>
      <c r="BS35" s="113">
        <v>0</v>
      </c>
      <c r="BT35" s="117">
        <v>25504</v>
      </c>
      <c r="BU35" s="117">
        <v>17760</v>
      </c>
      <c r="BV35" s="117">
        <v>18176</v>
      </c>
      <c r="BW35" s="117">
        <v>13040</v>
      </c>
      <c r="BX35" s="117">
        <v>0</v>
      </c>
      <c r="BY35" s="116">
        <v>74480</v>
      </c>
      <c r="BZ35" s="119">
        <v>74480</v>
      </c>
      <c r="CA35" s="113">
        <v>0</v>
      </c>
      <c r="CB35" s="117">
        <v>0</v>
      </c>
      <c r="CC35" s="116">
        <v>0</v>
      </c>
      <c r="CD35" s="113">
        <v>0</v>
      </c>
      <c r="CE35" s="117">
        <v>41718</v>
      </c>
      <c r="CF35" s="117">
        <v>0</v>
      </c>
      <c r="CG35" s="117">
        <v>0</v>
      </c>
      <c r="CH35" s="117">
        <v>112184</v>
      </c>
      <c r="CI35" s="117">
        <v>0</v>
      </c>
      <c r="CJ35" s="116">
        <v>153902</v>
      </c>
      <c r="CK35" s="119">
        <v>153902</v>
      </c>
      <c r="CL35" s="113">
        <v>0</v>
      </c>
      <c r="CM35" s="117">
        <v>0</v>
      </c>
      <c r="CN35" s="116">
        <v>0</v>
      </c>
      <c r="CO35" s="114">
        <v>0</v>
      </c>
      <c r="CP35" s="117">
        <v>0</v>
      </c>
      <c r="CQ35" s="117">
        <v>0</v>
      </c>
      <c r="CR35" s="117">
        <v>0</v>
      </c>
      <c r="CS35" s="117">
        <v>112184</v>
      </c>
      <c r="CT35" s="117">
        <v>0</v>
      </c>
      <c r="CU35" s="116">
        <v>112184</v>
      </c>
      <c r="CV35" s="119">
        <v>112184</v>
      </c>
      <c r="CW35" s="113">
        <v>0</v>
      </c>
      <c r="CX35" s="117">
        <v>0</v>
      </c>
      <c r="CY35" s="116">
        <v>0</v>
      </c>
      <c r="CZ35" s="113">
        <v>0</v>
      </c>
      <c r="DA35" s="117">
        <v>41718</v>
      </c>
      <c r="DB35" s="117">
        <v>0</v>
      </c>
      <c r="DC35" s="117">
        <v>0</v>
      </c>
      <c r="DD35" s="117">
        <v>0</v>
      </c>
      <c r="DE35" s="117">
        <v>0</v>
      </c>
      <c r="DF35" s="116">
        <v>41718</v>
      </c>
      <c r="DG35" s="119">
        <v>41718</v>
      </c>
      <c r="DH35" s="113">
        <v>0</v>
      </c>
      <c r="DI35" s="117">
        <v>0</v>
      </c>
      <c r="DJ35" s="115">
        <v>0</v>
      </c>
      <c r="DK35" s="114">
        <v>0</v>
      </c>
      <c r="DL35" s="117">
        <v>29801</v>
      </c>
      <c r="DM35" s="117">
        <v>0</v>
      </c>
      <c r="DN35" s="117">
        <v>203537</v>
      </c>
      <c r="DO35" s="117">
        <v>66000</v>
      </c>
      <c r="DP35" s="117">
        <v>0</v>
      </c>
      <c r="DQ35" s="116">
        <v>299338</v>
      </c>
      <c r="DR35" s="119">
        <v>299338</v>
      </c>
      <c r="DS35" s="113">
        <v>0</v>
      </c>
      <c r="DT35" s="117">
        <v>0</v>
      </c>
      <c r="DU35" s="116">
        <v>0</v>
      </c>
      <c r="DV35" s="113">
        <v>0</v>
      </c>
      <c r="DW35" s="117">
        <v>29801</v>
      </c>
      <c r="DX35" s="117">
        <v>0</v>
      </c>
      <c r="DY35" s="117">
        <v>203537</v>
      </c>
      <c r="DZ35" s="117">
        <v>66000</v>
      </c>
      <c r="EA35" s="117">
        <v>0</v>
      </c>
      <c r="EB35" s="116">
        <v>299338</v>
      </c>
      <c r="EC35" s="119">
        <v>299338</v>
      </c>
      <c r="ED35" s="113">
        <v>0</v>
      </c>
      <c r="EE35" s="115">
        <v>0</v>
      </c>
      <c r="EF35" s="116">
        <v>0</v>
      </c>
      <c r="EG35" s="113">
        <v>0</v>
      </c>
      <c r="EH35" s="117">
        <v>0</v>
      </c>
      <c r="EI35" s="117">
        <v>0</v>
      </c>
      <c r="EJ35" s="117">
        <v>0</v>
      </c>
      <c r="EK35" s="117">
        <v>0</v>
      </c>
      <c r="EL35" s="117">
        <v>0</v>
      </c>
      <c r="EM35" s="115">
        <v>0</v>
      </c>
      <c r="EN35" s="119">
        <v>0</v>
      </c>
      <c r="EO35" s="113">
        <v>0</v>
      </c>
      <c r="EP35" s="117">
        <v>0</v>
      </c>
      <c r="EQ35" s="115">
        <v>0</v>
      </c>
      <c r="ER35" s="114">
        <v>0</v>
      </c>
      <c r="ES35" s="117">
        <v>0</v>
      </c>
      <c r="ET35" s="117">
        <v>0</v>
      </c>
      <c r="EU35" s="117">
        <v>0</v>
      </c>
      <c r="EV35" s="117">
        <v>0</v>
      </c>
      <c r="EW35" s="117">
        <v>0</v>
      </c>
      <c r="EX35" s="116">
        <v>0</v>
      </c>
      <c r="EY35" s="119">
        <v>0</v>
      </c>
      <c r="EZ35" s="113">
        <v>0</v>
      </c>
      <c r="FA35" s="117">
        <v>0</v>
      </c>
      <c r="FB35" s="115">
        <v>0</v>
      </c>
      <c r="FC35" s="387"/>
      <c r="FD35" s="117">
        <v>0</v>
      </c>
      <c r="FE35" s="117">
        <v>0</v>
      </c>
      <c r="FF35" s="117">
        <v>0</v>
      </c>
      <c r="FG35" s="117">
        <v>0</v>
      </c>
      <c r="FH35" s="117">
        <v>0</v>
      </c>
      <c r="FI35" s="116">
        <v>0</v>
      </c>
      <c r="FJ35" s="119">
        <v>0</v>
      </c>
      <c r="FK35" s="113">
        <v>7600</v>
      </c>
      <c r="FL35" s="117">
        <v>1200</v>
      </c>
      <c r="FM35" s="116">
        <v>8800</v>
      </c>
      <c r="FN35" s="113">
        <v>0</v>
      </c>
      <c r="FO35" s="117">
        <v>2720</v>
      </c>
      <c r="FP35" s="117">
        <v>13600</v>
      </c>
      <c r="FQ35" s="117">
        <v>21920</v>
      </c>
      <c r="FR35" s="117">
        <v>48992</v>
      </c>
      <c r="FS35" s="117">
        <v>0</v>
      </c>
      <c r="FT35" s="116">
        <v>87232</v>
      </c>
      <c r="FU35" s="119">
        <v>96032</v>
      </c>
      <c r="FV35" s="118">
        <v>7600</v>
      </c>
      <c r="FW35" s="117">
        <v>1200</v>
      </c>
      <c r="FX35" s="115">
        <v>8800</v>
      </c>
      <c r="FY35" s="114">
        <v>0</v>
      </c>
      <c r="FZ35" s="117">
        <v>2720</v>
      </c>
      <c r="GA35" s="117">
        <v>13600</v>
      </c>
      <c r="GB35" s="117">
        <v>21920</v>
      </c>
      <c r="GC35" s="117">
        <v>48992</v>
      </c>
      <c r="GD35" s="117">
        <v>0</v>
      </c>
      <c r="GE35" s="116">
        <v>87232</v>
      </c>
      <c r="GF35" s="351">
        <v>96032</v>
      </c>
      <c r="GG35" s="118">
        <v>0</v>
      </c>
      <c r="GH35" s="117">
        <v>0</v>
      </c>
      <c r="GI35" s="115">
        <v>0</v>
      </c>
      <c r="GJ35" s="114">
        <v>0</v>
      </c>
      <c r="GK35" s="117">
        <v>0</v>
      </c>
      <c r="GL35" s="117">
        <v>0</v>
      </c>
      <c r="GM35" s="117">
        <v>0</v>
      </c>
      <c r="GN35" s="117">
        <v>0</v>
      </c>
      <c r="GO35" s="117">
        <v>0</v>
      </c>
      <c r="GP35" s="116">
        <v>0</v>
      </c>
      <c r="GQ35" s="119">
        <v>0</v>
      </c>
      <c r="GR35" s="113">
        <v>0</v>
      </c>
      <c r="GS35" s="117">
        <v>0</v>
      </c>
      <c r="GT35" s="116">
        <v>0</v>
      </c>
      <c r="GU35" s="113">
        <v>0</v>
      </c>
      <c r="GV35" s="117">
        <v>0</v>
      </c>
      <c r="GW35" s="117">
        <v>0</v>
      </c>
      <c r="GX35" s="117">
        <v>0</v>
      </c>
      <c r="GY35" s="117">
        <v>0</v>
      </c>
      <c r="GZ35" s="117">
        <v>0</v>
      </c>
      <c r="HA35" s="115">
        <v>0</v>
      </c>
      <c r="HB35" s="119">
        <v>0</v>
      </c>
      <c r="HC35" s="113">
        <v>0</v>
      </c>
      <c r="HD35" s="117">
        <v>0</v>
      </c>
      <c r="HE35" s="115">
        <v>0</v>
      </c>
      <c r="HF35" s="114">
        <v>0</v>
      </c>
      <c r="HG35" s="117">
        <v>316505</v>
      </c>
      <c r="HH35" s="117">
        <v>119567</v>
      </c>
      <c r="HI35" s="117">
        <v>0</v>
      </c>
      <c r="HJ35" s="117">
        <v>0</v>
      </c>
      <c r="HK35" s="117">
        <v>0</v>
      </c>
      <c r="HL35" s="116">
        <v>436072</v>
      </c>
      <c r="HM35" s="112">
        <v>436072</v>
      </c>
      <c r="HN35" s="367"/>
      <c r="HO35" s="368"/>
      <c r="HP35" s="369"/>
      <c r="HQ35" s="370"/>
      <c r="HR35" s="368"/>
      <c r="HS35" s="368"/>
      <c r="HT35" s="368"/>
      <c r="HU35" s="368"/>
      <c r="HV35" s="368"/>
      <c r="HW35" s="371"/>
      <c r="HX35" s="372"/>
      <c r="HY35" s="149">
        <v>0</v>
      </c>
      <c r="HZ35" s="150">
        <v>0</v>
      </c>
      <c r="IA35" s="151">
        <v>0</v>
      </c>
      <c r="IB35" s="164">
        <v>0</v>
      </c>
      <c r="IC35" s="150">
        <v>0</v>
      </c>
      <c r="ID35" s="165">
        <v>313064</v>
      </c>
      <c r="IE35" s="151">
        <v>244952</v>
      </c>
      <c r="IF35" s="150">
        <v>0</v>
      </c>
      <c r="IG35" s="151">
        <v>0</v>
      </c>
      <c r="IH35" s="166">
        <v>558016</v>
      </c>
      <c r="II35" s="157">
        <v>558016</v>
      </c>
      <c r="IJ35" s="262">
        <v>0</v>
      </c>
      <c r="IK35" s="269">
        <v>0</v>
      </c>
      <c r="IL35" s="270">
        <v>0</v>
      </c>
      <c r="IM35" s="158"/>
      <c r="IN35" s="123">
        <v>0</v>
      </c>
      <c r="IO35" s="123">
        <v>0</v>
      </c>
      <c r="IP35" s="123">
        <v>0</v>
      </c>
      <c r="IQ35" s="123">
        <v>0</v>
      </c>
      <c r="IR35" s="123">
        <v>0</v>
      </c>
      <c r="IS35" s="159">
        <v>0</v>
      </c>
      <c r="IT35" s="354">
        <v>0</v>
      </c>
      <c r="IU35" s="160">
        <v>0</v>
      </c>
      <c r="IV35" s="123">
        <v>0</v>
      </c>
      <c r="IW35" s="124">
        <v>0</v>
      </c>
      <c r="IX35" s="162"/>
      <c r="IY35" s="123">
        <v>0</v>
      </c>
      <c r="IZ35" s="123">
        <v>0</v>
      </c>
      <c r="JA35" s="123">
        <v>0</v>
      </c>
      <c r="JB35" s="123">
        <v>0</v>
      </c>
      <c r="JC35" s="123">
        <v>0</v>
      </c>
      <c r="JD35" s="124">
        <v>0</v>
      </c>
      <c r="JE35" s="125">
        <v>0</v>
      </c>
      <c r="JF35" s="160">
        <v>0</v>
      </c>
      <c r="JG35" s="123">
        <v>0</v>
      </c>
      <c r="JH35" s="159">
        <v>0</v>
      </c>
      <c r="JI35" s="122">
        <v>0</v>
      </c>
      <c r="JJ35" s="123">
        <v>0</v>
      </c>
      <c r="JK35" s="123">
        <v>114664</v>
      </c>
      <c r="JL35" s="123">
        <v>0</v>
      </c>
      <c r="JM35" s="123">
        <v>0</v>
      </c>
      <c r="JN35" s="123">
        <v>0</v>
      </c>
      <c r="JO35" s="124">
        <v>114664</v>
      </c>
      <c r="JP35" s="354">
        <v>114664</v>
      </c>
      <c r="JQ35" s="160">
        <v>0</v>
      </c>
      <c r="JR35" s="123">
        <v>0</v>
      </c>
      <c r="JS35" s="159">
        <v>0</v>
      </c>
      <c r="JT35" s="122">
        <v>0</v>
      </c>
      <c r="JU35" s="123">
        <v>0</v>
      </c>
      <c r="JV35" s="123">
        <v>0</v>
      </c>
      <c r="JW35" s="123">
        <v>0</v>
      </c>
      <c r="JX35" s="123">
        <v>0</v>
      </c>
      <c r="JY35" s="123">
        <v>0</v>
      </c>
      <c r="JZ35" s="124">
        <v>0</v>
      </c>
      <c r="KA35" s="354">
        <v>0</v>
      </c>
      <c r="KB35" s="265">
        <v>0</v>
      </c>
      <c r="KC35" s="259">
        <v>0</v>
      </c>
      <c r="KD35" s="124">
        <v>0</v>
      </c>
      <c r="KE35" s="122">
        <v>0</v>
      </c>
      <c r="KF35" s="123">
        <v>0</v>
      </c>
      <c r="KG35" s="123">
        <v>0</v>
      </c>
      <c r="KH35" s="123">
        <v>0</v>
      </c>
      <c r="KI35" s="123">
        <v>0</v>
      </c>
      <c r="KJ35" s="123">
        <v>0</v>
      </c>
      <c r="KK35" s="124">
        <v>0</v>
      </c>
      <c r="KL35" s="161">
        <v>0</v>
      </c>
      <c r="KM35" s="262">
        <v>0</v>
      </c>
      <c r="KN35" s="269">
        <v>0</v>
      </c>
      <c r="KO35" s="270">
        <v>0</v>
      </c>
      <c r="KP35" s="158"/>
      <c r="KQ35" s="123">
        <v>0</v>
      </c>
      <c r="KR35" s="123">
        <v>198400</v>
      </c>
      <c r="KS35" s="123">
        <v>244952</v>
      </c>
      <c r="KT35" s="123">
        <v>0</v>
      </c>
      <c r="KU35" s="123">
        <v>0</v>
      </c>
      <c r="KV35" s="124">
        <v>443352</v>
      </c>
      <c r="KW35" s="354">
        <v>443352</v>
      </c>
      <c r="KX35" s="160">
        <v>0</v>
      </c>
      <c r="KY35" s="123">
        <v>0</v>
      </c>
      <c r="KZ35" s="124">
        <v>0</v>
      </c>
      <c r="LA35" s="163"/>
      <c r="LB35" s="123">
        <v>0</v>
      </c>
      <c r="LC35" s="123">
        <v>0</v>
      </c>
      <c r="LD35" s="123">
        <v>0</v>
      </c>
      <c r="LE35" s="123">
        <v>0</v>
      </c>
      <c r="LF35" s="123">
        <v>0</v>
      </c>
      <c r="LG35" s="124">
        <v>0</v>
      </c>
      <c r="LH35" s="125">
        <v>0</v>
      </c>
      <c r="LI35" s="160">
        <v>0</v>
      </c>
      <c r="LJ35" s="123">
        <v>0</v>
      </c>
      <c r="LK35" s="124">
        <v>0</v>
      </c>
      <c r="LL35" s="163"/>
      <c r="LM35" s="123">
        <v>0</v>
      </c>
      <c r="LN35" s="123">
        <v>0</v>
      </c>
      <c r="LO35" s="123">
        <v>0</v>
      </c>
      <c r="LP35" s="123">
        <v>0</v>
      </c>
      <c r="LQ35" s="123">
        <v>0</v>
      </c>
      <c r="LR35" s="124">
        <v>0</v>
      </c>
      <c r="LS35" s="354">
        <v>0</v>
      </c>
      <c r="LT35" s="160">
        <v>0</v>
      </c>
      <c r="LU35" s="123">
        <v>0</v>
      </c>
      <c r="LV35" s="124">
        <v>0</v>
      </c>
      <c r="LW35" s="163"/>
      <c r="LX35" s="123">
        <v>0</v>
      </c>
      <c r="LY35" s="123">
        <v>0</v>
      </c>
      <c r="LZ35" s="123">
        <v>0</v>
      </c>
      <c r="MA35" s="123">
        <v>0</v>
      </c>
      <c r="MB35" s="123">
        <v>0</v>
      </c>
      <c r="MC35" s="124">
        <v>0</v>
      </c>
      <c r="MD35" s="125">
        <v>0</v>
      </c>
      <c r="ME35" s="160">
        <v>0</v>
      </c>
      <c r="MF35" s="123">
        <v>0</v>
      </c>
      <c r="MG35" s="124">
        <v>0</v>
      </c>
      <c r="MH35" s="163"/>
      <c r="MI35" s="123">
        <v>204088</v>
      </c>
      <c r="MJ35" s="123">
        <v>0</v>
      </c>
      <c r="MK35" s="123">
        <v>606191</v>
      </c>
      <c r="ML35" s="123">
        <v>1278039</v>
      </c>
      <c r="MM35" s="123">
        <v>405346</v>
      </c>
      <c r="MN35" s="124">
        <v>2493664</v>
      </c>
      <c r="MO35" s="161">
        <v>2493664</v>
      </c>
      <c r="MP35" s="160">
        <v>0</v>
      </c>
      <c r="MQ35" s="123">
        <v>0</v>
      </c>
      <c r="MR35" s="124">
        <v>0</v>
      </c>
      <c r="MS35" s="163"/>
      <c r="MT35" s="123">
        <v>0</v>
      </c>
      <c r="MU35" s="123">
        <v>0</v>
      </c>
      <c r="MV35" s="123">
        <v>0</v>
      </c>
      <c r="MW35" s="123">
        <v>712688</v>
      </c>
      <c r="MX35" s="123">
        <v>0</v>
      </c>
      <c r="MY35" s="124">
        <v>712688</v>
      </c>
      <c r="MZ35" s="161">
        <v>712688</v>
      </c>
      <c r="NA35" s="160">
        <v>0</v>
      </c>
      <c r="NB35" s="123">
        <v>0</v>
      </c>
      <c r="NC35" s="124">
        <v>0</v>
      </c>
      <c r="ND35" s="163"/>
      <c r="NE35" s="123">
        <v>204088</v>
      </c>
      <c r="NF35" s="123">
        <v>0</v>
      </c>
      <c r="NG35" s="123">
        <v>606191</v>
      </c>
      <c r="NH35" s="123">
        <v>565351</v>
      </c>
      <c r="NI35" s="123">
        <v>0</v>
      </c>
      <c r="NJ35" s="124">
        <v>1375630</v>
      </c>
      <c r="NK35" s="354">
        <v>1375630</v>
      </c>
      <c r="NL35" s="160">
        <v>0</v>
      </c>
      <c r="NM35" s="123">
        <v>0</v>
      </c>
      <c r="NN35" s="124">
        <v>0</v>
      </c>
      <c r="NO35" s="163"/>
      <c r="NP35" s="123">
        <v>0</v>
      </c>
      <c r="NQ35" s="123">
        <v>0</v>
      </c>
      <c r="NR35" s="123">
        <v>0</v>
      </c>
      <c r="NS35" s="123">
        <v>0</v>
      </c>
      <c r="NT35" s="123">
        <v>0</v>
      </c>
      <c r="NU35" s="124">
        <v>0</v>
      </c>
      <c r="NV35" s="125">
        <v>0</v>
      </c>
      <c r="NW35" s="160">
        <v>0</v>
      </c>
      <c r="NX35" s="123">
        <v>0</v>
      </c>
      <c r="NY35" s="124">
        <v>0</v>
      </c>
      <c r="NZ35" s="163"/>
      <c r="OA35" s="123">
        <v>0</v>
      </c>
      <c r="OB35" s="123">
        <v>0</v>
      </c>
      <c r="OC35" s="123">
        <v>0</v>
      </c>
      <c r="OD35" s="123">
        <v>0</v>
      </c>
      <c r="OE35" s="123">
        <v>405346</v>
      </c>
      <c r="OF35" s="124">
        <v>405346</v>
      </c>
      <c r="OG35" s="125">
        <v>405346</v>
      </c>
      <c r="OH35" s="160">
        <v>7600</v>
      </c>
      <c r="OI35" s="123">
        <v>1200</v>
      </c>
      <c r="OJ35" s="159">
        <v>8800</v>
      </c>
      <c r="OK35" s="122">
        <v>0</v>
      </c>
      <c r="OL35" s="123">
        <v>642560</v>
      </c>
      <c r="OM35" s="123">
        <v>520991</v>
      </c>
      <c r="ON35" s="123">
        <v>1097136</v>
      </c>
      <c r="OO35" s="123">
        <v>1757975</v>
      </c>
      <c r="OP35" s="123">
        <v>405346</v>
      </c>
      <c r="OQ35" s="124">
        <v>4424008</v>
      </c>
      <c r="OR35" s="161">
        <v>4432808</v>
      </c>
    </row>
    <row r="36" spans="1:408" ht="20.25" customHeight="1" x14ac:dyDescent="0.2">
      <c r="A36" s="130" t="s">
        <v>31</v>
      </c>
      <c r="B36" s="113">
        <v>109024</v>
      </c>
      <c r="C36" s="117">
        <v>8512</v>
      </c>
      <c r="D36" s="116">
        <v>117536</v>
      </c>
      <c r="E36" s="112">
        <v>0</v>
      </c>
      <c r="F36" s="117">
        <v>341876</v>
      </c>
      <c r="G36" s="117">
        <v>990816</v>
      </c>
      <c r="H36" s="117">
        <v>345302</v>
      </c>
      <c r="I36" s="117">
        <v>0</v>
      </c>
      <c r="J36" s="117">
        <v>0</v>
      </c>
      <c r="K36" s="201">
        <v>1677994</v>
      </c>
      <c r="L36" s="119">
        <v>1795530</v>
      </c>
      <c r="M36" s="113">
        <v>0</v>
      </c>
      <c r="N36" s="117">
        <v>4912</v>
      </c>
      <c r="O36" s="116">
        <v>4912</v>
      </c>
      <c r="P36" s="113">
        <v>0</v>
      </c>
      <c r="Q36" s="117">
        <v>59536</v>
      </c>
      <c r="R36" s="117">
        <v>171968</v>
      </c>
      <c r="S36" s="117">
        <v>134748</v>
      </c>
      <c r="T36" s="117">
        <v>0</v>
      </c>
      <c r="U36" s="117">
        <v>0</v>
      </c>
      <c r="V36" s="116">
        <v>366252</v>
      </c>
      <c r="W36" s="119">
        <v>371164</v>
      </c>
      <c r="X36" s="113">
        <v>0</v>
      </c>
      <c r="Y36" s="117">
        <v>0</v>
      </c>
      <c r="Z36" s="116">
        <v>0</v>
      </c>
      <c r="AA36" s="113">
        <v>0</v>
      </c>
      <c r="AB36" s="117">
        <v>30696</v>
      </c>
      <c r="AC36" s="117">
        <v>0</v>
      </c>
      <c r="AD36" s="117">
        <v>30276</v>
      </c>
      <c r="AE36" s="117">
        <v>0</v>
      </c>
      <c r="AF36" s="117">
        <v>0</v>
      </c>
      <c r="AG36" s="116">
        <v>60972</v>
      </c>
      <c r="AH36" s="119">
        <v>60972</v>
      </c>
      <c r="AI36" s="113">
        <v>0</v>
      </c>
      <c r="AJ36" s="117">
        <v>0</v>
      </c>
      <c r="AK36" s="116">
        <v>0</v>
      </c>
      <c r="AL36" s="113">
        <v>0</v>
      </c>
      <c r="AM36" s="117">
        <v>0</v>
      </c>
      <c r="AN36" s="117">
        <v>54080</v>
      </c>
      <c r="AO36" s="117">
        <v>64888</v>
      </c>
      <c r="AP36" s="117">
        <v>0</v>
      </c>
      <c r="AQ36" s="117">
        <v>0</v>
      </c>
      <c r="AR36" s="116">
        <v>118968</v>
      </c>
      <c r="AS36" s="119">
        <v>118968</v>
      </c>
      <c r="AT36" s="113">
        <v>0</v>
      </c>
      <c r="AU36" s="117">
        <v>0</v>
      </c>
      <c r="AV36" s="116">
        <v>0</v>
      </c>
      <c r="AW36" s="113">
        <v>0</v>
      </c>
      <c r="AX36" s="117">
        <v>28840</v>
      </c>
      <c r="AY36" s="117">
        <v>0</v>
      </c>
      <c r="AZ36" s="117">
        <v>35456</v>
      </c>
      <c r="BA36" s="117">
        <v>0</v>
      </c>
      <c r="BB36" s="117">
        <v>0</v>
      </c>
      <c r="BC36" s="116">
        <v>64296</v>
      </c>
      <c r="BD36" s="119">
        <v>64296</v>
      </c>
      <c r="BE36" s="113">
        <v>0</v>
      </c>
      <c r="BF36" s="117">
        <v>4912</v>
      </c>
      <c r="BG36" s="115">
        <v>4912</v>
      </c>
      <c r="BH36" s="114">
        <v>0</v>
      </c>
      <c r="BI36" s="117">
        <v>0</v>
      </c>
      <c r="BJ36" s="117">
        <v>117888</v>
      </c>
      <c r="BK36" s="117">
        <v>0</v>
      </c>
      <c r="BL36" s="117">
        <v>0</v>
      </c>
      <c r="BM36" s="117">
        <v>0</v>
      </c>
      <c r="BN36" s="116">
        <v>117888</v>
      </c>
      <c r="BO36" s="119">
        <v>122800</v>
      </c>
      <c r="BP36" s="113">
        <v>0</v>
      </c>
      <c r="BQ36" s="117">
        <v>0</v>
      </c>
      <c r="BR36" s="116">
        <v>0</v>
      </c>
      <c r="BS36" s="113">
        <v>0</v>
      </c>
      <c r="BT36" s="117">
        <v>0</v>
      </c>
      <c r="BU36" s="117">
        <v>0</v>
      </c>
      <c r="BV36" s="117">
        <v>4128</v>
      </c>
      <c r="BW36" s="117">
        <v>0</v>
      </c>
      <c r="BX36" s="117">
        <v>0</v>
      </c>
      <c r="BY36" s="116">
        <v>4128</v>
      </c>
      <c r="BZ36" s="119">
        <v>4128</v>
      </c>
      <c r="CA36" s="113">
        <v>0</v>
      </c>
      <c r="CB36" s="117">
        <v>0</v>
      </c>
      <c r="CC36" s="116">
        <v>0</v>
      </c>
      <c r="CD36" s="113">
        <v>0</v>
      </c>
      <c r="CE36" s="117">
        <v>211525</v>
      </c>
      <c r="CF36" s="117">
        <v>501673</v>
      </c>
      <c r="CG36" s="117">
        <v>134318</v>
      </c>
      <c r="CH36" s="117">
        <v>0</v>
      </c>
      <c r="CI36" s="117">
        <v>0</v>
      </c>
      <c r="CJ36" s="116">
        <v>847516</v>
      </c>
      <c r="CK36" s="119">
        <v>847516</v>
      </c>
      <c r="CL36" s="113">
        <v>0</v>
      </c>
      <c r="CM36" s="117">
        <v>0</v>
      </c>
      <c r="CN36" s="116">
        <v>0</v>
      </c>
      <c r="CO36" s="114">
        <v>0</v>
      </c>
      <c r="CP36" s="117">
        <v>211525</v>
      </c>
      <c r="CQ36" s="117">
        <v>375225</v>
      </c>
      <c r="CR36" s="117">
        <v>28026</v>
      </c>
      <c r="CS36" s="117">
        <v>0</v>
      </c>
      <c r="CT36" s="117">
        <v>0</v>
      </c>
      <c r="CU36" s="116">
        <v>614776</v>
      </c>
      <c r="CV36" s="119">
        <v>614776</v>
      </c>
      <c r="CW36" s="113">
        <v>0</v>
      </c>
      <c r="CX36" s="117">
        <v>0</v>
      </c>
      <c r="CY36" s="116">
        <v>0</v>
      </c>
      <c r="CZ36" s="113">
        <v>0</v>
      </c>
      <c r="DA36" s="117">
        <v>0</v>
      </c>
      <c r="DB36" s="117">
        <v>126448</v>
      </c>
      <c r="DC36" s="117">
        <v>106292</v>
      </c>
      <c r="DD36" s="117">
        <v>0</v>
      </c>
      <c r="DE36" s="117">
        <v>0</v>
      </c>
      <c r="DF36" s="116">
        <v>232740</v>
      </c>
      <c r="DG36" s="119">
        <v>232740</v>
      </c>
      <c r="DH36" s="113">
        <v>0</v>
      </c>
      <c r="DI36" s="117">
        <v>0</v>
      </c>
      <c r="DJ36" s="115">
        <v>0</v>
      </c>
      <c r="DK36" s="114">
        <v>0</v>
      </c>
      <c r="DL36" s="117">
        <v>64575</v>
      </c>
      <c r="DM36" s="117">
        <v>48303</v>
      </c>
      <c r="DN36" s="117">
        <v>32636</v>
      </c>
      <c r="DO36" s="117">
        <v>0</v>
      </c>
      <c r="DP36" s="117">
        <v>0</v>
      </c>
      <c r="DQ36" s="116">
        <v>145514</v>
      </c>
      <c r="DR36" s="119">
        <v>145514</v>
      </c>
      <c r="DS36" s="113">
        <v>0</v>
      </c>
      <c r="DT36" s="117">
        <v>0</v>
      </c>
      <c r="DU36" s="116">
        <v>0</v>
      </c>
      <c r="DV36" s="113">
        <v>0</v>
      </c>
      <c r="DW36" s="117">
        <v>64575</v>
      </c>
      <c r="DX36" s="117">
        <v>48303</v>
      </c>
      <c r="DY36" s="117">
        <v>32636</v>
      </c>
      <c r="DZ36" s="117">
        <v>0</v>
      </c>
      <c r="EA36" s="117">
        <v>0</v>
      </c>
      <c r="EB36" s="116">
        <v>145514</v>
      </c>
      <c r="EC36" s="119">
        <v>145514</v>
      </c>
      <c r="ED36" s="113">
        <v>0</v>
      </c>
      <c r="EE36" s="115">
        <v>0</v>
      </c>
      <c r="EF36" s="116">
        <v>0</v>
      </c>
      <c r="EG36" s="113">
        <v>0</v>
      </c>
      <c r="EH36" s="117">
        <v>0</v>
      </c>
      <c r="EI36" s="117">
        <v>0</v>
      </c>
      <c r="EJ36" s="117">
        <v>0</v>
      </c>
      <c r="EK36" s="117">
        <v>0</v>
      </c>
      <c r="EL36" s="117">
        <v>0</v>
      </c>
      <c r="EM36" s="115">
        <v>0</v>
      </c>
      <c r="EN36" s="119">
        <v>0</v>
      </c>
      <c r="EO36" s="113">
        <v>0</v>
      </c>
      <c r="EP36" s="117">
        <v>0</v>
      </c>
      <c r="EQ36" s="115">
        <v>0</v>
      </c>
      <c r="ER36" s="114">
        <v>0</v>
      </c>
      <c r="ES36" s="117">
        <v>0</v>
      </c>
      <c r="ET36" s="117">
        <v>0</v>
      </c>
      <c r="EU36" s="117">
        <v>0</v>
      </c>
      <c r="EV36" s="117">
        <v>0</v>
      </c>
      <c r="EW36" s="117">
        <v>0</v>
      </c>
      <c r="EX36" s="116">
        <v>0</v>
      </c>
      <c r="EY36" s="119">
        <v>0</v>
      </c>
      <c r="EZ36" s="113">
        <v>0</v>
      </c>
      <c r="FA36" s="117">
        <v>0</v>
      </c>
      <c r="FB36" s="115">
        <v>0</v>
      </c>
      <c r="FC36" s="387"/>
      <c r="FD36" s="117">
        <v>0</v>
      </c>
      <c r="FE36" s="117">
        <v>0</v>
      </c>
      <c r="FF36" s="117">
        <v>0</v>
      </c>
      <c r="FG36" s="117">
        <v>0</v>
      </c>
      <c r="FH36" s="117">
        <v>0</v>
      </c>
      <c r="FI36" s="116">
        <v>0</v>
      </c>
      <c r="FJ36" s="119">
        <v>0</v>
      </c>
      <c r="FK36" s="113">
        <v>109024</v>
      </c>
      <c r="FL36" s="117">
        <v>3600</v>
      </c>
      <c r="FM36" s="116">
        <v>112624</v>
      </c>
      <c r="FN36" s="113">
        <v>0</v>
      </c>
      <c r="FO36" s="117">
        <v>6240</v>
      </c>
      <c r="FP36" s="117">
        <v>99952</v>
      </c>
      <c r="FQ36" s="117">
        <v>43600</v>
      </c>
      <c r="FR36" s="117">
        <v>0</v>
      </c>
      <c r="FS36" s="117">
        <v>0</v>
      </c>
      <c r="FT36" s="116">
        <v>149792</v>
      </c>
      <c r="FU36" s="119">
        <v>262416</v>
      </c>
      <c r="FV36" s="118">
        <v>7824</v>
      </c>
      <c r="FW36" s="117">
        <v>3600</v>
      </c>
      <c r="FX36" s="115">
        <v>11424</v>
      </c>
      <c r="FY36" s="114">
        <v>0</v>
      </c>
      <c r="FZ36" s="117">
        <v>6240</v>
      </c>
      <c r="GA36" s="117">
        <v>99952</v>
      </c>
      <c r="GB36" s="117">
        <v>43600</v>
      </c>
      <c r="GC36" s="117">
        <v>0</v>
      </c>
      <c r="GD36" s="117">
        <v>0</v>
      </c>
      <c r="GE36" s="116">
        <v>149792</v>
      </c>
      <c r="GF36" s="351">
        <v>161216</v>
      </c>
      <c r="GG36" s="118">
        <v>0</v>
      </c>
      <c r="GH36" s="117">
        <v>0</v>
      </c>
      <c r="GI36" s="115">
        <v>0</v>
      </c>
      <c r="GJ36" s="114">
        <v>0</v>
      </c>
      <c r="GK36" s="117">
        <v>0</v>
      </c>
      <c r="GL36" s="117">
        <v>0</v>
      </c>
      <c r="GM36" s="117">
        <v>0</v>
      </c>
      <c r="GN36" s="117">
        <v>0</v>
      </c>
      <c r="GO36" s="117">
        <v>0</v>
      </c>
      <c r="GP36" s="116">
        <v>0</v>
      </c>
      <c r="GQ36" s="119">
        <v>0</v>
      </c>
      <c r="GR36" s="113">
        <v>101200</v>
      </c>
      <c r="GS36" s="117">
        <v>0</v>
      </c>
      <c r="GT36" s="116">
        <v>101200</v>
      </c>
      <c r="GU36" s="113">
        <v>0</v>
      </c>
      <c r="GV36" s="117">
        <v>0</v>
      </c>
      <c r="GW36" s="117">
        <v>0</v>
      </c>
      <c r="GX36" s="117">
        <v>0</v>
      </c>
      <c r="GY36" s="117">
        <v>0</v>
      </c>
      <c r="GZ36" s="117">
        <v>0</v>
      </c>
      <c r="HA36" s="115">
        <v>0</v>
      </c>
      <c r="HB36" s="119">
        <v>101200</v>
      </c>
      <c r="HC36" s="113">
        <v>0</v>
      </c>
      <c r="HD36" s="117">
        <v>0</v>
      </c>
      <c r="HE36" s="115">
        <v>0</v>
      </c>
      <c r="HF36" s="114">
        <v>0</v>
      </c>
      <c r="HG36" s="117">
        <v>0</v>
      </c>
      <c r="HH36" s="117">
        <v>168920</v>
      </c>
      <c r="HI36" s="117">
        <v>0</v>
      </c>
      <c r="HJ36" s="117">
        <v>0</v>
      </c>
      <c r="HK36" s="117">
        <v>0</v>
      </c>
      <c r="HL36" s="116">
        <v>168920</v>
      </c>
      <c r="HM36" s="112">
        <v>168920</v>
      </c>
      <c r="HN36" s="367"/>
      <c r="HO36" s="368"/>
      <c r="HP36" s="369"/>
      <c r="HQ36" s="370"/>
      <c r="HR36" s="368"/>
      <c r="HS36" s="368"/>
      <c r="HT36" s="368"/>
      <c r="HU36" s="368"/>
      <c r="HV36" s="368"/>
      <c r="HW36" s="371"/>
      <c r="HX36" s="372"/>
      <c r="HY36" s="168">
        <v>0</v>
      </c>
      <c r="HZ36" s="153">
        <v>0</v>
      </c>
      <c r="IA36" s="168">
        <v>0</v>
      </c>
      <c r="IB36" s="152">
        <v>0</v>
      </c>
      <c r="IC36" s="153">
        <v>28326</v>
      </c>
      <c r="ID36" s="154">
        <v>688277</v>
      </c>
      <c r="IE36" s="155">
        <v>122472</v>
      </c>
      <c r="IF36" s="153">
        <v>247318</v>
      </c>
      <c r="IG36" s="155">
        <v>0</v>
      </c>
      <c r="IH36" s="156">
        <v>1086393</v>
      </c>
      <c r="II36" s="168">
        <v>1086393</v>
      </c>
      <c r="IJ36" s="262">
        <v>0</v>
      </c>
      <c r="IK36" s="269">
        <v>0</v>
      </c>
      <c r="IL36" s="270">
        <v>0</v>
      </c>
      <c r="IM36" s="158"/>
      <c r="IN36" s="123">
        <v>0</v>
      </c>
      <c r="IO36" s="123">
        <v>0</v>
      </c>
      <c r="IP36" s="123">
        <v>0</v>
      </c>
      <c r="IQ36" s="123">
        <v>0</v>
      </c>
      <c r="IR36" s="123">
        <v>0</v>
      </c>
      <c r="IS36" s="159">
        <v>0</v>
      </c>
      <c r="IT36" s="354">
        <v>0</v>
      </c>
      <c r="IU36" s="160">
        <v>0</v>
      </c>
      <c r="IV36" s="123">
        <v>0</v>
      </c>
      <c r="IW36" s="124">
        <v>0</v>
      </c>
      <c r="IX36" s="162"/>
      <c r="IY36" s="123">
        <v>0</v>
      </c>
      <c r="IZ36" s="123">
        <v>0</v>
      </c>
      <c r="JA36" s="123">
        <v>0</v>
      </c>
      <c r="JB36" s="123">
        <v>0</v>
      </c>
      <c r="JC36" s="123">
        <v>0</v>
      </c>
      <c r="JD36" s="124">
        <v>0</v>
      </c>
      <c r="JE36" s="125">
        <v>0</v>
      </c>
      <c r="JF36" s="160">
        <v>0</v>
      </c>
      <c r="JG36" s="123">
        <v>0</v>
      </c>
      <c r="JH36" s="159">
        <v>0</v>
      </c>
      <c r="JI36" s="122">
        <v>0</v>
      </c>
      <c r="JJ36" s="123">
        <v>28326</v>
      </c>
      <c r="JK36" s="123">
        <v>16783</v>
      </c>
      <c r="JL36" s="123">
        <v>0</v>
      </c>
      <c r="JM36" s="123">
        <v>0</v>
      </c>
      <c r="JN36" s="123">
        <v>0</v>
      </c>
      <c r="JO36" s="124">
        <v>45109</v>
      </c>
      <c r="JP36" s="354">
        <v>45109</v>
      </c>
      <c r="JQ36" s="160">
        <v>0</v>
      </c>
      <c r="JR36" s="123">
        <v>0</v>
      </c>
      <c r="JS36" s="159">
        <v>0</v>
      </c>
      <c r="JT36" s="122">
        <v>0</v>
      </c>
      <c r="JU36" s="123">
        <v>0</v>
      </c>
      <c r="JV36" s="123">
        <v>0</v>
      </c>
      <c r="JW36" s="123">
        <v>122472</v>
      </c>
      <c r="JX36" s="123">
        <v>0</v>
      </c>
      <c r="JY36" s="123">
        <v>0</v>
      </c>
      <c r="JZ36" s="124">
        <v>122472</v>
      </c>
      <c r="KA36" s="354">
        <v>122472</v>
      </c>
      <c r="KB36" s="265">
        <v>0</v>
      </c>
      <c r="KC36" s="259">
        <v>0</v>
      </c>
      <c r="KD36" s="124">
        <v>0</v>
      </c>
      <c r="KE36" s="122">
        <v>0</v>
      </c>
      <c r="KF36" s="123">
        <v>0</v>
      </c>
      <c r="KG36" s="123">
        <v>179008</v>
      </c>
      <c r="KH36" s="123">
        <v>0</v>
      </c>
      <c r="KI36" s="123">
        <v>0</v>
      </c>
      <c r="KJ36" s="123">
        <v>0</v>
      </c>
      <c r="KK36" s="124">
        <v>179008</v>
      </c>
      <c r="KL36" s="161">
        <v>179008</v>
      </c>
      <c r="KM36" s="262">
        <v>0</v>
      </c>
      <c r="KN36" s="269">
        <v>0</v>
      </c>
      <c r="KO36" s="270">
        <v>0</v>
      </c>
      <c r="KP36" s="158"/>
      <c r="KQ36" s="123">
        <v>0</v>
      </c>
      <c r="KR36" s="123">
        <v>492486</v>
      </c>
      <c r="KS36" s="123">
        <v>0</v>
      </c>
      <c r="KT36" s="123">
        <v>247318</v>
      </c>
      <c r="KU36" s="123">
        <v>0</v>
      </c>
      <c r="KV36" s="124">
        <v>739804</v>
      </c>
      <c r="KW36" s="354">
        <v>739804</v>
      </c>
      <c r="KX36" s="160">
        <v>0</v>
      </c>
      <c r="KY36" s="123">
        <v>0</v>
      </c>
      <c r="KZ36" s="124">
        <v>0</v>
      </c>
      <c r="LA36" s="163"/>
      <c r="LB36" s="123">
        <v>0</v>
      </c>
      <c r="LC36" s="123">
        <v>0</v>
      </c>
      <c r="LD36" s="123">
        <v>0</v>
      </c>
      <c r="LE36" s="123">
        <v>0</v>
      </c>
      <c r="LF36" s="123">
        <v>0</v>
      </c>
      <c r="LG36" s="124">
        <v>0</v>
      </c>
      <c r="LH36" s="125">
        <v>0</v>
      </c>
      <c r="LI36" s="160">
        <v>0</v>
      </c>
      <c r="LJ36" s="123">
        <v>0</v>
      </c>
      <c r="LK36" s="124">
        <v>0</v>
      </c>
      <c r="LL36" s="163"/>
      <c r="LM36" s="123">
        <v>0</v>
      </c>
      <c r="LN36" s="123">
        <v>0</v>
      </c>
      <c r="LO36" s="123">
        <v>0</v>
      </c>
      <c r="LP36" s="123">
        <v>0</v>
      </c>
      <c r="LQ36" s="123">
        <v>0</v>
      </c>
      <c r="LR36" s="124">
        <v>0</v>
      </c>
      <c r="LS36" s="354">
        <v>0</v>
      </c>
      <c r="LT36" s="160">
        <v>0</v>
      </c>
      <c r="LU36" s="123">
        <v>0</v>
      </c>
      <c r="LV36" s="124">
        <v>0</v>
      </c>
      <c r="LW36" s="163"/>
      <c r="LX36" s="123">
        <v>0</v>
      </c>
      <c r="LY36" s="123">
        <v>0</v>
      </c>
      <c r="LZ36" s="123">
        <v>0</v>
      </c>
      <c r="MA36" s="123">
        <v>0</v>
      </c>
      <c r="MB36" s="123">
        <v>0</v>
      </c>
      <c r="MC36" s="124">
        <v>0</v>
      </c>
      <c r="MD36" s="125">
        <v>0</v>
      </c>
      <c r="ME36" s="160">
        <v>0</v>
      </c>
      <c r="MF36" s="123">
        <v>0</v>
      </c>
      <c r="MG36" s="124">
        <v>0</v>
      </c>
      <c r="MH36" s="163"/>
      <c r="MI36" s="123">
        <v>0</v>
      </c>
      <c r="MJ36" s="123">
        <v>399480</v>
      </c>
      <c r="MK36" s="123">
        <v>251696</v>
      </c>
      <c r="ML36" s="123">
        <v>299496</v>
      </c>
      <c r="MM36" s="123">
        <v>0</v>
      </c>
      <c r="MN36" s="124">
        <v>950672</v>
      </c>
      <c r="MO36" s="161">
        <v>950672</v>
      </c>
      <c r="MP36" s="160">
        <v>0</v>
      </c>
      <c r="MQ36" s="123">
        <v>0</v>
      </c>
      <c r="MR36" s="124">
        <v>0</v>
      </c>
      <c r="MS36" s="163"/>
      <c r="MT36" s="123">
        <v>0</v>
      </c>
      <c r="MU36" s="123">
        <v>0</v>
      </c>
      <c r="MV36" s="123">
        <v>251696</v>
      </c>
      <c r="MW36" s="123">
        <v>0</v>
      </c>
      <c r="MX36" s="123">
        <v>0</v>
      </c>
      <c r="MY36" s="124">
        <v>251696</v>
      </c>
      <c r="MZ36" s="161">
        <v>251696</v>
      </c>
      <c r="NA36" s="160">
        <v>0</v>
      </c>
      <c r="NB36" s="123">
        <v>0</v>
      </c>
      <c r="NC36" s="124">
        <v>0</v>
      </c>
      <c r="ND36" s="163"/>
      <c r="NE36" s="123">
        <v>0</v>
      </c>
      <c r="NF36" s="123">
        <v>399480</v>
      </c>
      <c r="NG36" s="123">
        <v>0</v>
      </c>
      <c r="NH36" s="123">
        <v>299496</v>
      </c>
      <c r="NI36" s="123">
        <v>0</v>
      </c>
      <c r="NJ36" s="124">
        <v>698976</v>
      </c>
      <c r="NK36" s="354">
        <v>698976</v>
      </c>
      <c r="NL36" s="160">
        <v>0</v>
      </c>
      <c r="NM36" s="123">
        <v>0</v>
      </c>
      <c r="NN36" s="124">
        <v>0</v>
      </c>
      <c r="NO36" s="163"/>
      <c r="NP36" s="123">
        <v>0</v>
      </c>
      <c r="NQ36" s="123">
        <v>0</v>
      </c>
      <c r="NR36" s="123">
        <v>0</v>
      </c>
      <c r="NS36" s="123">
        <v>0</v>
      </c>
      <c r="NT36" s="123">
        <v>0</v>
      </c>
      <c r="NU36" s="124">
        <v>0</v>
      </c>
      <c r="NV36" s="125">
        <v>0</v>
      </c>
      <c r="NW36" s="160">
        <v>0</v>
      </c>
      <c r="NX36" s="123">
        <v>0</v>
      </c>
      <c r="NY36" s="124">
        <v>0</v>
      </c>
      <c r="NZ36" s="163"/>
      <c r="OA36" s="123">
        <v>0</v>
      </c>
      <c r="OB36" s="123">
        <v>0</v>
      </c>
      <c r="OC36" s="123">
        <v>0</v>
      </c>
      <c r="OD36" s="123">
        <v>0</v>
      </c>
      <c r="OE36" s="123">
        <v>0</v>
      </c>
      <c r="OF36" s="124">
        <v>0</v>
      </c>
      <c r="OG36" s="125">
        <v>0</v>
      </c>
      <c r="OH36" s="160">
        <v>109024</v>
      </c>
      <c r="OI36" s="123">
        <v>8512</v>
      </c>
      <c r="OJ36" s="159">
        <v>117536</v>
      </c>
      <c r="OK36" s="122">
        <v>0</v>
      </c>
      <c r="OL36" s="123">
        <v>370202</v>
      </c>
      <c r="OM36" s="123">
        <v>2078573</v>
      </c>
      <c r="ON36" s="123">
        <v>719470</v>
      </c>
      <c r="OO36" s="123">
        <v>546814</v>
      </c>
      <c r="OP36" s="123">
        <v>0</v>
      </c>
      <c r="OQ36" s="124">
        <v>3715059</v>
      </c>
      <c r="OR36" s="161">
        <v>3832595</v>
      </c>
    </row>
    <row r="37" spans="1:408" ht="20.25" customHeight="1" x14ac:dyDescent="0.2">
      <c r="A37" s="130" t="s">
        <v>32</v>
      </c>
      <c r="B37" s="113">
        <v>0</v>
      </c>
      <c r="C37" s="117">
        <v>24560</v>
      </c>
      <c r="D37" s="202">
        <v>24560</v>
      </c>
      <c r="E37" s="203">
        <v>0</v>
      </c>
      <c r="F37" s="204">
        <v>433292</v>
      </c>
      <c r="G37" s="204">
        <v>427946</v>
      </c>
      <c r="H37" s="204">
        <v>329450</v>
      </c>
      <c r="I37" s="204">
        <v>839496</v>
      </c>
      <c r="J37" s="204">
        <v>256264</v>
      </c>
      <c r="K37" s="205">
        <v>2286448</v>
      </c>
      <c r="L37" s="119">
        <v>2311008</v>
      </c>
      <c r="M37" s="113">
        <v>0</v>
      </c>
      <c r="N37" s="117">
        <v>17360</v>
      </c>
      <c r="O37" s="116">
        <v>17360</v>
      </c>
      <c r="P37" s="113">
        <v>0</v>
      </c>
      <c r="Q37" s="117">
        <v>90072</v>
      </c>
      <c r="R37" s="117">
        <v>191546</v>
      </c>
      <c r="S37" s="117">
        <v>155781</v>
      </c>
      <c r="T37" s="117">
        <v>393664</v>
      </c>
      <c r="U37" s="117">
        <v>61920</v>
      </c>
      <c r="V37" s="116">
        <v>892983</v>
      </c>
      <c r="W37" s="119">
        <v>910343</v>
      </c>
      <c r="X37" s="113">
        <v>0</v>
      </c>
      <c r="Y37" s="117">
        <v>0</v>
      </c>
      <c r="Z37" s="116">
        <v>0</v>
      </c>
      <c r="AA37" s="113">
        <v>0</v>
      </c>
      <c r="AB37" s="117">
        <v>7936</v>
      </c>
      <c r="AC37" s="117">
        <v>71474</v>
      </c>
      <c r="AD37" s="117">
        <v>73011</v>
      </c>
      <c r="AE37" s="117">
        <v>322624</v>
      </c>
      <c r="AF37" s="117">
        <v>0</v>
      </c>
      <c r="AG37" s="116">
        <v>475045</v>
      </c>
      <c r="AH37" s="119">
        <v>475045</v>
      </c>
      <c r="AI37" s="113">
        <v>0</v>
      </c>
      <c r="AJ37" s="117">
        <v>0</v>
      </c>
      <c r="AK37" s="116">
        <v>0</v>
      </c>
      <c r="AL37" s="113">
        <v>0</v>
      </c>
      <c r="AM37" s="117">
        <v>0</v>
      </c>
      <c r="AN37" s="117">
        <v>0</v>
      </c>
      <c r="AO37" s="117">
        <v>24332</v>
      </c>
      <c r="AP37" s="117">
        <v>0</v>
      </c>
      <c r="AQ37" s="117">
        <v>0</v>
      </c>
      <c r="AR37" s="116">
        <v>24332</v>
      </c>
      <c r="AS37" s="119">
        <v>24332</v>
      </c>
      <c r="AT37" s="113">
        <v>0</v>
      </c>
      <c r="AU37" s="117">
        <v>17360</v>
      </c>
      <c r="AV37" s="116">
        <v>17360</v>
      </c>
      <c r="AW37" s="113">
        <v>0</v>
      </c>
      <c r="AX37" s="117">
        <v>82136</v>
      </c>
      <c r="AY37" s="117">
        <v>101696</v>
      </c>
      <c r="AZ37" s="117">
        <v>36054</v>
      </c>
      <c r="BA37" s="117">
        <v>0</v>
      </c>
      <c r="BB37" s="117">
        <v>61920</v>
      </c>
      <c r="BC37" s="116">
        <v>281806</v>
      </c>
      <c r="BD37" s="119">
        <v>299166</v>
      </c>
      <c r="BE37" s="113">
        <v>0</v>
      </c>
      <c r="BF37" s="117">
        <v>0</v>
      </c>
      <c r="BG37" s="115">
        <v>0</v>
      </c>
      <c r="BH37" s="114">
        <v>0</v>
      </c>
      <c r="BI37" s="117">
        <v>0</v>
      </c>
      <c r="BJ37" s="117">
        <v>0</v>
      </c>
      <c r="BK37" s="117">
        <v>0</v>
      </c>
      <c r="BL37" s="117">
        <v>0</v>
      </c>
      <c r="BM37" s="117">
        <v>0</v>
      </c>
      <c r="BN37" s="116">
        <v>0</v>
      </c>
      <c r="BO37" s="119">
        <v>0</v>
      </c>
      <c r="BP37" s="113">
        <v>0</v>
      </c>
      <c r="BQ37" s="117">
        <v>0</v>
      </c>
      <c r="BR37" s="116">
        <v>0</v>
      </c>
      <c r="BS37" s="113">
        <v>0</v>
      </c>
      <c r="BT37" s="117">
        <v>0</v>
      </c>
      <c r="BU37" s="117">
        <v>18376</v>
      </c>
      <c r="BV37" s="117">
        <v>22384</v>
      </c>
      <c r="BW37" s="117">
        <v>71040</v>
      </c>
      <c r="BX37" s="117">
        <v>0</v>
      </c>
      <c r="BY37" s="116">
        <v>111800</v>
      </c>
      <c r="BZ37" s="119">
        <v>111800</v>
      </c>
      <c r="CA37" s="113">
        <v>0</v>
      </c>
      <c r="CB37" s="117">
        <v>0</v>
      </c>
      <c r="CC37" s="116">
        <v>0</v>
      </c>
      <c r="CD37" s="113">
        <v>0</v>
      </c>
      <c r="CE37" s="117">
        <v>302252</v>
      </c>
      <c r="CF37" s="117">
        <v>11896</v>
      </c>
      <c r="CG37" s="117">
        <v>63952</v>
      </c>
      <c r="CH37" s="117">
        <v>0</v>
      </c>
      <c r="CI37" s="117">
        <v>153784</v>
      </c>
      <c r="CJ37" s="116">
        <v>531884</v>
      </c>
      <c r="CK37" s="119">
        <v>531884</v>
      </c>
      <c r="CL37" s="113">
        <v>0</v>
      </c>
      <c r="CM37" s="117">
        <v>0</v>
      </c>
      <c r="CN37" s="116">
        <v>0</v>
      </c>
      <c r="CO37" s="114">
        <v>0</v>
      </c>
      <c r="CP37" s="117">
        <v>168984</v>
      </c>
      <c r="CQ37" s="117">
        <v>11896</v>
      </c>
      <c r="CR37" s="117">
        <v>63952</v>
      </c>
      <c r="CS37" s="117">
        <v>0</v>
      </c>
      <c r="CT37" s="117">
        <v>0</v>
      </c>
      <c r="CU37" s="116">
        <v>244832</v>
      </c>
      <c r="CV37" s="119">
        <v>244832</v>
      </c>
      <c r="CW37" s="113">
        <v>0</v>
      </c>
      <c r="CX37" s="117">
        <v>0</v>
      </c>
      <c r="CY37" s="116">
        <v>0</v>
      </c>
      <c r="CZ37" s="113">
        <v>0</v>
      </c>
      <c r="DA37" s="117">
        <v>133268</v>
      </c>
      <c r="DB37" s="117">
        <v>0</v>
      </c>
      <c r="DC37" s="117">
        <v>0</v>
      </c>
      <c r="DD37" s="117">
        <v>0</v>
      </c>
      <c r="DE37" s="117">
        <v>153784</v>
      </c>
      <c r="DF37" s="116">
        <v>287052</v>
      </c>
      <c r="DG37" s="119">
        <v>287052</v>
      </c>
      <c r="DH37" s="113">
        <v>0</v>
      </c>
      <c r="DI37" s="117">
        <v>0</v>
      </c>
      <c r="DJ37" s="115">
        <v>0</v>
      </c>
      <c r="DK37" s="114">
        <v>0</v>
      </c>
      <c r="DL37" s="117">
        <v>21608</v>
      </c>
      <c r="DM37" s="117">
        <v>0</v>
      </c>
      <c r="DN37" s="117">
        <v>54749</v>
      </c>
      <c r="DO37" s="117">
        <v>0</v>
      </c>
      <c r="DP37" s="117">
        <v>0</v>
      </c>
      <c r="DQ37" s="116">
        <v>76357</v>
      </c>
      <c r="DR37" s="119">
        <v>76357</v>
      </c>
      <c r="DS37" s="113">
        <v>0</v>
      </c>
      <c r="DT37" s="117">
        <v>0</v>
      </c>
      <c r="DU37" s="116">
        <v>0</v>
      </c>
      <c r="DV37" s="113">
        <v>0</v>
      </c>
      <c r="DW37" s="117">
        <v>21608</v>
      </c>
      <c r="DX37" s="117">
        <v>0</v>
      </c>
      <c r="DY37" s="117">
        <v>54749</v>
      </c>
      <c r="DZ37" s="117">
        <v>0</v>
      </c>
      <c r="EA37" s="117">
        <v>0</v>
      </c>
      <c r="EB37" s="116">
        <v>76357</v>
      </c>
      <c r="EC37" s="119">
        <v>76357</v>
      </c>
      <c r="ED37" s="113">
        <v>0</v>
      </c>
      <c r="EE37" s="115">
        <v>0</v>
      </c>
      <c r="EF37" s="116">
        <v>0</v>
      </c>
      <c r="EG37" s="113">
        <v>0</v>
      </c>
      <c r="EH37" s="117">
        <v>0</v>
      </c>
      <c r="EI37" s="117">
        <v>0</v>
      </c>
      <c r="EJ37" s="117">
        <v>0</v>
      </c>
      <c r="EK37" s="117">
        <v>0</v>
      </c>
      <c r="EL37" s="117">
        <v>0</v>
      </c>
      <c r="EM37" s="115">
        <v>0</v>
      </c>
      <c r="EN37" s="119">
        <v>0</v>
      </c>
      <c r="EO37" s="113">
        <v>0</v>
      </c>
      <c r="EP37" s="117">
        <v>0</v>
      </c>
      <c r="EQ37" s="115">
        <v>0</v>
      </c>
      <c r="ER37" s="114">
        <v>0</v>
      </c>
      <c r="ES37" s="117">
        <v>0</v>
      </c>
      <c r="ET37" s="117">
        <v>0</v>
      </c>
      <c r="EU37" s="117">
        <v>0</v>
      </c>
      <c r="EV37" s="117">
        <v>0</v>
      </c>
      <c r="EW37" s="117">
        <v>0</v>
      </c>
      <c r="EX37" s="116">
        <v>0</v>
      </c>
      <c r="EY37" s="119">
        <v>0</v>
      </c>
      <c r="EZ37" s="113">
        <v>0</v>
      </c>
      <c r="FA37" s="117">
        <v>0</v>
      </c>
      <c r="FB37" s="115">
        <v>0</v>
      </c>
      <c r="FC37" s="387"/>
      <c r="FD37" s="117">
        <v>0</v>
      </c>
      <c r="FE37" s="117">
        <v>0</v>
      </c>
      <c r="FF37" s="117">
        <v>0</v>
      </c>
      <c r="FG37" s="117">
        <v>0</v>
      </c>
      <c r="FH37" s="117">
        <v>0</v>
      </c>
      <c r="FI37" s="116">
        <v>0</v>
      </c>
      <c r="FJ37" s="119">
        <v>0</v>
      </c>
      <c r="FK37" s="113">
        <v>0</v>
      </c>
      <c r="FL37" s="117">
        <v>7200</v>
      </c>
      <c r="FM37" s="116">
        <v>7200</v>
      </c>
      <c r="FN37" s="113">
        <v>0</v>
      </c>
      <c r="FO37" s="117">
        <v>19360</v>
      </c>
      <c r="FP37" s="117">
        <v>55584</v>
      </c>
      <c r="FQ37" s="117">
        <v>54968</v>
      </c>
      <c r="FR37" s="117">
        <v>36144</v>
      </c>
      <c r="FS37" s="117">
        <v>40560</v>
      </c>
      <c r="FT37" s="116">
        <v>206616</v>
      </c>
      <c r="FU37" s="119">
        <v>213816</v>
      </c>
      <c r="FV37" s="118">
        <v>0</v>
      </c>
      <c r="FW37" s="117">
        <v>7200</v>
      </c>
      <c r="FX37" s="115">
        <v>7200</v>
      </c>
      <c r="FY37" s="114">
        <v>0</v>
      </c>
      <c r="FZ37" s="117">
        <v>19360</v>
      </c>
      <c r="GA37" s="117">
        <v>55584</v>
      </c>
      <c r="GB37" s="117">
        <v>54968</v>
      </c>
      <c r="GC37" s="117">
        <v>36144</v>
      </c>
      <c r="GD37" s="117">
        <v>40560</v>
      </c>
      <c r="GE37" s="116">
        <v>206616</v>
      </c>
      <c r="GF37" s="351">
        <v>213816</v>
      </c>
      <c r="GG37" s="118">
        <v>0</v>
      </c>
      <c r="GH37" s="117">
        <v>0</v>
      </c>
      <c r="GI37" s="115">
        <v>0</v>
      </c>
      <c r="GJ37" s="114">
        <v>0</v>
      </c>
      <c r="GK37" s="117">
        <v>0</v>
      </c>
      <c r="GL37" s="117">
        <v>0</v>
      </c>
      <c r="GM37" s="117">
        <v>0</v>
      </c>
      <c r="GN37" s="117">
        <v>0</v>
      </c>
      <c r="GO37" s="117">
        <v>0</v>
      </c>
      <c r="GP37" s="116">
        <v>0</v>
      </c>
      <c r="GQ37" s="119">
        <v>0</v>
      </c>
      <c r="GR37" s="113">
        <v>0</v>
      </c>
      <c r="GS37" s="117">
        <v>0</v>
      </c>
      <c r="GT37" s="116">
        <v>0</v>
      </c>
      <c r="GU37" s="113">
        <v>0</v>
      </c>
      <c r="GV37" s="117">
        <v>0</v>
      </c>
      <c r="GW37" s="117">
        <v>0</v>
      </c>
      <c r="GX37" s="117">
        <v>0</v>
      </c>
      <c r="GY37" s="117">
        <v>0</v>
      </c>
      <c r="GZ37" s="117">
        <v>0</v>
      </c>
      <c r="HA37" s="115">
        <v>0</v>
      </c>
      <c r="HB37" s="119">
        <v>0</v>
      </c>
      <c r="HC37" s="113">
        <v>0</v>
      </c>
      <c r="HD37" s="117">
        <v>0</v>
      </c>
      <c r="HE37" s="115">
        <v>0</v>
      </c>
      <c r="HF37" s="114">
        <v>0</v>
      </c>
      <c r="HG37" s="117">
        <v>0</v>
      </c>
      <c r="HH37" s="117">
        <v>168920</v>
      </c>
      <c r="HI37" s="117">
        <v>0</v>
      </c>
      <c r="HJ37" s="117">
        <v>409688</v>
      </c>
      <c r="HK37" s="117">
        <v>0</v>
      </c>
      <c r="HL37" s="116">
        <v>578608</v>
      </c>
      <c r="HM37" s="112">
        <v>578608</v>
      </c>
      <c r="HN37" s="367"/>
      <c r="HO37" s="368"/>
      <c r="HP37" s="369"/>
      <c r="HQ37" s="370"/>
      <c r="HR37" s="368"/>
      <c r="HS37" s="368"/>
      <c r="HT37" s="368"/>
      <c r="HU37" s="368"/>
      <c r="HV37" s="368"/>
      <c r="HW37" s="371"/>
      <c r="HX37" s="372"/>
      <c r="HY37" s="149">
        <v>0</v>
      </c>
      <c r="HZ37" s="150">
        <v>0</v>
      </c>
      <c r="IA37" s="151">
        <v>0</v>
      </c>
      <c r="IB37" s="164">
        <v>0</v>
      </c>
      <c r="IC37" s="150">
        <v>171064</v>
      </c>
      <c r="ID37" s="165">
        <v>368776</v>
      </c>
      <c r="IE37" s="151">
        <v>429960</v>
      </c>
      <c r="IF37" s="150">
        <v>160828</v>
      </c>
      <c r="IG37" s="151">
        <v>0</v>
      </c>
      <c r="IH37" s="166">
        <v>1130628</v>
      </c>
      <c r="II37" s="157">
        <v>1130628</v>
      </c>
      <c r="IJ37" s="262">
        <v>0</v>
      </c>
      <c r="IK37" s="269">
        <v>0</v>
      </c>
      <c r="IL37" s="270">
        <v>0</v>
      </c>
      <c r="IM37" s="158"/>
      <c r="IN37" s="123">
        <v>0</v>
      </c>
      <c r="IO37" s="123">
        <v>67520</v>
      </c>
      <c r="IP37" s="123">
        <v>0</v>
      </c>
      <c r="IQ37" s="123">
        <v>0</v>
      </c>
      <c r="IR37" s="123">
        <v>0</v>
      </c>
      <c r="IS37" s="159">
        <v>67520</v>
      </c>
      <c r="IT37" s="354">
        <v>67520</v>
      </c>
      <c r="IU37" s="160">
        <v>0</v>
      </c>
      <c r="IV37" s="123">
        <v>0</v>
      </c>
      <c r="IW37" s="124">
        <v>0</v>
      </c>
      <c r="IX37" s="162"/>
      <c r="IY37" s="123">
        <v>0</v>
      </c>
      <c r="IZ37" s="123">
        <v>0</v>
      </c>
      <c r="JA37" s="123">
        <v>0</v>
      </c>
      <c r="JB37" s="123">
        <v>0</v>
      </c>
      <c r="JC37" s="123">
        <v>0</v>
      </c>
      <c r="JD37" s="124">
        <v>0</v>
      </c>
      <c r="JE37" s="125">
        <v>0</v>
      </c>
      <c r="JF37" s="160">
        <v>0</v>
      </c>
      <c r="JG37" s="123">
        <v>0</v>
      </c>
      <c r="JH37" s="159">
        <v>0</v>
      </c>
      <c r="JI37" s="122">
        <v>0</v>
      </c>
      <c r="JJ37" s="123">
        <v>106200</v>
      </c>
      <c r="JK37" s="123">
        <v>61088</v>
      </c>
      <c r="JL37" s="123">
        <v>115280</v>
      </c>
      <c r="JM37" s="123">
        <v>160828</v>
      </c>
      <c r="JN37" s="123">
        <v>0</v>
      </c>
      <c r="JO37" s="124">
        <v>443396</v>
      </c>
      <c r="JP37" s="354">
        <v>443396</v>
      </c>
      <c r="JQ37" s="160">
        <v>0</v>
      </c>
      <c r="JR37" s="123">
        <v>0</v>
      </c>
      <c r="JS37" s="159">
        <v>0</v>
      </c>
      <c r="JT37" s="122">
        <v>0</v>
      </c>
      <c r="JU37" s="123">
        <v>64864</v>
      </c>
      <c r="JV37" s="123">
        <v>0</v>
      </c>
      <c r="JW37" s="123">
        <v>0</v>
      </c>
      <c r="JX37" s="123">
        <v>0</v>
      </c>
      <c r="JY37" s="123">
        <v>0</v>
      </c>
      <c r="JZ37" s="124">
        <v>64864</v>
      </c>
      <c r="KA37" s="354">
        <v>64864</v>
      </c>
      <c r="KB37" s="265">
        <v>0</v>
      </c>
      <c r="KC37" s="259">
        <v>0</v>
      </c>
      <c r="KD37" s="124">
        <v>0</v>
      </c>
      <c r="KE37" s="122">
        <v>0</v>
      </c>
      <c r="KF37" s="123">
        <v>0</v>
      </c>
      <c r="KG37" s="123">
        <v>0</v>
      </c>
      <c r="KH37" s="123">
        <v>0</v>
      </c>
      <c r="KI37" s="123">
        <v>0</v>
      </c>
      <c r="KJ37" s="123">
        <v>0</v>
      </c>
      <c r="KK37" s="124">
        <v>0</v>
      </c>
      <c r="KL37" s="161">
        <v>0</v>
      </c>
      <c r="KM37" s="262">
        <v>0</v>
      </c>
      <c r="KN37" s="269">
        <v>0</v>
      </c>
      <c r="KO37" s="270">
        <v>0</v>
      </c>
      <c r="KP37" s="158"/>
      <c r="KQ37" s="123">
        <v>0</v>
      </c>
      <c r="KR37" s="123">
        <v>240168</v>
      </c>
      <c r="KS37" s="123">
        <v>234200</v>
      </c>
      <c r="KT37" s="123">
        <v>0</v>
      </c>
      <c r="KU37" s="123">
        <v>0</v>
      </c>
      <c r="KV37" s="124">
        <v>474368</v>
      </c>
      <c r="KW37" s="354">
        <v>474368</v>
      </c>
      <c r="KX37" s="160">
        <v>0</v>
      </c>
      <c r="KY37" s="123">
        <v>0</v>
      </c>
      <c r="KZ37" s="124">
        <v>0</v>
      </c>
      <c r="LA37" s="163"/>
      <c r="LB37" s="123">
        <v>0</v>
      </c>
      <c r="LC37" s="123">
        <v>0</v>
      </c>
      <c r="LD37" s="123">
        <v>0</v>
      </c>
      <c r="LE37" s="123">
        <v>0</v>
      </c>
      <c r="LF37" s="123">
        <v>0</v>
      </c>
      <c r="LG37" s="124">
        <v>0</v>
      </c>
      <c r="LH37" s="125">
        <v>0</v>
      </c>
      <c r="LI37" s="160">
        <v>0</v>
      </c>
      <c r="LJ37" s="123">
        <v>0</v>
      </c>
      <c r="LK37" s="124">
        <v>0</v>
      </c>
      <c r="LL37" s="163"/>
      <c r="LM37" s="123">
        <v>0</v>
      </c>
      <c r="LN37" s="123">
        <v>0</v>
      </c>
      <c r="LO37" s="123">
        <v>80480</v>
      </c>
      <c r="LP37" s="123">
        <v>0</v>
      </c>
      <c r="LQ37" s="123">
        <v>0</v>
      </c>
      <c r="LR37" s="124">
        <v>80480</v>
      </c>
      <c r="LS37" s="354">
        <v>80480</v>
      </c>
      <c r="LT37" s="160">
        <v>0</v>
      </c>
      <c r="LU37" s="123">
        <v>0</v>
      </c>
      <c r="LV37" s="124">
        <v>0</v>
      </c>
      <c r="LW37" s="163"/>
      <c r="LX37" s="123">
        <v>0</v>
      </c>
      <c r="LY37" s="123">
        <v>0</v>
      </c>
      <c r="LZ37" s="123">
        <v>0</v>
      </c>
      <c r="MA37" s="123">
        <v>0</v>
      </c>
      <c r="MB37" s="123">
        <v>0</v>
      </c>
      <c r="MC37" s="124">
        <v>0</v>
      </c>
      <c r="MD37" s="125">
        <v>0</v>
      </c>
      <c r="ME37" s="160">
        <v>0</v>
      </c>
      <c r="MF37" s="123">
        <v>0</v>
      </c>
      <c r="MG37" s="124">
        <v>0</v>
      </c>
      <c r="MH37" s="163"/>
      <c r="MI37" s="123">
        <v>220736</v>
      </c>
      <c r="MJ37" s="123">
        <v>0</v>
      </c>
      <c r="MK37" s="123">
        <v>269300</v>
      </c>
      <c r="ML37" s="123">
        <v>506647</v>
      </c>
      <c r="MM37" s="123">
        <v>588981</v>
      </c>
      <c r="MN37" s="124">
        <v>1585664</v>
      </c>
      <c r="MO37" s="161">
        <v>1585664</v>
      </c>
      <c r="MP37" s="160">
        <v>0</v>
      </c>
      <c r="MQ37" s="123">
        <v>0</v>
      </c>
      <c r="MR37" s="124">
        <v>0</v>
      </c>
      <c r="MS37" s="163"/>
      <c r="MT37" s="123">
        <v>0</v>
      </c>
      <c r="MU37" s="123">
        <v>0</v>
      </c>
      <c r="MV37" s="123">
        <v>0</v>
      </c>
      <c r="MW37" s="123">
        <v>506647</v>
      </c>
      <c r="MX37" s="123">
        <v>277488</v>
      </c>
      <c r="MY37" s="124">
        <v>784135</v>
      </c>
      <c r="MZ37" s="161">
        <v>784135</v>
      </c>
      <c r="NA37" s="160">
        <v>0</v>
      </c>
      <c r="NB37" s="123">
        <v>0</v>
      </c>
      <c r="NC37" s="124">
        <v>0</v>
      </c>
      <c r="ND37" s="163"/>
      <c r="NE37" s="123">
        <v>220736</v>
      </c>
      <c r="NF37" s="123">
        <v>0</v>
      </c>
      <c r="NG37" s="123">
        <v>269300</v>
      </c>
      <c r="NH37" s="123">
        <v>0</v>
      </c>
      <c r="NI37" s="123">
        <v>311493</v>
      </c>
      <c r="NJ37" s="124">
        <v>801529</v>
      </c>
      <c r="NK37" s="354">
        <v>801529</v>
      </c>
      <c r="NL37" s="160">
        <v>0</v>
      </c>
      <c r="NM37" s="123">
        <v>0</v>
      </c>
      <c r="NN37" s="124">
        <v>0</v>
      </c>
      <c r="NO37" s="163"/>
      <c r="NP37" s="123">
        <v>0</v>
      </c>
      <c r="NQ37" s="123">
        <v>0</v>
      </c>
      <c r="NR37" s="123">
        <v>0</v>
      </c>
      <c r="NS37" s="123">
        <v>0</v>
      </c>
      <c r="NT37" s="123">
        <v>0</v>
      </c>
      <c r="NU37" s="124">
        <v>0</v>
      </c>
      <c r="NV37" s="125">
        <v>0</v>
      </c>
      <c r="NW37" s="160">
        <v>0</v>
      </c>
      <c r="NX37" s="123">
        <v>0</v>
      </c>
      <c r="NY37" s="124">
        <v>0</v>
      </c>
      <c r="NZ37" s="163"/>
      <c r="OA37" s="123">
        <v>0</v>
      </c>
      <c r="OB37" s="123">
        <v>0</v>
      </c>
      <c r="OC37" s="123">
        <v>0</v>
      </c>
      <c r="OD37" s="123">
        <v>0</v>
      </c>
      <c r="OE37" s="123">
        <v>0</v>
      </c>
      <c r="OF37" s="124">
        <v>0</v>
      </c>
      <c r="OG37" s="125">
        <v>0</v>
      </c>
      <c r="OH37" s="160">
        <v>0</v>
      </c>
      <c r="OI37" s="123">
        <v>24560</v>
      </c>
      <c r="OJ37" s="159">
        <v>24560</v>
      </c>
      <c r="OK37" s="122">
        <v>0</v>
      </c>
      <c r="OL37" s="123">
        <v>825092</v>
      </c>
      <c r="OM37" s="123">
        <v>796722</v>
      </c>
      <c r="ON37" s="123">
        <v>1028710</v>
      </c>
      <c r="OO37" s="123">
        <v>1506971</v>
      </c>
      <c r="OP37" s="123">
        <v>845245</v>
      </c>
      <c r="OQ37" s="124">
        <v>5002740</v>
      </c>
      <c r="OR37" s="161">
        <v>5027300</v>
      </c>
    </row>
    <row r="38" spans="1:408" ht="20.25" customHeight="1" x14ac:dyDescent="0.2">
      <c r="A38" s="130" t="s">
        <v>33</v>
      </c>
      <c r="B38" s="113">
        <v>55722</v>
      </c>
      <c r="C38" s="117">
        <v>62093</v>
      </c>
      <c r="D38" s="116">
        <v>117815</v>
      </c>
      <c r="E38" s="112">
        <v>0</v>
      </c>
      <c r="F38" s="117">
        <v>111360</v>
      </c>
      <c r="G38" s="117">
        <v>207002</v>
      </c>
      <c r="H38" s="117">
        <v>64744</v>
      </c>
      <c r="I38" s="117">
        <v>0</v>
      </c>
      <c r="J38" s="117">
        <v>621786</v>
      </c>
      <c r="K38" s="201">
        <v>1004892</v>
      </c>
      <c r="L38" s="119">
        <v>1122707</v>
      </c>
      <c r="M38" s="113">
        <v>31534</v>
      </c>
      <c r="N38" s="117">
        <v>62093</v>
      </c>
      <c r="O38" s="116">
        <v>93627</v>
      </c>
      <c r="P38" s="113">
        <v>0</v>
      </c>
      <c r="Q38" s="117">
        <v>21125</v>
      </c>
      <c r="R38" s="117">
        <v>8184</v>
      </c>
      <c r="S38" s="117">
        <v>45144</v>
      </c>
      <c r="T38" s="117">
        <v>0</v>
      </c>
      <c r="U38" s="117">
        <v>183175</v>
      </c>
      <c r="V38" s="116">
        <v>257628</v>
      </c>
      <c r="W38" s="119">
        <v>351255</v>
      </c>
      <c r="X38" s="113">
        <v>0</v>
      </c>
      <c r="Y38" s="117">
        <v>0</v>
      </c>
      <c r="Z38" s="116">
        <v>0</v>
      </c>
      <c r="AA38" s="113">
        <v>0</v>
      </c>
      <c r="AB38" s="117">
        <v>8085</v>
      </c>
      <c r="AC38" s="117">
        <v>0</v>
      </c>
      <c r="AD38" s="117">
        <v>0</v>
      </c>
      <c r="AE38" s="117">
        <v>0</v>
      </c>
      <c r="AF38" s="117">
        <v>148986</v>
      </c>
      <c r="AG38" s="116">
        <v>157071</v>
      </c>
      <c r="AH38" s="119">
        <v>157071</v>
      </c>
      <c r="AI38" s="113">
        <v>0</v>
      </c>
      <c r="AJ38" s="117">
        <v>0</v>
      </c>
      <c r="AK38" s="116">
        <v>0</v>
      </c>
      <c r="AL38" s="113">
        <v>0</v>
      </c>
      <c r="AM38" s="117">
        <v>0</v>
      </c>
      <c r="AN38" s="117">
        <v>0</v>
      </c>
      <c r="AO38" s="117">
        <v>0</v>
      </c>
      <c r="AP38" s="117">
        <v>0</v>
      </c>
      <c r="AQ38" s="117">
        <v>0</v>
      </c>
      <c r="AR38" s="116">
        <v>0</v>
      </c>
      <c r="AS38" s="119">
        <v>0</v>
      </c>
      <c r="AT38" s="113">
        <v>0</v>
      </c>
      <c r="AU38" s="117">
        <v>0</v>
      </c>
      <c r="AV38" s="116">
        <v>0</v>
      </c>
      <c r="AW38" s="113">
        <v>0</v>
      </c>
      <c r="AX38" s="117">
        <v>0</v>
      </c>
      <c r="AY38" s="117">
        <v>0</v>
      </c>
      <c r="AZ38" s="117">
        <v>45144</v>
      </c>
      <c r="BA38" s="117">
        <v>0</v>
      </c>
      <c r="BB38" s="117">
        <v>30045</v>
      </c>
      <c r="BC38" s="116">
        <v>75189</v>
      </c>
      <c r="BD38" s="119">
        <v>75189</v>
      </c>
      <c r="BE38" s="113">
        <v>31534</v>
      </c>
      <c r="BF38" s="117">
        <v>62093</v>
      </c>
      <c r="BG38" s="115">
        <v>93627</v>
      </c>
      <c r="BH38" s="114">
        <v>0</v>
      </c>
      <c r="BI38" s="117">
        <v>0</v>
      </c>
      <c r="BJ38" s="117">
        <v>0</v>
      </c>
      <c r="BK38" s="117">
        <v>0</v>
      </c>
      <c r="BL38" s="117">
        <v>0</v>
      </c>
      <c r="BM38" s="117">
        <v>0</v>
      </c>
      <c r="BN38" s="116">
        <v>0</v>
      </c>
      <c r="BO38" s="119">
        <v>93627</v>
      </c>
      <c r="BP38" s="113">
        <v>0</v>
      </c>
      <c r="BQ38" s="117">
        <v>0</v>
      </c>
      <c r="BR38" s="116">
        <v>0</v>
      </c>
      <c r="BS38" s="113">
        <v>0</v>
      </c>
      <c r="BT38" s="117">
        <v>13040</v>
      </c>
      <c r="BU38" s="117">
        <v>8184</v>
      </c>
      <c r="BV38" s="117">
        <v>0</v>
      </c>
      <c r="BW38" s="117">
        <v>0</v>
      </c>
      <c r="BX38" s="117">
        <v>4144</v>
      </c>
      <c r="BY38" s="116">
        <v>25368</v>
      </c>
      <c r="BZ38" s="119">
        <v>25368</v>
      </c>
      <c r="CA38" s="113">
        <v>21788</v>
      </c>
      <c r="CB38" s="117">
        <v>0</v>
      </c>
      <c r="CC38" s="116">
        <v>21788</v>
      </c>
      <c r="CD38" s="113">
        <v>0</v>
      </c>
      <c r="CE38" s="117">
        <v>30907</v>
      </c>
      <c r="CF38" s="117">
        <v>111014</v>
      </c>
      <c r="CG38" s="117">
        <v>0</v>
      </c>
      <c r="CH38" s="117">
        <v>0</v>
      </c>
      <c r="CI38" s="117">
        <v>0</v>
      </c>
      <c r="CJ38" s="116">
        <v>141921</v>
      </c>
      <c r="CK38" s="119">
        <v>163709</v>
      </c>
      <c r="CL38" s="113">
        <v>0</v>
      </c>
      <c r="CM38" s="117">
        <v>0</v>
      </c>
      <c r="CN38" s="116">
        <v>0</v>
      </c>
      <c r="CO38" s="114">
        <v>0</v>
      </c>
      <c r="CP38" s="117">
        <v>0</v>
      </c>
      <c r="CQ38" s="117">
        <v>0</v>
      </c>
      <c r="CR38" s="117">
        <v>0</v>
      </c>
      <c r="CS38" s="117">
        <v>0</v>
      </c>
      <c r="CT38" s="117">
        <v>0</v>
      </c>
      <c r="CU38" s="116">
        <v>0</v>
      </c>
      <c r="CV38" s="119">
        <v>0</v>
      </c>
      <c r="CW38" s="113">
        <v>21788</v>
      </c>
      <c r="CX38" s="117">
        <v>0</v>
      </c>
      <c r="CY38" s="116">
        <v>21788</v>
      </c>
      <c r="CZ38" s="113">
        <v>0</v>
      </c>
      <c r="DA38" s="117">
        <v>30907</v>
      </c>
      <c r="DB38" s="117">
        <v>111014</v>
      </c>
      <c r="DC38" s="117">
        <v>0</v>
      </c>
      <c r="DD38" s="117">
        <v>0</v>
      </c>
      <c r="DE38" s="117">
        <v>0</v>
      </c>
      <c r="DF38" s="116">
        <v>141921</v>
      </c>
      <c r="DG38" s="119">
        <v>163709</v>
      </c>
      <c r="DH38" s="113">
        <v>0</v>
      </c>
      <c r="DI38" s="117">
        <v>0</v>
      </c>
      <c r="DJ38" s="115">
        <v>0</v>
      </c>
      <c r="DK38" s="114">
        <v>0</v>
      </c>
      <c r="DL38" s="117">
        <v>37728</v>
      </c>
      <c r="DM38" s="117">
        <v>65820</v>
      </c>
      <c r="DN38" s="117">
        <v>0</v>
      </c>
      <c r="DO38" s="117">
        <v>0</v>
      </c>
      <c r="DP38" s="117">
        <v>0</v>
      </c>
      <c r="DQ38" s="116">
        <v>103548</v>
      </c>
      <c r="DR38" s="119">
        <v>103548</v>
      </c>
      <c r="DS38" s="113">
        <v>0</v>
      </c>
      <c r="DT38" s="117">
        <v>0</v>
      </c>
      <c r="DU38" s="116">
        <v>0</v>
      </c>
      <c r="DV38" s="113">
        <v>0</v>
      </c>
      <c r="DW38" s="117">
        <v>0</v>
      </c>
      <c r="DX38" s="117">
        <v>0</v>
      </c>
      <c r="DY38" s="117">
        <v>0</v>
      </c>
      <c r="DZ38" s="117">
        <v>0</v>
      </c>
      <c r="EA38" s="117">
        <v>0</v>
      </c>
      <c r="EB38" s="116">
        <v>0</v>
      </c>
      <c r="EC38" s="119">
        <v>0</v>
      </c>
      <c r="ED38" s="113">
        <v>0</v>
      </c>
      <c r="EE38" s="115">
        <v>0</v>
      </c>
      <c r="EF38" s="116">
        <v>0</v>
      </c>
      <c r="EG38" s="113">
        <v>0</v>
      </c>
      <c r="EH38" s="117">
        <v>37728</v>
      </c>
      <c r="EI38" s="117">
        <v>65820</v>
      </c>
      <c r="EJ38" s="117">
        <v>0</v>
      </c>
      <c r="EK38" s="117">
        <v>0</v>
      </c>
      <c r="EL38" s="117">
        <v>0</v>
      </c>
      <c r="EM38" s="115">
        <v>103548</v>
      </c>
      <c r="EN38" s="119">
        <v>103548</v>
      </c>
      <c r="EO38" s="113">
        <v>0</v>
      </c>
      <c r="EP38" s="117">
        <v>0</v>
      </c>
      <c r="EQ38" s="115">
        <v>0</v>
      </c>
      <c r="ER38" s="114">
        <v>0</v>
      </c>
      <c r="ES38" s="117">
        <v>0</v>
      </c>
      <c r="ET38" s="117">
        <v>0</v>
      </c>
      <c r="EU38" s="117">
        <v>0</v>
      </c>
      <c r="EV38" s="117">
        <v>0</v>
      </c>
      <c r="EW38" s="117">
        <v>0</v>
      </c>
      <c r="EX38" s="116">
        <v>0</v>
      </c>
      <c r="EY38" s="119">
        <v>0</v>
      </c>
      <c r="EZ38" s="113">
        <v>0</v>
      </c>
      <c r="FA38" s="117">
        <v>0</v>
      </c>
      <c r="FB38" s="115">
        <v>0</v>
      </c>
      <c r="FC38" s="387"/>
      <c r="FD38" s="117">
        <v>0</v>
      </c>
      <c r="FE38" s="117">
        <v>0</v>
      </c>
      <c r="FF38" s="117">
        <v>0</v>
      </c>
      <c r="FG38" s="117">
        <v>0</v>
      </c>
      <c r="FH38" s="117">
        <v>0</v>
      </c>
      <c r="FI38" s="116">
        <v>0</v>
      </c>
      <c r="FJ38" s="119">
        <v>0</v>
      </c>
      <c r="FK38" s="113">
        <v>2400</v>
      </c>
      <c r="FL38" s="117">
        <v>0</v>
      </c>
      <c r="FM38" s="116">
        <v>2400</v>
      </c>
      <c r="FN38" s="113">
        <v>0</v>
      </c>
      <c r="FO38" s="117">
        <v>21600</v>
      </c>
      <c r="FP38" s="117">
        <v>21984</v>
      </c>
      <c r="FQ38" s="117">
        <v>19600</v>
      </c>
      <c r="FR38" s="117">
        <v>0</v>
      </c>
      <c r="FS38" s="117">
        <v>14360</v>
      </c>
      <c r="FT38" s="116">
        <v>77544</v>
      </c>
      <c r="FU38" s="119">
        <v>79944</v>
      </c>
      <c r="FV38" s="118">
        <v>2400</v>
      </c>
      <c r="FW38" s="117">
        <v>0</v>
      </c>
      <c r="FX38" s="115">
        <v>2400</v>
      </c>
      <c r="FY38" s="114">
        <v>0</v>
      </c>
      <c r="FZ38" s="117">
        <v>21600</v>
      </c>
      <c r="GA38" s="117">
        <v>21984</v>
      </c>
      <c r="GB38" s="117">
        <v>19600</v>
      </c>
      <c r="GC38" s="117">
        <v>0</v>
      </c>
      <c r="GD38" s="117">
        <v>14360</v>
      </c>
      <c r="GE38" s="116">
        <v>77544</v>
      </c>
      <c r="GF38" s="351">
        <v>79944</v>
      </c>
      <c r="GG38" s="118">
        <v>0</v>
      </c>
      <c r="GH38" s="117">
        <v>0</v>
      </c>
      <c r="GI38" s="115">
        <v>0</v>
      </c>
      <c r="GJ38" s="114">
        <v>0</v>
      </c>
      <c r="GK38" s="117">
        <v>0</v>
      </c>
      <c r="GL38" s="117">
        <v>0</v>
      </c>
      <c r="GM38" s="117">
        <v>0</v>
      </c>
      <c r="GN38" s="117">
        <v>0</v>
      </c>
      <c r="GO38" s="117">
        <v>0</v>
      </c>
      <c r="GP38" s="116">
        <v>0</v>
      </c>
      <c r="GQ38" s="119">
        <v>0</v>
      </c>
      <c r="GR38" s="113">
        <v>0</v>
      </c>
      <c r="GS38" s="117">
        <v>0</v>
      </c>
      <c r="GT38" s="116">
        <v>0</v>
      </c>
      <c r="GU38" s="113">
        <v>0</v>
      </c>
      <c r="GV38" s="117">
        <v>0</v>
      </c>
      <c r="GW38" s="117">
        <v>0</v>
      </c>
      <c r="GX38" s="117">
        <v>0</v>
      </c>
      <c r="GY38" s="117">
        <v>0</v>
      </c>
      <c r="GZ38" s="117">
        <v>0</v>
      </c>
      <c r="HA38" s="115">
        <v>0</v>
      </c>
      <c r="HB38" s="119">
        <v>0</v>
      </c>
      <c r="HC38" s="113">
        <v>0</v>
      </c>
      <c r="HD38" s="117">
        <v>0</v>
      </c>
      <c r="HE38" s="115">
        <v>0</v>
      </c>
      <c r="HF38" s="114">
        <v>0</v>
      </c>
      <c r="HG38" s="117">
        <v>0</v>
      </c>
      <c r="HH38" s="117">
        <v>0</v>
      </c>
      <c r="HI38" s="117">
        <v>0</v>
      </c>
      <c r="HJ38" s="117">
        <v>0</v>
      </c>
      <c r="HK38" s="117">
        <v>424251</v>
      </c>
      <c r="HL38" s="116">
        <v>424251</v>
      </c>
      <c r="HM38" s="112">
        <v>424251</v>
      </c>
      <c r="HN38" s="367"/>
      <c r="HO38" s="368"/>
      <c r="HP38" s="369"/>
      <c r="HQ38" s="370"/>
      <c r="HR38" s="368"/>
      <c r="HS38" s="368"/>
      <c r="HT38" s="368"/>
      <c r="HU38" s="368"/>
      <c r="HV38" s="368"/>
      <c r="HW38" s="371"/>
      <c r="HX38" s="372"/>
      <c r="HY38" s="168">
        <v>0</v>
      </c>
      <c r="HZ38" s="153">
        <v>0</v>
      </c>
      <c r="IA38" s="168">
        <v>0</v>
      </c>
      <c r="IB38" s="164">
        <v>0</v>
      </c>
      <c r="IC38" s="150">
        <v>192423</v>
      </c>
      <c r="ID38" s="165">
        <v>-45814</v>
      </c>
      <c r="IE38" s="151">
        <v>242670</v>
      </c>
      <c r="IF38" s="150">
        <v>0</v>
      </c>
      <c r="IG38" s="151">
        <v>0</v>
      </c>
      <c r="IH38" s="166">
        <v>389279</v>
      </c>
      <c r="II38" s="168">
        <v>389279</v>
      </c>
      <c r="IJ38" s="262">
        <v>0</v>
      </c>
      <c r="IK38" s="269">
        <v>0</v>
      </c>
      <c r="IL38" s="270">
        <v>0</v>
      </c>
      <c r="IM38" s="158"/>
      <c r="IN38" s="123">
        <v>0</v>
      </c>
      <c r="IO38" s="123">
        <v>0</v>
      </c>
      <c r="IP38" s="123">
        <v>0</v>
      </c>
      <c r="IQ38" s="123">
        <v>0</v>
      </c>
      <c r="IR38" s="123">
        <v>0</v>
      </c>
      <c r="IS38" s="159">
        <v>0</v>
      </c>
      <c r="IT38" s="354">
        <v>0</v>
      </c>
      <c r="IU38" s="160">
        <v>0</v>
      </c>
      <c r="IV38" s="123">
        <v>0</v>
      </c>
      <c r="IW38" s="124">
        <v>0</v>
      </c>
      <c r="IX38" s="162"/>
      <c r="IY38" s="123">
        <v>0</v>
      </c>
      <c r="IZ38" s="123">
        <v>0</v>
      </c>
      <c r="JA38" s="123">
        <v>0</v>
      </c>
      <c r="JB38" s="123">
        <v>0</v>
      </c>
      <c r="JC38" s="123">
        <v>0</v>
      </c>
      <c r="JD38" s="124">
        <v>0</v>
      </c>
      <c r="JE38" s="125">
        <v>0</v>
      </c>
      <c r="JF38" s="160">
        <v>0</v>
      </c>
      <c r="JG38" s="123">
        <v>0</v>
      </c>
      <c r="JH38" s="159">
        <v>0</v>
      </c>
      <c r="JI38" s="122">
        <v>0</v>
      </c>
      <c r="JJ38" s="123">
        <v>46529</v>
      </c>
      <c r="JK38" s="123">
        <v>0</v>
      </c>
      <c r="JL38" s="123">
        <v>0</v>
      </c>
      <c r="JM38" s="123">
        <v>0</v>
      </c>
      <c r="JN38" s="123">
        <v>0</v>
      </c>
      <c r="JO38" s="124">
        <v>46529</v>
      </c>
      <c r="JP38" s="354">
        <v>46529</v>
      </c>
      <c r="JQ38" s="160">
        <v>0</v>
      </c>
      <c r="JR38" s="123">
        <v>0</v>
      </c>
      <c r="JS38" s="159">
        <v>0</v>
      </c>
      <c r="JT38" s="122">
        <v>0</v>
      </c>
      <c r="JU38" s="123">
        <v>0</v>
      </c>
      <c r="JV38" s="123">
        <v>0</v>
      </c>
      <c r="JW38" s="123">
        <v>0</v>
      </c>
      <c r="JX38" s="123">
        <v>0</v>
      </c>
      <c r="JY38" s="123">
        <v>0</v>
      </c>
      <c r="JZ38" s="124">
        <v>0</v>
      </c>
      <c r="KA38" s="354">
        <v>0</v>
      </c>
      <c r="KB38" s="265">
        <v>0</v>
      </c>
      <c r="KC38" s="259">
        <v>0</v>
      </c>
      <c r="KD38" s="124">
        <v>0</v>
      </c>
      <c r="KE38" s="122">
        <v>0</v>
      </c>
      <c r="KF38" s="123">
        <v>0</v>
      </c>
      <c r="KG38" s="123">
        <v>0</v>
      </c>
      <c r="KH38" s="123">
        <v>0</v>
      </c>
      <c r="KI38" s="123">
        <v>0</v>
      </c>
      <c r="KJ38" s="123">
        <v>0</v>
      </c>
      <c r="KK38" s="124">
        <v>0</v>
      </c>
      <c r="KL38" s="161">
        <v>0</v>
      </c>
      <c r="KM38" s="262">
        <v>0</v>
      </c>
      <c r="KN38" s="269">
        <v>0</v>
      </c>
      <c r="KO38" s="270">
        <v>0</v>
      </c>
      <c r="KP38" s="158"/>
      <c r="KQ38" s="123">
        <v>0</v>
      </c>
      <c r="KR38" s="123">
        <v>-233422</v>
      </c>
      <c r="KS38" s="123">
        <v>242670</v>
      </c>
      <c r="KT38" s="123">
        <v>0</v>
      </c>
      <c r="KU38" s="123">
        <v>0</v>
      </c>
      <c r="KV38" s="124">
        <v>9248</v>
      </c>
      <c r="KW38" s="354">
        <v>9248</v>
      </c>
      <c r="KX38" s="160">
        <v>0</v>
      </c>
      <c r="KY38" s="123">
        <v>0</v>
      </c>
      <c r="KZ38" s="124">
        <v>0</v>
      </c>
      <c r="LA38" s="163"/>
      <c r="LB38" s="123">
        <v>0</v>
      </c>
      <c r="LC38" s="123">
        <v>0</v>
      </c>
      <c r="LD38" s="123">
        <v>0</v>
      </c>
      <c r="LE38" s="123">
        <v>0</v>
      </c>
      <c r="LF38" s="123">
        <v>0</v>
      </c>
      <c r="LG38" s="124">
        <v>0</v>
      </c>
      <c r="LH38" s="125">
        <v>0</v>
      </c>
      <c r="LI38" s="160">
        <v>0</v>
      </c>
      <c r="LJ38" s="123">
        <v>0</v>
      </c>
      <c r="LK38" s="124">
        <v>0</v>
      </c>
      <c r="LL38" s="163"/>
      <c r="LM38" s="123">
        <v>0</v>
      </c>
      <c r="LN38" s="123">
        <v>0</v>
      </c>
      <c r="LO38" s="123">
        <v>0</v>
      </c>
      <c r="LP38" s="123">
        <v>0</v>
      </c>
      <c r="LQ38" s="123">
        <v>0</v>
      </c>
      <c r="LR38" s="124">
        <v>0</v>
      </c>
      <c r="LS38" s="354">
        <v>0</v>
      </c>
      <c r="LT38" s="160">
        <v>0</v>
      </c>
      <c r="LU38" s="123">
        <v>0</v>
      </c>
      <c r="LV38" s="124">
        <v>0</v>
      </c>
      <c r="LW38" s="163"/>
      <c r="LX38" s="123">
        <v>145894</v>
      </c>
      <c r="LY38" s="123">
        <v>187608</v>
      </c>
      <c r="LZ38" s="123">
        <v>0</v>
      </c>
      <c r="MA38" s="123">
        <v>0</v>
      </c>
      <c r="MB38" s="123">
        <v>0</v>
      </c>
      <c r="MC38" s="124">
        <v>333502</v>
      </c>
      <c r="MD38" s="125">
        <v>333502</v>
      </c>
      <c r="ME38" s="160">
        <v>0</v>
      </c>
      <c r="MF38" s="123">
        <v>0</v>
      </c>
      <c r="MG38" s="124">
        <v>0</v>
      </c>
      <c r="MH38" s="163"/>
      <c r="MI38" s="123">
        <v>159400</v>
      </c>
      <c r="MJ38" s="123">
        <v>0</v>
      </c>
      <c r="MK38" s="123">
        <v>316022</v>
      </c>
      <c r="ML38" s="123">
        <v>339379</v>
      </c>
      <c r="MM38" s="123">
        <v>305765</v>
      </c>
      <c r="MN38" s="124">
        <v>1120566</v>
      </c>
      <c r="MO38" s="161">
        <v>1120566</v>
      </c>
      <c r="MP38" s="160">
        <v>0</v>
      </c>
      <c r="MQ38" s="123">
        <v>0</v>
      </c>
      <c r="MR38" s="124">
        <v>0</v>
      </c>
      <c r="MS38" s="163"/>
      <c r="MT38" s="123">
        <v>0</v>
      </c>
      <c r="MU38" s="123">
        <v>0</v>
      </c>
      <c r="MV38" s="123">
        <v>0</v>
      </c>
      <c r="MW38" s="123">
        <v>0</v>
      </c>
      <c r="MX38" s="123">
        <v>0</v>
      </c>
      <c r="MY38" s="124">
        <v>0</v>
      </c>
      <c r="MZ38" s="161">
        <v>0</v>
      </c>
      <c r="NA38" s="160">
        <v>0</v>
      </c>
      <c r="NB38" s="123">
        <v>0</v>
      </c>
      <c r="NC38" s="124">
        <v>0</v>
      </c>
      <c r="ND38" s="163"/>
      <c r="NE38" s="123">
        <v>159400</v>
      </c>
      <c r="NF38" s="123">
        <v>0</v>
      </c>
      <c r="NG38" s="123">
        <v>0</v>
      </c>
      <c r="NH38" s="123">
        <v>0</v>
      </c>
      <c r="NI38" s="123">
        <v>305765</v>
      </c>
      <c r="NJ38" s="124">
        <v>465165</v>
      </c>
      <c r="NK38" s="354">
        <v>465165</v>
      </c>
      <c r="NL38" s="160">
        <v>0</v>
      </c>
      <c r="NM38" s="123">
        <v>0</v>
      </c>
      <c r="NN38" s="124">
        <v>0</v>
      </c>
      <c r="NO38" s="163"/>
      <c r="NP38" s="123">
        <v>0</v>
      </c>
      <c r="NQ38" s="123">
        <v>0</v>
      </c>
      <c r="NR38" s="123">
        <v>0</v>
      </c>
      <c r="NS38" s="123">
        <v>0</v>
      </c>
      <c r="NT38" s="123">
        <v>0</v>
      </c>
      <c r="NU38" s="124">
        <v>0</v>
      </c>
      <c r="NV38" s="125">
        <v>0</v>
      </c>
      <c r="NW38" s="160">
        <v>0</v>
      </c>
      <c r="NX38" s="123">
        <v>0</v>
      </c>
      <c r="NY38" s="124">
        <v>0</v>
      </c>
      <c r="NZ38" s="163"/>
      <c r="OA38" s="123">
        <v>0</v>
      </c>
      <c r="OB38" s="123">
        <v>0</v>
      </c>
      <c r="OC38" s="123">
        <v>316022</v>
      </c>
      <c r="OD38" s="123">
        <v>339379</v>
      </c>
      <c r="OE38" s="123">
        <v>0</v>
      </c>
      <c r="OF38" s="124">
        <v>655401</v>
      </c>
      <c r="OG38" s="125">
        <v>655401</v>
      </c>
      <c r="OH38" s="160">
        <v>55722</v>
      </c>
      <c r="OI38" s="123">
        <v>62093</v>
      </c>
      <c r="OJ38" s="159">
        <v>117815</v>
      </c>
      <c r="OK38" s="122">
        <v>0</v>
      </c>
      <c r="OL38" s="123">
        <v>463183</v>
      </c>
      <c r="OM38" s="123">
        <v>161188</v>
      </c>
      <c r="ON38" s="123">
        <v>623436</v>
      </c>
      <c r="OO38" s="123">
        <v>339379</v>
      </c>
      <c r="OP38" s="123">
        <v>927551</v>
      </c>
      <c r="OQ38" s="124">
        <v>2514737</v>
      </c>
      <c r="OR38" s="161">
        <v>2632552</v>
      </c>
    </row>
    <row r="39" spans="1:408" ht="20.25" customHeight="1" x14ac:dyDescent="0.2">
      <c r="A39" s="130" t="s">
        <v>34</v>
      </c>
      <c r="B39" s="113">
        <v>0</v>
      </c>
      <c r="C39" s="117">
        <v>21712</v>
      </c>
      <c r="D39" s="202">
        <v>21712</v>
      </c>
      <c r="E39" s="203">
        <v>0</v>
      </c>
      <c r="F39" s="204">
        <v>268248</v>
      </c>
      <c r="G39" s="204">
        <v>471190</v>
      </c>
      <c r="H39" s="204">
        <v>248664</v>
      </c>
      <c r="I39" s="204">
        <v>0</v>
      </c>
      <c r="J39" s="204">
        <v>0</v>
      </c>
      <c r="K39" s="205">
        <v>988102</v>
      </c>
      <c r="L39" s="119">
        <v>1009814</v>
      </c>
      <c r="M39" s="113">
        <v>0</v>
      </c>
      <c r="N39" s="117">
        <v>21712</v>
      </c>
      <c r="O39" s="116">
        <v>21712</v>
      </c>
      <c r="P39" s="113">
        <v>0</v>
      </c>
      <c r="Q39" s="117">
        <v>25384</v>
      </c>
      <c r="R39" s="117">
        <v>104907</v>
      </c>
      <c r="S39" s="117">
        <v>26048</v>
      </c>
      <c r="T39" s="117">
        <v>0</v>
      </c>
      <c r="U39" s="117">
        <v>0</v>
      </c>
      <c r="V39" s="116">
        <v>156339</v>
      </c>
      <c r="W39" s="119">
        <v>178051</v>
      </c>
      <c r="X39" s="113">
        <v>0</v>
      </c>
      <c r="Y39" s="117">
        <v>0</v>
      </c>
      <c r="Z39" s="116">
        <v>0</v>
      </c>
      <c r="AA39" s="113">
        <v>0</v>
      </c>
      <c r="AB39" s="117">
        <v>13400</v>
      </c>
      <c r="AC39" s="117">
        <v>55691</v>
      </c>
      <c r="AD39" s="117">
        <v>0</v>
      </c>
      <c r="AE39" s="117">
        <v>0</v>
      </c>
      <c r="AF39" s="117">
        <v>0</v>
      </c>
      <c r="AG39" s="116">
        <v>69091</v>
      </c>
      <c r="AH39" s="119">
        <v>69091</v>
      </c>
      <c r="AI39" s="113">
        <v>0</v>
      </c>
      <c r="AJ39" s="117">
        <v>0</v>
      </c>
      <c r="AK39" s="116">
        <v>0</v>
      </c>
      <c r="AL39" s="113">
        <v>0</v>
      </c>
      <c r="AM39" s="117">
        <v>0</v>
      </c>
      <c r="AN39" s="117">
        <v>0</v>
      </c>
      <c r="AO39" s="117">
        <v>0</v>
      </c>
      <c r="AP39" s="117">
        <v>0</v>
      </c>
      <c r="AQ39" s="117">
        <v>0</v>
      </c>
      <c r="AR39" s="116">
        <v>0</v>
      </c>
      <c r="AS39" s="119">
        <v>0</v>
      </c>
      <c r="AT39" s="113">
        <v>0</v>
      </c>
      <c r="AU39" s="117">
        <v>21712</v>
      </c>
      <c r="AV39" s="116">
        <v>21712</v>
      </c>
      <c r="AW39" s="113">
        <v>0</v>
      </c>
      <c r="AX39" s="117">
        <v>0</v>
      </c>
      <c r="AY39" s="117">
        <v>0</v>
      </c>
      <c r="AZ39" s="117">
        <v>0</v>
      </c>
      <c r="BA39" s="117">
        <v>0</v>
      </c>
      <c r="BB39" s="117">
        <v>0</v>
      </c>
      <c r="BC39" s="116">
        <v>0</v>
      </c>
      <c r="BD39" s="119">
        <v>21712</v>
      </c>
      <c r="BE39" s="113">
        <v>0</v>
      </c>
      <c r="BF39" s="117">
        <v>0</v>
      </c>
      <c r="BG39" s="115">
        <v>0</v>
      </c>
      <c r="BH39" s="114">
        <v>0</v>
      </c>
      <c r="BI39" s="117">
        <v>0</v>
      </c>
      <c r="BJ39" s="117">
        <v>45072</v>
      </c>
      <c r="BK39" s="117">
        <v>0</v>
      </c>
      <c r="BL39" s="117">
        <v>0</v>
      </c>
      <c r="BM39" s="117">
        <v>0</v>
      </c>
      <c r="BN39" s="116">
        <v>45072</v>
      </c>
      <c r="BO39" s="119">
        <v>45072</v>
      </c>
      <c r="BP39" s="113">
        <v>0</v>
      </c>
      <c r="BQ39" s="117">
        <v>0</v>
      </c>
      <c r="BR39" s="116">
        <v>0</v>
      </c>
      <c r="BS39" s="113">
        <v>0</v>
      </c>
      <c r="BT39" s="117">
        <v>11984</v>
      </c>
      <c r="BU39" s="117">
        <v>4144</v>
      </c>
      <c r="BV39" s="117">
        <v>26048</v>
      </c>
      <c r="BW39" s="117">
        <v>0</v>
      </c>
      <c r="BX39" s="117">
        <v>0</v>
      </c>
      <c r="BY39" s="116">
        <v>42176</v>
      </c>
      <c r="BZ39" s="119">
        <v>42176</v>
      </c>
      <c r="CA39" s="113">
        <v>0</v>
      </c>
      <c r="CB39" s="117">
        <v>0</v>
      </c>
      <c r="CC39" s="116">
        <v>0</v>
      </c>
      <c r="CD39" s="113">
        <v>0</v>
      </c>
      <c r="CE39" s="117">
        <v>108728</v>
      </c>
      <c r="CF39" s="117">
        <v>175432</v>
      </c>
      <c r="CG39" s="117">
        <v>0</v>
      </c>
      <c r="CH39" s="117">
        <v>0</v>
      </c>
      <c r="CI39" s="117">
        <v>0</v>
      </c>
      <c r="CJ39" s="116">
        <v>284160</v>
      </c>
      <c r="CK39" s="119">
        <v>284160</v>
      </c>
      <c r="CL39" s="113">
        <v>0</v>
      </c>
      <c r="CM39" s="117">
        <v>0</v>
      </c>
      <c r="CN39" s="116">
        <v>0</v>
      </c>
      <c r="CO39" s="114">
        <v>0</v>
      </c>
      <c r="CP39" s="117">
        <v>26944</v>
      </c>
      <c r="CQ39" s="117">
        <v>175432</v>
      </c>
      <c r="CR39" s="117">
        <v>0</v>
      </c>
      <c r="CS39" s="117">
        <v>0</v>
      </c>
      <c r="CT39" s="117">
        <v>0</v>
      </c>
      <c r="CU39" s="116">
        <v>202376</v>
      </c>
      <c r="CV39" s="119">
        <v>202376</v>
      </c>
      <c r="CW39" s="113">
        <v>0</v>
      </c>
      <c r="CX39" s="117">
        <v>0</v>
      </c>
      <c r="CY39" s="116">
        <v>0</v>
      </c>
      <c r="CZ39" s="113">
        <v>0</v>
      </c>
      <c r="DA39" s="117">
        <v>81784</v>
      </c>
      <c r="DB39" s="117">
        <v>0</v>
      </c>
      <c r="DC39" s="117">
        <v>0</v>
      </c>
      <c r="DD39" s="117">
        <v>0</v>
      </c>
      <c r="DE39" s="117">
        <v>0</v>
      </c>
      <c r="DF39" s="116">
        <v>81784</v>
      </c>
      <c r="DG39" s="119">
        <v>81784</v>
      </c>
      <c r="DH39" s="113">
        <v>0</v>
      </c>
      <c r="DI39" s="117">
        <v>0</v>
      </c>
      <c r="DJ39" s="115">
        <v>0</v>
      </c>
      <c r="DK39" s="114">
        <v>0</v>
      </c>
      <c r="DL39" s="117">
        <v>0</v>
      </c>
      <c r="DM39" s="117">
        <v>0</v>
      </c>
      <c r="DN39" s="117">
        <v>0</v>
      </c>
      <c r="DO39" s="117">
        <v>0</v>
      </c>
      <c r="DP39" s="117">
        <v>0</v>
      </c>
      <c r="DQ39" s="116">
        <v>0</v>
      </c>
      <c r="DR39" s="119">
        <v>0</v>
      </c>
      <c r="DS39" s="113">
        <v>0</v>
      </c>
      <c r="DT39" s="117">
        <v>0</v>
      </c>
      <c r="DU39" s="116">
        <v>0</v>
      </c>
      <c r="DV39" s="113">
        <v>0</v>
      </c>
      <c r="DW39" s="117">
        <v>0</v>
      </c>
      <c r="DX39" s="117">
        <v>0</v>
      </c>
      <c r="DY39" s="117">
        <v>0</v>
      </c>
      <c r="DZ39" s="117">
        <v>0</v>
      </c>
      <c r="EA39" s="117">
        <v>0</v>
      </c>
      <c r="EB39" s="116">
        <v>0</v>
      </c>
      <c r="EC39" s="119">
        <v>0</v>
      </c>
      <c r="ED39" s="113">
        <v>0</v>
      </c>
      <c r="EE39" s="115">
        <v>0</v>
      </c>
      <c r="EF39" s="116">
        <v>0</v>
      </c>
      <c r="EG39" s="113">
        <v>0</v>
      </c>
      <c r="EH39" s="117">
        <v>0</v>
      </c>
      <c r="EI39" s="117">
        <v>0</v>
      </c>
      <c r="EJ39" s="117">
        <v>0</v>
      </c>
      <c r="EK39" s="117">
        <v>0</v>
      </c>
      <c r="EL39" s="117">
        <v>0</v>
      </c>
      <c r="EM39" s="115">
        <v>0</v>
      </c>
      <c r="EN39" s="119">
        <v>0</v>
      </c>
      <c r="EO39" s="113">
        <v>0</v>
      </c>
      <c r="EP39" s="117">
        <v>0</v>
      </c>
      <c r="EQ39" s="115">
        <v>0</v>
      </c>
      <c r="ER39" s="114">
        <v>0</v>
      </c>
      <c r="ES39" s="117">
        <v>0</v>
      </c>
      <c r="ET39" s="117">
        <v>0</v>
      </c>
      <c r="EU39" s="117">
        <v>0</v>
      </c>
      <c r="EV39" s="117">
        <v>0</v>
      </c>
      <c r="EW39" s="117">
        <v>0</v>
      </c>
      <c r="EX39" s="116">
        <v>0</v>
      </c>
      <c r="EY39" s="119">
        <v>0</v>
      </c>
      <c r="EZ39" s="113">
        <v>0</v>
      </c>
      <c r="FA39" s="117">
        <v>0</v>
      </c>
      <c r="FB39" s="115">
        <v>0</v>
      </c>
      <c r="FC39" s="387"/>
      <c r="FD39" s="117">
        <v>0</v>
      </c>
      <c r="FE39" s="117">
        <v>0</v>
      </c>
      <c r="FF39" s="117">
        <v>0</v>
      </c>
      <c r="FG39" s="117">
        <v>0</v>
      </c>
      <c r="FH39" s="117">
        <v>0</v>
      </c>
      <c r="FI39" s="116">
        <v>0</v>
      </c>
      <c r="FJ39" s="119">
        <v>0</v>
      </c>
      <c r="FK39" s="113">
        <v>0</v>
      </c>
      <c r="FL39" s="117">
        <v>0</v>
      </c>
      <c r="FM39" s="116">
        <v>0</v>
      </c>
      <c r="FN39" s="113">
        <v>0</v>
      </c>
      <c r="FO39" s="117">
        <v>10400</v>
      </c>
      <c r="FP39" s="117">
        <v>10384</v>
      </c>
      <c r="FQ39" s="117">
        <v>37424</v>
      </c>
      <c r="FR39" s="117">
        <v>0</v>
      </c>
      <c r="FS39" s="117">
        <v>0</v>
      </c>
      <c r="FT39" s="116">
        <v>58208</v>
      </c>
      <c r="FU39" s="119">
        <v>58208</v>
      </c>
      <c r="FV39" s="118">
        <v>0</v>
      </c>
      <c r="FW39" s="117">
        <v>0</v>
      </c>
      <c r="FX39" s="115">
        <v>0</v>
      </c>
      <c r="FY39" s="114">
        <v>0</v>
      </c>
      <c r="FZ39" s="117">
        <v>10400</v>
      </c>
      <c r="GA39" s="117">
        <v>10384</v>
      </c>
      <c r="GB39" s="117">
        <v>37424</v>
      </c>
      <c r="GC39" s="117">
        <v>0</v>
      </c>
      <c r="GD39" s="117">
        <v>0</v>
      </c>
      <c r="GE39" s="116">
        <v>58208</v>
      </c>
      <c r="GF39" s="351">
        <v>58208</v>
      </c>
      <c r="GG39" s="118">
        <v>0</v>
      </c>
      <c r="GH39" s="117">
        <v>0</v>
      </c>
      <c r="GI39" s="115">
        <v>0</v>
      </c>
      <c r="GJ39" s="114">
        <v>0</v>
      </c>
      <c r="GK39" s="117">
        <v>0</v>
      </c>
      <c r="GL39" s="117">
        <v>0</v>
      </c>
      <c r="GM39" s="117">
        <v>0</v>
      </c>
      <c r="GN39" s="117">
        <v>0</v>
      </c>
      <c r="GO39" s="117">
        <v>0</v>
      </c>
      <c r="GP39" s="116">
        <v>0</v>
      </c>
      <c r="GQ39" s="119">
        <v>0</v>
      </c>
      <c r="GR39" s="113">
        <v>0</v>
      </c>
      <c r="GS39" s="117">
        <v>0</v>
      </c>
      <c r="GT39" s="116">
        <v>0</v>
      </c>
      <c r="GU39" s="113">
        <v>0</v>
      </c>
      <c r="GV39" s="117">
        <v>0</v>
      </c>
      <c r="GW39" s="117">
        <v>0</v>
      </c>
      <c r="GX39" s="117">
        <v>0</v>
      </c>
      <c r="GY39" s="117">
        <v>0</v>
      </c>
      <c r="GZ39" s="117">
        <v>0</v>
      </c>
      <c r="HA39" s="115">
        <v>0</v>
      </c>
      <c r="HB39" s="119">
        <v>0</v>
      </c>
      <c r="HC39" s="113">
        <v>0</v>
      </c>
      <c r="HD39" s="117">
        <v>0</v>
      </c>
      <c r="HE39" s="115">
        <v>0</v>
      </c>
      <c r="HF39" s="114">
        <v>0</v>
      </c>
      <c r="HG39" s="117">
        <v>123736</v>
      </c>
      <c r="HH39" s="117">
        <v>180467</v>
      </c>
      <c r="HI39" s="117">
        <v>185192</v>
      </c>
      <c r="HJ39" s="117">
        <v>0</v>
      </c>
      <c r="HK39" s="117">
        <v>0</v>
      </c>
      <c r="HL39" s="116">
        <v>489395</v>
      </c>
      <c r="HM39" s="112">
        <v>489395</v>
      </c>
      <c r="HN39" s="367"/>
      <c r="HO39" s="368"/>
      <c r="HP39" s="369"/>
      <c r="HQ39" s="370"/>
      <c r="HR39" s="368"/>
      <c r="HS39" s="368"/>
      <c r="HT39" s="368"/>
      <c r="HU39" s="368"/>
      <c r="HV39" s="368"/>
      <c r="HW39" s="371"/>
      <c r="HX39" s="372"/>
      <c r="HY39" s="149">
        <v>0</v>
      </c>
      <c r="HZ39" s="150">
        <v>0</v>
      </c>
      <c r="IA39" s="151">
        <v>0</v>
      </c>
      <c r="IB39" s="164">
        <v>0</v>
      </c>
      <c r="IC39" s="150">
        <v>422800</v>
      </c>
      <c r="ID39" s="165">
        <v>0</v>
      </c>
      <c r="IE39" s="151">
        <v>248456</v>
      </c>
      <c r="IF39" s="150">
        <v>0</v>
      </c>
      <c r="IG39" s="151">
        <v>0</v>
      </c>
      <c r="IH39" s="166">
        <v>671256</v>
      </c>
      <c r="II39" s="157">
        <v>671256</v>
      </c>
      <c r="IJ39" s="262">
        <v>0</v>
      </c>
      <c r="IK39" s="269">
        <v>0</v>
      </c>
      <c r="IL39" s="270">
        <v>0</v>
      </c>
      <c r="IM39" s="158"/>
      <c r="IN39" s="123">
        <v>0</v>
      </c>
      <c r="IO39" s="123">
        <v>0</v>
      </c>
      <c r="IP39" s="123">
        <v>0</v>
      </c>
      <c r="IQ39" s="123">
        <v>0</v>
      </c>
      <c r="IR39" s="123">
        <v>0</v>
      </c>
      <c r="IS39" s="159">
        <v>0</v>
      </c>
      <c r="IT39" s="354">
        <v>0</v>
      </c>
      <c r="IU39" s="160">
        <v>0</v>
      </c>
      <c r="IV39" s="123">
        <v>0</v>
      </c>
      <c r="IW39" s="124">
        <v>0</v>
      </c>
      <c r="IX39" s="162"/>
      <c r="IY39" s="123">
        <v>0</v>
      </c>
      <c r="IZ39" s="123">
        <v>0</v>
      </c>
      <c r="JA39" s="123">
        <v>0</v>
      </c>
      <c r="JB39" s="123">
        <v>0</v>
      </c>
      <c r="JC39" s="123">
        <v>0</v>
      </c>
      <c r="JD39" s="124">
        <v>0</v>
      </c>
      <c r="JE39" s="125">
        <v>0</v>
      </c>
      <c r="JF39" s="160">
        <v>0</v>
      </c>
      <c r="JG39" s="123">
        <v>0</v>
      </c>
      <c r="JH39" s="159">
        <v>0</v>
      </c>
      <c r="JI39" s="122">
        <v>0</v>
      </c>
      <c r="JJ39" s="123">
        <v>177712</v>
      </c>
      <c r="JK39" s="123">
        <v>0</v>
      </c>
      <c r="JL39" s="123">
        <v>0</v>
      </c>
      <c r="JM39" s="123">
        <v>0</v>
      </c>
      <c r="JN39" s="123">
        <v>0</v>
      </c>
      <c r="JO39" s="124">
        <v>177712</v>
      </c>
      <c r="JP39" s="354">
        <v>177712</v>
      </c>
      <c r="JQ39" s="160">
        <v>0</v>
      </c>
      <c r="JR39" s="123">
        <v>0</v>
      </c>
      <c r="JS39" s="159">
        <v>0</v>
      </c>
      <c r="JT39" s="122">
        <v>0</v>
      </c>
      <c r="JU39" s="123">
        <v>0</v>
      </c>
      <c r="JV39" s="123">
        <v>0</v>
      </c>
      <c r="JW39" s="123">
        <v>0</v>
      </c>
      <c r="JX39" s="123">
        <v>0</v>
      </c>
      <c r="JY39" s="123">
        <v>0</v>
      </c>
      <c r="JZ39" s="124">
        <v>0</v>
      </c>
      <c r="KA39" s="354">
        <v>0</v>
      </c>
      <c r="KB39" s="265">
        <v>0</v>
      </c>
      <c r="KC39" s="259">
        <v>0</v>
      </c>
      <c r="KD39" s="124">
        <v>0</v>
      </c>
      <c r="KE39" s="122">
        <v>0</v>
      </c>
      <c r="KF39" s="123">
        <v>110712</v>
      </c>
      <c r="KG39" s="123">
        <v>0</v>
      </c>
      <c r="KH39" s="123">
        <v>0</v>
      </c>
      <c r="KI39" s="123">
        <v>0</v>
      </c>
      <c r="KJ39" s="123">
        <v>0</v>
      </c>
      <c r="KK39" s="124">
        <v>110712</v>
      </c>
      <c r="KL39" s="161">
        <v>110712</v>
      </c>
      <c r="KM39" s="262">
        <v>0</v>
      </c>
      <c r="KN39" s="269">
        <v>0</v>
      </c>
      <c r="KO39" s="270">
        <v>0</v>
      </c>
      <c r="KP39" s="158"/>
      <c r="KQ39" s="123">
        <v>0</v>
      </c>
      <c r="KR39" s="123">
        <v>0</v>
      </c>
      <c r="KS39" s="123">
        <v>0</v>
      </c>
      <c r="KT39" s="123">
        <v>0</v>
      </c>
      <c r="KU39" s="123">
        <v>0</v>
      </c>
      <c r="KV39" s="124">
        <v>0</v>
      </c>
      <c r="KW39" s="354">
        <v>0</v>
      </c>
      <c r="KX39" s="160">
        <v>0</v>
      </c>
      <c r="KY39" s="123">
        <v>0</v>
      </c>
      <c r="KZ39" s="124">
        <v>0</v>
      </c>
      <c r="LA39" s="163"/>
      <c r="LB39" s="123">
        <v>0</v>
      </c>
      <c r="LC39" s="123">
        <v>0</v>
      </c>
      <c r="LD39" s="123">
        <v>0</v>
      </c>
      <c r="LE39" s="123">
        <v>0</v>
      </c>
      <c r="LF39" s="123">
        <v>0</v>
      </c>
      <c r="LG39" s="124">
        <v>0</v>
      </c>
      <c r="LH39" s="125">
        <v>0</v>
      </c>
      <c r="LI39" s="160">
        <v>0</v>
      </c>
      <c r="LJ39" s="123">
        <v>0</v>
      </c>
      <c r="LK39" s="124">
        <v>0</v>
      </c>
      <c r="LL39" s="163"/>
      <c r="LM39" s="123">
        <v>0</v>
      </c>
      <c r="LN39" s="123">
        <v>0</v>
      </c>
      <c r="LO39" s="123">
        <v>0</v>
      </c>
      <c r="LP39" s="123">
        <v>0</v>
      </c>
      <c r="LQ39" s="123">
        <v>0</v>
      </c>
      <c r="LR39" s="124">
        <v>0</v>
      </c>
      <c r="LS39" s="354">
        <v>0</v>
      </c>
      <c r="LT39" s="160">
        <v>0</v>
      </c>
      <c r="LU39" s="123">
        <v>0</v>
      </c>
      <c r="LV39" s="124">
        <v>0</v>
      </c>
      <c r="LW39" s="163"/>
      <c r="LX39" s="123">
        <v>134376</v>
      </c>
      <c r="LY39" s="123">
        <v>0</v>
      </c>
      <c r="LZ39" s="123">
        <v>248456</v>
      </c>
      <c r="MA39" s="123">
        <v>0</v>
      </c>
      <c r="MB39" s="123">
        <v>0</v>
      </c>
      <c r="MC39" s="124">
        <v>382832</v>
      </c>
      <c r="MD39" s="125">
        <v>382832</v>
      </c>
      <c r="ME39" s="160">
        <v>0</v>
      </c>
      <c r="MF39" s="123">
        <v>0</v>
      </c>
      <c r="MG39" s="124">
        <v>0</v>
      </c>
      <c r="MH39" s="163"/>
      <c r="MI39" s="123">
        <v>0</v>
      </c>
      <c r="MJ39" s="123">
        <v>0</v>
      </c>
      <c r="MK39" s="123">
        <v>215272</v>
      </c>
      <c r="ML39" s="123">
        <v>0</v>
      </c>
      <c r="MM39" s="123">
        <v>279136</v>
      </c>
      <c r="MN39" s="124">
        <v>494408</v>
      </c>
      <c r="MO39" s="161">
        <v>494408</v>
      </c>
      <c r="MP39" s="160">
        <v>0</v>
      </c>
      <c r="MQ39" s="123">
        <v>0</v>
      </c>
      <c r="MR39" s="124">
        <v>0</v>
      </c>
      <c r="MS39" s="163"/>
      <c r="MT39" s="123">
        <v>0</v>
      </c>
      <c r="MU39" s="123">
        <v>0</v>
      </c>
      <c r="MV39" s="123">
        <v>215272</v>
      </c>
      <c r="MW39" s="123">
        <v>0</v>
      </c>
      <c r="MX39" s="123">
        <v>279136</v>
      </c>
      <c r="MY39" s="124">
        <v>494408</v>
      </c>
      <c r="MZ39" s="161">
        <v>494408</v>
      </c>
      <c r="NA39" s="160">
        <v>0</v>
      </c>
      <c r="NB39" s="123">
        <v>0</v>
      </c>
      <c r="NC39" s="124">
        <v>0</v>
      </c>
      <c r="ND39" s="163"/>
      <c r="NE39" s="123">
        <v>0</v>
      </c>
      <c r="NF39" s="123">
        <v>0</v>
      </c>
      <c r="NG39" s="123">
        <v>0</v>
      </c>
      <c r="NH39" s="123">
        <v>0</v>
      </c>
      <c r="NI39" s="123">
        <v>0</v>
      </c>
      <c r="NJ39" s="124">
        <v>0</v>
      </c>
      <c r="NK39" s="354">
        <v>0</v>
      </c>
      <c r="NL39" s="160">
        <v>0</v>
      </c>
      <c r="NM39" s="123">
        <v>0</v>
      </c>
      <c r="NN39" s="124">
        <v>0</v>
      </c>
      <c r="NO39" s="163"/>
      <c r="NP39" s="123">
        <v>0</v>
      </c>
      <c r="NQ39" s="123">
        <v>0</v>
      </c>
      <c r="NR39" s="123">
        <v>0</v>
      </c>
      <c r="NS39" s="123">
        <v>0</v>
      </c>
      <c r="NT39" s="123">
        <v>0</v>
      </c>
      <c r="NU39" s="124">
        <v>0</v>
      </c>
      <c r="NV39" s="125">
        <v>0</v>
      </c>
      <c r="NW39" s="160">
        <v>0</v>
      </c>
      <c r="NX39" s="123">
        <v>0</v>
      </c>
      <c r="NY39" s="124">
        <v>0</v>
      </c>
      <c r="NZ39" s="163"/>
      <c r="OA39" s="123">
        <v>0</v>
      </c>
      <c r="OB39" s="123">
        <v>0</v>
      </c>
      <c r="OC39" s="123">
        <v>0</v>
      </c>
      <c r="OD39" s="123">
        <v>0</v>
      </c>
      <c r="OE39" s="123">
        <v>0</v>
      </c>
      <c r="OF39" s="124">
        <v>0</v>
      </c>
      <c r="OG39" s="125">
        <v>0</v>
      </c>
      <c r="OH39" s="160">
        <v>0</v>
      </c>
      <c r="OI39" s="123">
        <v>21712</v>
      </c>
      <c r="OJ39" s="159">
        <v>21712</v>
      </c>
      <c r="OK39" s="122">
        <v>0</v>
      </c>
      <c r="OL39" s="123">
        <v>691048</v>
      </c>
      <c r="OM39" s="123">
        <v>471190</v>
      </c>
      <c r="ON39" s="123">
        <v>712392</v>
      </c>
      <c r="OO39" s="123">
        <v>0</v>
      </c>
      <c r="OP39" s="123">
        <v>279136</v>
      </c>
      <c r="OQ39" s="124">
        <v>2153766</v>
      </c>
      <c r="OR39" s="161">
        <v>2175478</v>
      </c>
    </row>
    <row r="40" spans="1:408" ht="20.25" customHeight="1" x14ac:dyDescent="0.2">
      <c r="A40" s="130" t="s">
        <v>35</v>
      </c>
      <c r="B40" s="113">
        <v>187776</v>
      </c>
      <c r="C40" s="117">
        <v>28704</v>
      </c>
      <c r="D40" s="116">
        <v>216480</v>
      </c>
      <c r="E40" s="112">
        <v>0</v>
      </c>
      <c r="F40" s="117">
        <v>1361040</v>
      </c>
      <c r="G40" s="117">
        <v>1741533</v>
      </c>
      <c r="H40" s="117">
        <v>622498</v>
      </c>
      <c r="I40" s="117">
        <v>850392</v>
      </c>
      <c r="J40" s="117">
        <v>562792</v>
      </c>
      <c r="K40" s="201">
        <v>5138255</v>
      </c>
      <c r="L40" s="119">
        <v>5354735</v>
      </c>
      <c r="M40" s="113">
        <v>34680</v>
      </c>
      <c r="N40" s="117">
        <v>10912</v>
      </c>
      <c r="O40" s="116">
        <v>45592</v>
      </c>
      <c r="P40" s="113">
        <v>0</v>
      </c>
      <c r="Q40" s="117">
        <v>215152</v>
      </c>
      <c r="R40" s="117">
        <v>649637</v>
      </c>
      <c r="S40" s="117">
        <v>50672</v>
      </c>
      <c r="T40" s="117">
        <v>47312</v>
      </c>
      <c r="U40" s="117">
        <v>311849</v>
      </c>
      <c r="V40" s="116">
        <v>1274622</v>
      </c>
      <c r="W40" s="119">
        <v>1320214</v>
      </c>
      <c r="X40" s="113">
        <v>0</v>
      </c>
      <c r="Y40" s="117">
        <v>0</v>
      </c>
      <c r="Z40" s="116">
        <v>0</v>
      </c>
      <c r="AA40" s="113">
        <v>0</v>
      </c>
      <c r="AB40" s="117">
        <v>83632</v>
      </c>
      <c r="AC40" s="117">
        <v>288772</v>
      </c>
      <c r="AD40" s="117">
        <v>0</v>
      </c>
      <c r="AE40" s="117">
        <v>0</v>
      </c>
      <c r="AF40" s="117">
        <v>181985</v>
      </c>
      <c r="AG40" s="116">
        <v>554389</v>
      </c>
      <c r="AH40" s="119">
        <v>554389</v>
      </c>
      <c r="AI40" s="113">
        <v>0</v>
      </c>
      <c r="AJ40" s="117">
        <v>0</v>
      </c>
      <c r="AK40" s="116">
        <v>0</v>
      </c>
      <c r="AL40" s="113">
        <v>0</v>
      </c>
      <c r="AM40" s="117">
        <v>0</v>
      </c>
      <c r="AN40" s="117">
        <v>0</v>
      </c>
      <c r="AO40" s="117">
        <v>0</v>
      </c>
      <c r="AP40" s="117">
        <v>0</v>
      </c>
      <c r="AQ40" s="117">
        <v>97344</v>
      </c>
      <c r="AR40" s="116">
        <v>97344</v>
      </c>
      <c r="AS40" s="119">
        <v>97344</v>
      </c>
      <c r="AT40" s="113">
        <v>0</v>
      </c>
      <c r="AU40" s="117">
        <v>0</v>
      </c>
      <c r="AV40" s="116">
        <v>0</v>
      </c>
      <c r="AW40" s="113">
        <v>0</v>
      </c>
      <c r="AX40" s="117">
        <v>0</v>
      </c>
      <c r="AY40" s="117">
        <v>175953</v>
      </c>
      <c r="AZ40" s="117">
        <v>0</v>
      </c>
      <c r="BA40" s="117">
        <v>0</v>
      </c>
      <c r="BB40" s="117">
        <v>0</v>
      </c>
      <c r="BC40" s="116">
        <v>175953</v>
      </c>
      <c r="BD40" s="119">
        <v>175953</v>
      </c>
      <c r="BE40" s="113">
        <v>0</v>
      </c>
      <c r="BF40" s="117">
        <v>0</v>
      </c>
      <c r="BG40" s="115">
        <v>0</v>
      </c>
      <c r="BH40" s="114">
        <v>0</v>
      </c>
      <c r="BI40" s="117">
        <v>52224</v>
      </c>
      <c r="BJ40" s="117">
        <v>22944</v>
      </c>
      <c r="BK40" s="117">
        <v>0</v>
      </c>
      <c r="BL40" s="117">
        <v>0</v>
      </c>
      <c r="BM40" s="117">
        <v>0</v>
      </c>
      <c r="BN40" s="116">
        <v>75168</v>
      </c>
      <c r="BO40" s="119">
        <v>75168</v>
      </c>
      <c r="BP40" s="113">
        <v>34680</v>
      </c>
      <c r="BQ40" s="117">
        <v>10912</v>
      </c>
      <c r="BR40" s="116">
        <v>45592</v>
      </c>
      <c r="BS40" s="113">
        <v>0</v>
      </c>
      <c r="BT40" s="117">
        <v>79296</v>
      </c>
      <c r="BU40" s="117">
        <v>161968</v>
      </c>
      <c r="BV40" s="117">
        <v>50672</v>
      </c>
      <c r="BW40" s="117">
        <v>47312</v>
      </c>
      <c r="BX40" s="117">
        <v>32520</v>
      </c>
      <c r="BY40" s="116">
        <v>371768</v>
      </c>
      <c r="BZ40" s="119">
        <v>417360</v>
      </c>
      <c r="CA40" s="113">
        <v>39792</v>
      </c>
      <c r="CB40" s="117">
        <v>0</v>
      </c>
      <c r="CC40" s="116">
        <v>39792</v>
      </c>
      <c r="CD40" s="113">
        <v>0</v>
      </c>
      <c r="CE40" s="117">
        <v>353360</v>
      </c>
      <c r="CF40" s="117">
        <v>456408</v>
      </c>
      <c r="CG40" s="117">
        <v>182544</v>
      </c>
      <c r="CH40" s="117">
        <v>344488</v>
      </c>
      <c r="CI40" s="117">
        <v>0</v>
      </c>
      <c r="CJ40" s="116">
        <v>1336800</v>
      </c>
      <c r="CK40" s="119">
        <v>1376592</v>
      </c>
      <c r="CL40" s="113">
        <v>0</v>
      </c>
      <c r="CM40" s="117">
        <v>0</v>
      </c>
      <c r="CN40" s="116">
        <v>0</v>
      </c>
      <c r="CO40" s="114">
        <v>0</v>
      </c>
      <c r="CP40" s="117">
        <v>300248</v>
      </c>
      <c r="CQ40" s="117">
        <v>337376</v>
      </c>
      <c r="CR40" s="117">
        <v>182544</v>
      </c>
      <c r="CS40" s="117">
        <v>211808</v>
      </c>
      <c r="CT40" s="117">
        <v>0</v>
      </c>
      <c r="CU40" s="116">
        <v>1031976</v>
      </c>
      <c r="CV40" s="119">
        <v>1031976</v>
      </c>
      <c r="CW40" s="113">
        <v>39792</v>
      </c>
      <c r="CX40" s="117">
        <v>0</v>
      </c>
      <c r="CY40" s="116">
        <v>39792</v>
      </c>
      <c r="CZ40" s="113">
        <v>0</v>
      </c>
      <c r="DA40" s="117">
        <v>53112</v>
      </c>
      <c r="DB40" s="117">
        <v>119032</v>
      </c>
      <c r="DC40" s="117">
        <v>0</v>
      </c>
      <c r="DD40" s="117">
        <v>132680</v>
      </c>
      <c r="DE40" s="117">
        <v>0</v>
      </c>
      <c r="DF40" s="116">
        <v>304824</v>
      </c>
      <c r="DG40" s="119">
        <v>344616</v>
      </c>
      <c r="DH40" s="113">
        <v>0</v>
      </c>
      <c r="DI40" s="117">
        <v>0</v>
      </c>
      <c r="DJ40" s="115">
        <v>0</v>
      </c>
      <c r="DK40" s="114">
        <v>0</v>
      </c>
      <c r="DL40" s="117">
        <v>0</v>
      </c>
      <c r="DM40" s="117">
        <v>80808</v>
      </c>
      <c r="DN40" s="117">
        <v>0</v>
      </c>
      <c r="DO40" s="117">
        <v>0</v>
      </c>
      <c r="DP40" s="117">
        <v>0</v>
      </c>
      <c r="DQ40" s="116">
        <v>80808</v>
      </c>
      <c r="DR40" s="119">
        <v>80808</v>
      </c>
      <c r="DS40" s="113">
        <v>0</v>
      </c>
      <c r="DT40" s="117">
        <v>0</v>
      </c>
      <c r="DU40" s="116">
        <v>0</v>
      </c>
      <c r="DV40" s="113">
        <v>0</v>
      </c>
      <c r="DW40" s="117">
        <v>0</v>
      </c>
      <c r="DX40" s="117">
        <v>80808</v>
      </c>
      <c r="DY40" s="117">
        <v>0</v>
      </c>
      <c r="DZ40" s="117">
        <v>0</v>
      </c>
      <c r="EA40" s="117">
        <v>0</v>
      </c>
      <c r="EB40" s="116">
        <v>80808</v>
      </c>
      <c r="EC40" s="119">
        <v>80808</v>
      </c>
      <c r="ED40" s="113">
        <v>0</v>
      </c>
      <c r="EE40" s="115">
        <v>0</v>
      </c>
      <c r="EF40" s="116">
        <v>0</v>
      </c>
      <c r="EG40" s="113">
        <v>0</v>
      </c>
      <c r="EH40" s="117">
        <v>0</v>
      </c>
      <c r="EI40" s="117">
        <v>0</v>
      </c>
      <c r="EJ40" s="117">
        <v>0</v>
      </c>
      <c r="EK40" s="117">
        <v>0</v>
      </c>
      <c r="EL40" s="117">
        <v>0</v>
      </c>
      <c r="EM40" s="115">
        <v>0</v>
      </c>
      <c r="EN40" s="119">
        <v>0</v>
      </c>
      <c r="EO40" s="113">
        <v>0</v>
      </c>
      <c r="EP40" s="117">
        <v>0</v>
      </c>
      <c r="EQ40" s="115">
        <v>0</v>
      </c>
      <c r="ER40" s="114">
        <v>0</v>
      </c>
      <c r="ES40" s="117">
        <v>0</v>
      </c>
      <c r="ET40" s="117">
        <v>0</v>
      </c>
      <c r="EU40" s="117">
        <v>0</v>
      </c>
      <c r="EV40" s="117">
        <v>0</v>
      </c>
      <c r="EW40" s="117">
        <v>0</v>
      </c>
      <c r="EX40" s="116">
        <v>0</v>
      </c>
      <c r="EY40" s="119">
        <v>0</v>
      </c>
      <c r="EZ40" s="113">
        <v>0</v>
      </c>
      <c r="FA40" s="117">
        <v>0</v>
      </c>
      <c r="FB40" s="115">
        <v>0</v>
      </c>
      <c r="FC40" s="387"/>
      <c r="FD40" s="117">
        <v>0</v>
      </c>
      <c r="FE40" s="117">
        <v>0</v>
      </c>
      <c r="FF40" s="117">
        <v>0</v>
      </c>
      <c r="FG40" s="117">
        <v>0</v>
      </c>
      <c r="FH40" s="117">
        <v>0</v>
      </c>
      <c r="FI40" s="116">
        <v>0</v>
      </c>
      <c r="FJ40" s="119">
        <v>0</v>
      </c>
      <c r="FK40" s="113">
        <v>0</v>
      </c>
      <c r="FL40" s="117">
        <v>17792</v>
      </c>
      <c r="FM40" s="116">
        <v>17792</v>
      </c>
      <c r="FN40" s="113">
        <v>0</v>
      </c>
      <c r="FO40" s="117">
        <v>22800</v>
      </c>
      <c r="FP40" s="117">
        <v>93864</v>
      </c>
      <c r="FQ40" s="117">
        <v>2800</v>
      </c>
      <c r="FR40" s="117">
        <v>36192</v>
      </c>
      <c r="FS40" s="117">
        <v>8800</v>
      </c>
      <c r="FT40" s="116">
        <v>164456</v>
      </c>
      <c r="FU40" s="119">
        <v>182248</v>
      </c>
      <c r="FV40" s="118">
        <v>0</v>
      </c>
      <c r="FW40" s="117">
        <v>1600</v>
      </c>
      <c r="FX40" s="115">
        <v>1600</v>
      </c>
      <c r="FY40" s="114">
        <v>0</v>
      </c>
      <c r="FZ40" s="117">
        <v>22800</v>
      </c>
      <c r="GA40" s="117">
        <v>93864</v>
      </c>
      <c r="GB40" s="117">
        <v>2800</v>
      </c>
      <c r="GC40" s="117">
        <v>36192</v>
      </c>
      <c r="GD40" s="117">
        <v>8800</v>
      </c>
      <c r="GE40" s="116">
        <v>164456</v>
      </c>
      <c r="GF40" s="351">
        <v>166056</v>
      </c>
      <c r="GG40" s="118">
        <v>0</v>
      </c>
      <c r="GH40" s="117">
        <v>16192</v>
      </c>
      <c r="GI40" s="115">
        <v>16192</v>
      </c>
      <c r="GJ40" s="114">
        <v>0</v>
      </c>
      <c r="GK40" s="117">
        <v>0</v>
      </c>
      <c r="GL40" s="117">
        <v>0</v>
      </c>
      <c r="GM40" s="117">
        <v>0</v>
      </c>
      <c r="GN40" s="117">
        <v>0</v>
      </c>
      <c r="GO40" s="117">
        <v>0</v>
      </c>
      <c r="GP40" s="116">
        <v>0</v>
      </c>
      <c r="GQ40" s="119">
        <v>16192</v>
      </c>
      <c r="GR40" s="113">
        <v>0</v>
      </c>
      <c r="GS40" s="117">
        <v>0</v>
      </c>
      <c r="GT40" s="116">
        <v>0</v>
      </c>
      <c r="GU40" s="113">
        <v>0</v>
      </c>
      <c r="GV40" s="117">
        <v>0</v>
      </c>
      <c r="GW40" s="117">
        <v>0</v>
      </c>
      <c r="GX40" s="117">
        <v>0</v>
      </c>
      <c r="GY40" s="117">
        <v>0</v>
      </c>
      <c r="GZ40" s="117">
        <v>0</v>
      </c>
      <c r="HA40" s="115">
        <v>0</v>
      </c>
      <c r="HB40" s="119">
        <v>0</v>
      </c>
      <c r="HC40" s="113">
        <v>113304</v>
      </c>
      <c r="HD40" s="117">
        <v>0</v>
      </c>
      <c r="HE40" s="115">
        <v>113304</v>
      </c>
      <c r="HF40" s="114">
        <v>0</v>
      </c>
      <c r="HG40" s="117">
        <v>769728</v>
      </c>
      <c r="HH40" s="117">
        <v>460816</v>
      </c>
      <c r="HI40" s="117">
        <v>386482</v>
      </c>
      <c r="HJ40" s="117">
        <v>422400</v>
      </c>
      <c r="HK40" s="117">
        <v>242143</v>
      </c>
      <c r="HL40" s="116">
        <v>2281569</v>
      </c>
      <c r="HM40" s="112">
        <v>2394873</v>
      </c>
      <c r="HN40" s="367"/>
      <c r="HO40" s="368"/>
      <c r="HP40" s="369"/>
      <c r="HQ40" s="370"/>
      <c r="HR40" s="368"/>
      <c r="HS40" s="368"/>
      <c r="HT40" s="368"/>
      <c r="HU40" s="368"/>
      <c r="HV40" s="368"/>
      <c r="HW40" s="371"/>
      <c r="HX40" s="372"/>
      <c r="HY40" s="168">
        <v>0</v>
      </c>
      <c r="HZ40" s="153">
        <v>0</v>
      </c>
      <c r="IA40" s="168">
        <v>0</v>
      </c>
      <c r="IB40" s="164">
        <v>0</v>
      </c>
      <c r="IC40" s="150">
        <v>118200</v>
      </c>
      <c r="ID40" s="165">
        <v>311768</v>
      </c>
      <c r="IE40" s="151">
        <v>0</v>
      </c>
      <c r="IF40" s="150">
        <v>0</v>
      </c>
      <c r="IG40" s="151">
        <v>0</v>
      </c>
      <c r="IH40" s="166">
        <v>429968</v>
      </c>
      <c r="II40" s="168">
        <v>429968</v>
      </c>
      <c r="IJ40" s="262">
        <v>0</v>
      </c>
      <c r="IK40" s="269">
        <v>0</v>
      </c>
      <c r="IL40" s="270">
        <v>0</v>
      </c>
      <c r="IM40" s="158"/>
      <c r="IN40" s="123">
        <v>0</v>
      </c>
      <c r="IO40" s="123">
        <v>73848</v>
      </c>
      <c r="IP40" s="123">
        <v>0</v>
      </c>
      <c r="IQ40" s="123">
        <v>0</v>
      </c>
      <c r="IR40" s="123">
        <v>0</v>
      </c>
      <c r="IS40" s="159">
        <v>73848</v>
      </c>
      <c r="IT40" s="354">
        <v>73848</v>
      </c>
      <c r="IU40" s="160">
        <v>0</v>
      </c>
      <c r="IV40" s="123">
        <v>0</v>
      </c>
      <c r="IW40" s="124">
        <v>0</v>
      </c>
      <c r="IX40" s="162"/>
      <c r="IY40" s="123">
        <v>0</v>
      </c>
      <c r="IZ40" s="123">
        <v>0</v>
      </c>
      <c r="JA40" s="123">
        <v>0</v>
      </c>
      <c r="JB40" s="123">
        <v>0</v>
      </c>
      <c r="JC40" s="123">
        <v>0</v>
      </c>
      <c r="JD40" s="124">
        <v>0</v>
      </c>
      <c r="JE40" s="125">
        <v>0</v>
      </c>
      <c r="JF40" s="160">
        <v>0</v>
      </c>
      <c r="JG40" s="123">
        <v>0</v>
      </c>
      <c r="JH40" s="159">
        <v>0</v>
      </c>
      <c r="JI40" s="122">
        <v>0</v>
      </c>
      <c r="JJ40" s="123">
        <v>0</v>
      </c>
      <c r="JK40" s="123">
        <v>0</v>
      </c>
      <c r="JL40" s="123">
        <v>0</v>
      </c>
      <c r="JM40" s="123">
        <v>0</v>
      </c>
      <c r="JN40" s="123">
        <v>0</v>
      </c>
      <c r="JO40" s="124">
        <v>0</v>
      </c>
      <c r="JP40" s="354">
        <v>0</v>
      </c>
      <c r="JQ40" s="160">
        <v>0</v>
      </c>
      <c r="JR40" s="123">
        <v>0</v>
      </c>
      <c r="JS40" s="159">
        <v>0</v>
      </c>
      <c r="JT40" s="122">
        <v>0</v>
      </c>
      <c r="JU40" s="123">
        <v>0</v>
      </c>
      <c r="JV40" s="123">
        <v>0</v>
      </c>
      <c r="JW40" s="123">
        <v>0</v>
      </c>
      <c r="JX40" s="123">
        <v>0</v>
      </c>
      <c r="JY40" s="123">
        <v>0</v>
      </c>
      <c r="JZ40" s="124">
        <v>0</v>
      </c>
      <c r="KA40" s="354">
        <v>0</v>
      </c>
      <c r="KB40" s="265">
        <v>0</v>
      </c>
      <c r="KC40" s="259">
        <v>0</v>
      </c>
      <c r="KD40" s="124">
        <v>0</v>
      </c>
      <c r="KE40" s="122">
        <v>0</v>
      </c>
      <c r="KF40" s="123">
        <v>118200</v>
      </c>
      <c r="KG40" s="123">
        <v>0</v>
      </c>
      <c r="KH40" s="123">
        <v>0</v>
      </c>
      <c r="KI40" s="123">
        <v>0</v>
      </c>
      <c r="KJ40" s="123">
        <v>0</v>
      </c>
      <c r="KK40" s="124">
        <v>118200</v>
      </c>
      <c r="KL40" s="161">
        <v>118200</v>
      </c>
      <c r="KM40" s="262">
        <v>0</v>
      </c>
      <c r="KN40" s="269">
        <v>0</v>
      </c>
      <c r="KO40" s="270">
        <v>0</v>
      </c>
      <c r="KP40" s="158"/>
      <c r="KQ40" s="123">
        <v>0</v>
      </c>
      <c r="KR40" s="123">
        <v>237920</v>
      </c>
      <c r="KS40" s="123">
        <v>0</v>
      </c>
      <c r="KT40" s="123">
        <v>0</v>
      </c>
      <c r="KU40" s="123">
        <v>0</v>
      </c>
      <c r="KV40" s="124">
        <v>237920</v>
      </c>
      <c r="KW40" s="354">
        <v>237920</v>
      </c>
      <c r="KX40" s="160">
        <v>0</v>
      </c>
      <c r="KY40" s="123">
        <v>0</v>
      </c>
      <c r="KZ40" s="124">
        <v>0</v>
      </c>
      <c r="LA40" s="163"/>
      <c r="LB40" s="123">
        <v>0</v>
      </c>
      <c r="LC40" s="123">
        <v>0</v>
      </c>
      <c r="LD40" s="123">
        <v>0</v>
      </c>
      <c r="LE40" s="123">
        <v>0</v>
      </c>
      <c r="LF40" s="123">
        <v>0</v>
      </c>
      <c r="LG40" s="124">
        <v>0</v>
      </c>
      <c r="LH40" s="125">
        <v>0</v>
      </c>
      <c r="LI40" s="160">
        <v>0</v>
      </c>
      <c r="LJ40" s="123">
        <v>0</v>
      </c>
      <c r="LK40" s="124">
        <v>0</v>
      </c>
      <c r="LL40" s="163"/>
      <c r="LM40" s="123">
        <v>0</v>
      </c>
      <c r="LN40" s="123">
        <v>0</v>
      </c>
      <c r="LO40" s="123">
        <v>0</v>
      </c>
      <c r="LP40" s="123">
        <v>0</v>
      </c>
      <c r="LQ40" s="123">
        <v>0</v>
      </c>
      <c r="LR40" s="124">
        <v>0</v>
      </c>
      <c r="LS40" s="354">
        <v>0</v>
      </c>
      <c r="LT40" s="160">
        <v>0</v>
      </c>
      <c r="LU40" s="123">
        <v>0</v>
      </c>
      <c r="LV40" s="124">
        <v>0</v>
      </c>
      <c r="LW40" s="163"/>
      <c r="LX40" s="123">
        <v>0</v>
      </c>
      <c r="LY40" s="123">
        <v>0</v>
      </c>
      <c r="LZ40" s="123">
        <v>0</v>
      </c>
      <c r="MA40" s="123">
        <v>0</v>
      </c>
      <c r="MB40" s="123">
        <v>0</v>
      </c>
      <c r="MC40" s="124">
        <v>0</v>
      </c>
      <c r="MD40" s="125">
        <v>0</v>
      </c>
      <c r="ME40" s="160">
        <v>0</v>
      </c>
      <c r="MF40" s="123">
        <v>0</v>
      </c>
      <c r="MG40" s="124">
        <v>0</v>
      </c>
      <c r="MH40" s="163"/>
      <c r="MI40" s="123">
        <v>0</v>
      </c>
      <c r="MJ40" s="123">
        <v>0</v>
      </c>
      <c r="MK40" s="123">
        <v>273896</v>
      </c>
      <c r="ML40" s="123">
        <v>1256352</v>
      </c>
      <c r="MM40" s="123">
        <v>252432</v>
      </c>
      <c r="MN40" s="124">
        <v>1782680</v>
      </c>
      <c r="MO40" s="161">
        <v>1782680</v>
      </c>
      <c r="MP40" s="160">
        <v>0</v>
      </c>
      <c r="MQ40" s="123">
        <v>0</v>
      </c>
      <c r="MR40" s="124">
        <v>0</v>
      </c>
      <c r="MS40" s="163"/>
      <c r="MT40" s="123">
        <v>0</v>
      </c>
      <c r="MU40" s="123">
        <v>0</v>
      </c>
      <c r="MV40" s="123">
        <v>0</v>
      </c>
      <c r="MW40" s="123">
        <v>755376</v>
      </c>
      <c r="MX40" s="123">
        <v>252432</v>
      </c>
      <c r="MY40" s="124">
        <v>1007808</v>
      </c>
      <c r="MZ40" s="161">
        <v>1007808</v>
      </c>
      <c r="NA40" s="160">
        <v>0</v>
      </c>
      <c r="NB40" s="123">
        <v>0</v>
      </c>
      <c r="NC40" s="124">
        <v>0</v>
      </c>
      <c r="ND40" s="163"/>
      <c r="NE40" s="123">
        <v>0</v>
      </c>
      <c r="NF40" s="123">
        <v>0</v>
      </c>
      <c r="NG40" s="123">
        <v>273896</v>
      </c>
      <c r="NH40" s="123">
        <v>500976</v>
      </c>
      <c r="NI40" s="123">
        <v>0</v>
      </c>
      <c r="NJ40" s="124">
        <v>774872</v>
      </c>
      <c r="NK40" s="354">
        <v>774872</v>
      </c>
      <c r="NL40" s="160">
        <v>0</v>
      </c>
      <c r="NM40" s="123">
        <v>0</v>
      </c>
      <c r="NN40" s="124">
        <v>0</v>
      </c>
      <c r="NO40" s="163"/>
      <c r="NP40" s="123">
        <v>0</v>
      </c>
      <c r="NQ40" s="123">
        <v>0</v>
      </c>
      <c r="NR40" s="123">
        <v>0</v>
      </c>
      <c r="NS40" s="123">
        <v>0</v>
      </c>
      <c r="NT40" s="123">
        <v>0</v>
      </c>
      <c r="NU40" s="124">
        <v>0</v>
      </c>
      <c r="NV40" s="125">
        <v>0</v>
      </c>
      <c r="NW40" s="160">
        <v>0</v>
      </c>
      <c r="NX40" s="123">
        <v>0</v>
      </c>
      <c r="NY40" s="124">
        <v>0</v>
      </c>
      <c r="NZ40" s="163"/>
      <c r="OA40" s="123">
        <v>0</v>
      </c>
      <c r="OB40" s="123">
        <v>0</v>
      </c>
      <c r="OC40" s="123">
        <v>0</v>
      </c>
      <c r="OD40" s="123">
        <v>0</v>
      </c>
      <c r="OE40" s="123">
        <v>0</v>
      </c>
      <c r="OF40" s="124">
        <v>0</v>
      </c>
      <c r="OG40" s="125">
        <v>0</v>
      </c>
      <c r="OH40" s="160">
        <v>187776</v>
      </c>
      <c r="OI40" s="123">
        <v>28704</v>
      </c>
      <c r="OJ40" s="159">
        <v>216480</v>
      </c>
      <c r="OK40" s="122">
        <v>0</v>
      </c>
      <c r="OL40" s="123">
        <v>1479240</v>
      </c>
      <c r="OM40" s="123">
        <v>2053301</v>
      </c>
      <c r="ON40" s="123">
        <v>896394</v>
      </c>
      <c r="OO40" s="123">
        <v>2106744</v>
      </c>
      <c r="OP40" s="123">
        <v>815224</v>
      </c>
      <c r="OQ40" s="124">
        <v>7350903</v>
      </c>
      <c r="OR40" s="161">
        <v>7567383</v>
      </c>
    </row>
    <row r="41" spans="1:408" ht="20.25" customHeight="1" x14ac:dyDescent="0.2">
      <c r="A41" s="130" t="s">
        <v>36</v>
      </c>
      <c r="B41" s="113">
        <v>20000</v>
      </c>
      <c r="C41" s="117">
        <v>71536</v>
      </c>
      <c r="D41" s="116">
        <v>91536</v>
      </c>
      <c r="E41" s="112">
        <v>0</v>
      </c>
      <c r="F41" s="117">
        <v>573750</v>
      </c>
      <c r="G41" s="117">
        <v>526982</v>
      </c>
      <c r="H41" s="117">
        <v>449586</v>
      </c>
      <c r="I41" s="117">
        <v>557461</v>
      </c>
      <c r="J41" s="117">
        <v>10134</v>
      </c>
      <c r="K41" s="201">
        <v>2117913</v>
      </c>
      <c r="L41" s="119">
        <v>2209449</v>
      </c>
      <c r="M41" s="113">
        <v>0</v>
      </c>
      <c r="N41" s="117">
        <v>12384</v>
      </c>
      <c r="O41" s="116">
        <v>12384</v>
      </c>
      <c r="P41" s="113">
        <v>0</v>
      </c>
      <c r="Q41" s="117">
        <v>204211</v>
      </c>
      <c r="R41" s="117">
        <v>60166</v>
      </c>
      <c r="S41" s="117">
        <v>103486</v>
      </c>
      <c r="T41" s="117">
        <v>256419</v>
      </c>
      <c r="U41" s="117">
        <v>10134</v>
      </c>
      <c r="V41" s="116">
        <v>634416</v>
      </c>
      <c r="W41" s="119">
        <v>646800</v>
      </c>
      <c r="X41" s="113">
        <v>0</v>
      </c>
      <c r="Y41" s="117">
        <v>0</v>
      </c>
      <c r="Z41" s="116">
        <v>0</v>
      </c>
      <c r="AA41" s="113">
        <v>0</v>
      </c>
      <c r="AB41" s="117">
        <v>116003</v>
      </c>
      <c r="AC41" s="117">
        <v>11350</v>
      </c>
      <c r="AD41" s="117">
        <v>0</v>
      </c>
      <c r="AE41" s="117">
        <v>0</v>
      </c>
      <c r="AF41" s="117">
        <v>0</v>
      </c>
      <c r="AG41" s="116">
        <v>127353</v>
      </c>
      <c r="AH41" s="119">
        <v>127353</v>
      </c>
      <c r="AI41" s="113">
        <v>0</v>
      </c>
      <c r="AJ41" s="117">
        <v>0</v>
      </c>
      <c r="AK41" s="116">
        <v>0</v>
      </c>
      <c r="AL41" s="113">
        <v>0</v>
      </c>
      <c r="AM41" s="117">
        <v>0</v>
      </c>
      <c r="AN41" s="117">
        <v>0</v>
      </c>
      <c r="AO41" s="117">
        <v>0</v>
      </c>
      <c r="AP41" s="117">
        <v>46238</v>
      </c>
      <c r="AQ41" s="117">
        <v>0</v>
      </c>
      <c r="AR41" s="116">
        <v>46238</v>
      </c>
      <c r="AS41" s="119">
        <v>46238</v>
      </c>
      <c r="AT41" s="113">
        <v>0</v>
      </c>
      <c r="AU41" s="117">
        <v>0</v>
      </c>
      <c r="AV41" s="116">
        <v>0</v>
      </c>
      <c r="AW41" s="113">
        <v>0</v>
      </c>
      <c r="AX41" s="117">
        <v>67280</v>
      </c>
      <c r="AY41" s="117">
        <v>27472</v>
      </c>
      <c r="AZ41" s="117">
        <v>28478</v>
      </c>
      <c r="BA41" s="117">
        <v>193565</v>
      </c>
      <c r="BB41" s="117">
        <v>10134</v>
      </c>
      <c r="BC41" s="116">
        <v>326929</v>
      </c>
      <c r="BD41" s="119">
        <v>326929</v>
      </c>
      <c r="BE41" s="113">
        <v>0</v>
      </c>
      <c r="BF41" s="117">
        <v>0</v>
      </c>
      <c r="BG41" s="115">
        <v>0</v>
      </c>
      <c r="BH41" s="114">
        <v>0</v>
      </c>
      <c r="BI41" s="117">
        <v>0</v>
      </c>
      <c r="BJ41" s="117">
        <v>0</v>
      </c>
      <c r="BK41" s="117">
        <v>0</v>
      </c>
      <c r="BL41" s="117">
        <v>0</v>
      </c>
      <c r="BM41" s="117">
        <v>0</v>
      </c>
      <c r="BN41" s="116">
        <v>0</v>
      </c>
      <c r="BO41" s="119">
        <v>0</v>
      </c>
      <c r="BP41" s="113">
        <v>0</v>
      </c>
      <c r="BQ41" s="117">
        <v>12384</v>
      </c>
      <c r="BR41" s="116">
        <v>12384</v>
      </c>
      <c r="BS41" s="113">
        <v>0</v>
      </c>
      <c r="BT41" s="117">
        <v>20928</v>
      </c>
      <c r="BU41" s="117">
        <v>21344</v>
      </c>
      <c r="BV41" s="117">
        <v>75008</v>
      </c>
      <c r="BW41" s="117">
        <v>16616</v>
      </c>
      <c r="BX41" s="117">
        <v>0</v>
      </c>
      <c r="BY41" s="116">
        <v>133896</v>
      </c>
      <c r="BZ41" s="119">
        <v>146280</v>
      </c>
      <c r="CA41" s="113">
        <v>0</v>
      </c>
      <c r="CB41" s="117">
        <v>37312</v>
      </c>
      <c r="CC41" s="116">
        <v>37312</v>
      </c>
      <c r="CD41" s="113">
        <v>0</v>
      </c>
      <c r="CE41" s="117">
        <v>43387</v>
      </c>
      <c r="CF41" s="117">
        <v>165007</v>
      </c>
      <c r="CG41" s="117">
        <v>53748</v>
      </c>
      <c r="CH41" s="117">
        <v>47275</v>
      </c>
      <c r="CI41" s="117">
        <v>0</v>
      </c>
      <c r="CJ41" s="116">
        <v>309417</v>
      </c>
      <c r="CK41" s="119">
        <v>346729</v>
      </c>
      <c r="CL41" s="113">
        <v>0</v>
      </c>
      <c r="CM41" s="117">
        <v>0</v>
      </c>
      <c r="CN41" s="116">
        <v>0</v>
      </c>
      <c r="CO41" s="114">
        <v>0</v>
      </c>
      <c r="CP41" s="117">
        <v>43387</v>
      </c>
      <c r="CQ41" s="117">
        <v>100028</v>
      </c>
      <c r="CR41" s="117">
        <v>26944</v>
      </c>
      <c r="CS41" s="117">
        <v>47275</v>
      </c>
      <c r="CT41" s="117">
        <v>0</v>
      </c>
      <c r="CU41" s="116">
        <v>217634</v>
      </c>
      <c r="CV41" s="119">
        <v>217634</v>
      </c>
      <c r="CW41" s="113">
        <v>0</v>
      </c>
      <c r="CX41" s="117">
        <v>37312</v>
      </c>
      <c r="CY41" s="116">
        <v>37312</v>
      </c>
      <c r="CZ41" s="113">
        <v>0</v>
      </c>
      <c r="DA41" s="117">
        <v>0</v>
      </c>
      <c r="DB41" s="117">
        <v>64979</v>
      </c>
      <c r="DC41" s="117">
        <v>26804</v>
      </c>
      <c r="DD41" s="117">
        <v>0</v>
      </c>
      <c r="DE41" s="117">
        <v>0</v>
      </c>
      <c r="DF41" s="116">
        <v>91783</v>
      </c>
      <c r="DG41" s="119">
        <v>129095</v>
      </c>
      <c r="DH41" s="113">
        <v>0</v>
      </c>
      <c r="DI41" s="117">
        <v>0</v>
      </c>
      <c r="DJ41" s="115">
        <v>0</v>
      </c>
      <c r="DK41" s="114">
        <v>0</v>
      </c>
      <c r="DL41" s="117">
        <v>292552</v>
      </c>
      <c r="DM41" s="117">
        <v>0</v>
      </c>
      <c r="DN41" s="117">
        <v>19639</v>
      </c>
      <c r="DO41" s="117">
        <v>50715</v>
      </c>
      <c r="DP41" s="117">
        <v>0</v>
      </c>
      <c r="DQ41" s="116">
        <v>362906</v>
      </c>
      <c r="DR41" s="119">
        <v>362906</v>
      </c>
      <c r="DS41" s="113">
        <v>0</v>
      </c>
      <c r="DT41" s="117">
        <v>0</v>
      </c>
      <c r="DU41" s="116">
        <v>0</v>
      </c>
      <c r="DV41" s="113">
        <v>0</v>
      </c>
      <c r="DW41" s="117">
        <v>292552</v>
      </c>
      <c r="DX41" s="117">
        <v>0</v>
      </c>
      <c r="DY41" s="117">
        <v>19639</v>
      </c>
      <c r="DZ41" s="117">
        <v>50715</v>
      </c>
      <c r="EA41" s="117">
        <v>0</v>
      </c>
      <c r="EB41" s="116">
        <v>362906</v>
      </c>
      <c r="EC41" s="119">
        <v>362906</v>
      </c>
      <c r="ED41" s="113">
        <v>0</v>
      </c>
      <c r="EE41" s="115">
        <v>0</v>
      </c>
      <c r="EF41" s="116">
        <v>0</v>
      </c>
      <c r="EG41" s="113">
        <v>0</v>
      </c>
      <c r="EH41" s="117">
        <v>0</v>
      </c>
      <c r="EI41" s="117">
        <v>0</v>
      </c>
      <c r="EJ41" s="117">
        <v>0</v>
      </c>
      <c r="EK41" s="117">
        <v>0</v>
      </c>
      <c r="EL41" s="117">
        <v>0</v>
      </c>
      <c r="EM41" s="115">
        <v>0</v>
      </c>
      <c r="EN41" s="119">
        <v>0</v>
      </c>
      <c r="EO41" s="113">
        <v>0</v>
      </c>
      <c r="EP41" s="117">
        <v>0</v>
      </c>
      <c r="EQ41" s="115">
        <v>0</v>
      </c>
      <c r="ER41" s="114">
        <v>0</v>
      </c>
      <c r="ES41" s="117">
        <v>0</v>
      </c>
      <c r="ET41" s="117">
        <v>0</v>
      </c>
      <c r="EU41" s="117">
        <v>0</v>
      </c>
      <c r="EV41" s="117">
        <v>0</v>
      </c>
      <c r="EW41" s="117">
        <v>0</v>
      </c>
      <c r="EX41" s="116">
        <v>0</v>
      </c>
      <c r="EY41" s="119">
        <v>0</v>
      </c>
      <c r="EZ41" s="113">
        <v>0</v>
      </c>
      <c r="FA41" s="117">
        <v>0</v>
      </c>
      <c r="FB41" s="115">
        <v>0</v>
      </c>
      <c r="FC41" s="387"/>
      <c r="FD41" s="117">
        <v>0</v>
      </c>
      <c r="FE41" s="117">
        <v>0</v>
      </c>
      <c r="FF41" s="117">
        <v>0</v>
      </c>
      <c r="FG41" s="117">
        <v>0</v>
      </c>
      <c r="FH41" s="117">
        <v>0</v>
      </c>
      <c r="FI41" s="116">
        <v>0</v>
      </c>
      <c r="FJ41" s="119">
        <v>0</v>
      </c>
      <c r="FK41" s="113">
        <v>20000</v>
      </c>
      <c r="FL41" s="117">
        <v>21840</v>
      </c>
      <c r="FM41" s="116">
        <v>41840</v>
      </c>
      <c r="FN41" s="113">
        <v>0</v>
      </c>
      <c r="FO41" s="117">
        <v>33600</v>
      </c>
      <c r="FP41" s="117">
        <v>129184</v>
      </c>
      <c r="FQ41" s="117">
        <v>32800</v>
      </c>
      <c r="FR41" s="117">
        <v>53760</v>
      </c>
      <c r="FS41" s="117">
        <v>0</v>
      </c>
      <c r="FT41" s="116">
        <v>249344</v>
      </c>
      <c r="FU41" s="119">
        <v>291184</v>
      </c>
      <c r="FV41" s="118">
        <v>800</v>
      </c>
      <c r="FW41" s="117">
        <v>21840</v>
      </c>
      <c r="FX41" s="115">
        <v>22640</v>
      </c>
      <c r="FY41" s="114">
        <v>0</v>
      </c>
      <c r="FZ41" s="117">
        <v>33600</v>
      </c>
      <c r="GA41" s="117">
        <v>29184</v>
      </c>
      <c r="GB41" s="117">
        <v>32800</v>
      </c>
      <c r="GC41" s="117">
        <v>53760</v>
      </c>
      <c r="GD41" s="117">
        <v>0</v>
      </c>
      <c r="GE41" s="116">
        <v>149344</v>
      </c>
      <c r="GF41" s="351">
        <v>171984</v>
      </c>
      <c r="GG41" s="118">
        <v>19200</v>
      </c>
      <c r="GH41" s="117">
        <v>0</v>
      </c>
      <c r="GI41" s="115">
        <v>19200</v>
      </c>
      <c r="GJ41" s="114">
        <v>0</v>
      </c>
      <c r="GK41" s="117">
        <v>0</v>
      </c>
      <c r="GL41" s="117">
        <v>0</v>
      </c>
      <c r="GM41" s="117">
        <v>0</v>
      </c>
      <c r="GN41" s="117">
        <v>0</v>
      </c>
      <c r="GO41" s="117">
        <v>0</v>
      </c>
      <c r="GP41" s="116">
        <v>0</v>
      </c>
      <c r="GQ41" s="119">
        <v>19200</v>
      </c>
      <c r="GR41" s="113">
        <v>0</v>
      </c>
      <c r="GS41" s="117">
        <v>0</v>
      </c>
      <c r="GT41" s="116">
        <v>0</v>
      </c>
      <c r="GU41" s="113">
        <v>0</v>
      </c>
      <c r="GV41" s="117">
        <v>0</v>
      </c>
      <c r="GW41" s="117">
        <v>100000</v>
      </c>
      <c r="GX41" s="117">
        <v>0</v>
      </c>
      <c r="GY41" s="117">
        <v>0</v>
      </c>
      <c r="GZ41" s="117">
        <v>0</v>
      </c>
      <c r="HA41" s="115">
        <v>100000</v>
      </c>
      <c r="HB41" s="119">
        <v>100000</v>
      </c>
      <c r="HC41" s="113">
        <v>0</v>
      </c>
      <c r="HD41" s="117">
        <v>0</v>
      </c>
      <c r="HE41" s="115">
        <v>0</v>
      </c>
      <c r="HF41" s="114">
        <v>0</v>
      </c>
      <c r="HG41" s="117">
        <v>0</v>
      </c>
      <c r="HH41" s="117">
        <v>172625</v>
      </c>
      <c r="HI41" s="117">
        <v>239913</v>
      </c>
      <c r="HJ41" s="117">
        <v>149292</v>
      </c>
      <c r="HK41" s="117">
        <v>0</v>
      </c>
      <c r="HL41" s="116">
        <v>561830</v>
      </c>
      <c r="HM41" s="112">
        <v>561830</v>
      </c>
      <c r="HN41" s="367"/>
      <c r="HO41" s="368"/>
      <c r="HP41" s="369"/>
      <c r="HQ41" s="370"/>
      <c r="HR41" s="368"/>
      <c r="HS41" s="368"/>
      <c r="HT41" s="368"/>
      <c r="HU41" s="368"/>
      <c r="HV41" s="368"/>
      <c r="HW41" s="371"/>
      <c r="HX41" s="372"/>
      <c r="HY41" s="149">
        <v>0</v>
      </c>
      <c r="HZ41" s="150">
        <v>0</v>
      </c>
      <c r="IA41" s="151">
        <v>0</v>
      </c>
      <c r="IB41" s="164">
        <v>0</v>
      </c>
      <c r="IC41" s="150">
        <v>86791</v>
      </c>
      <c r="ID41" s="165">
        <v>19730</v>
      </c>
      <c r="IE41" s="151">
        <v>495963</v>
      </c>
      <c r="IF41" s="150">
        <v>240624</v>
      </c>
      <c r="IG41" s="151">
        <v>232635</v>
      </c>
      <c r="IH41" s="166">
        <v>1075743</v>
      </c>
      <c r="II41" s="157">
        <v>1075743</v>
      </c>
      <c r="IJ41" s="262">
        <v>0</v>
      </c>
      <c r="IK41" s="269">
        <v>0</v>
      </c>
      <c r="IL41" s="270">
        <v>0</v>
      </c>
      <c r="IM41" s="158"/>
      <c r="IN41" s="123">
        <v>0</v>
      </c>
      <c r="IO41" s="123">
        <v>0</v>
      </c>
      <c r="IP41" s="123">
        <v>0</v>
      </c>
      <c r="IQ41" s="123">
        <v>0</v>
      </c>
      <c r="IR41" s="123">
        <v>0</v>
      </c>
      <c r="IS41" s="159">
        <v>0</v>
      </c>
      <c r="IT41" s="354">
        <v>0</v>
      </c>
      <c r="IU41" s="160">
        <v>0</v>
      </c>
      <c r="IV41" s="123">
        <v>0</v>
      </c>
      <c r="IW41" s="124">
        <v>0</v>
      </c>
      <c r="IX41" s="162"/>
      <c r="IY41" s="123">
        <v>0</v>
      </c>
      <c r="IZ41" s="123">
        <v>0</v>
      </c>
      <c r="JA41" s="123">
        <v>0</v>
      </c>
      <c r="JB41" s="123">
        <v>0</v>
      </c>
      <c r="JC41" s="123">
        <v>0</v>
      </c>
      <c r="JD41" s="124">
        <v>0</v>
      </c>
      <c r="JE41" s="125">
        <v>0</v>
      </c>
      <c r="JF41" s="160">
        <v>0</v>
      </c>
      <c r="JG41" s="123">
        <v>0</v>
      </c>
      <c r="JH41" s="159">
        <v>0</v>
      </c>
      <c r="JI41" s="122">
        <v>0</v>
      </c>
      <c r="JJ41" s="123">
        <v>86791</v>
      </c>
      <c r="JK41" s="123">
        <v>19730</v>
      </c>
      <c r="JL41" s="123">
        <v>0</v>
      </c>
      <c r="JM41" s="123">
        <v>0</v>
      </c>
      <c r="JN41" s="123">
        <v>232635</v>
      </c>
      <c r="JO41" s="124">
        <v>339156</v>
      </c>
      <c r="JP41" s="354">
        <v>339156</v>
      </c>
      <c r="JQ41" s="160">
        <v>0</v>
      </c>
      <c r="JR41" s="123">
        <v>0</v>
      </c>
      <c r="JS41" s="159">
        <v>0</v>
      </c>
      <c r="JT41" s="122">
        <v>0</v>
      </c>
      <c r="JU41" s="123">
        <v>0</v>
      </c>
      <c r="JV41" s="123">
        <v>0</v>
      </c>
      <c r="JW41" s="123">
        <v>0</v>
      </c>
      <c r="JX41" s="123">
        <v>0</v>
      </c>
      <c r="JY41" s="123">
        <v>0</v>
      </c>
      <c r="JZ41" s="124">
        <v>0</v>
      </c>
      <c r="KA41" s="354">
        <v>0</v>
      </c>
      <c r="KB41" s="265">
        <v>0</v>
      </c>
      <c r="KC41" s="259">
        <v>0</v>
      </c>
      <c r="KD41" s="124">
        <v>0</v>
      </c>
      <c r="KE41" s="122">
        <v>0</v>
      </c>
      <c r="KF41" s="123">
        <v>0</v>
      </c>
      <c r="KG41" s="123">
        <v>0</v>
      </c>
      <c r="KH41" s="123">
        <v>0</v>
      </c>
      <c r="KI41" s="123">
        <v>240624</v>
      </c>
      <c r="KJ41" s="123">
        <v>0</v>
      </c>
      <c r="KK41" s="124">
        <v>240624</v>
      </c>
      <c r="KL41" s="161">
        <v>240624</v>
      </c>
      <c r="KM41" s="262">
        <v>0</v>
      </c>
      <c r="KN41" s="269">
        <v>0</v>
      </c>
      <c r="KO41" s="270">
        <v>0</v>
      </c>
      <c r="KP41" s="158"/>
      <c r="KQ41" s="123">
        <v>0</v>
      </c>
      <c r="KR41" s="123">
        <v>0</v>
      </c>
      <c r="KS41" s="123">
        <v>495963</v>
      </c>
      <c r="KT41" s="123">
        <v>0</v>
      </c>
      <c r="KU41" s="123">
        <v>0</v>
      </c>
      <c r="KV41" s="124">
        <v>495963</v>
      </c>
      <c r="KW41" s="354">
        <v>495963</v>
      </c>
      <c r="KX41" s="160">
        <v>0</v>
      </c>
      <c r="KY41" s="123">
        <v>0</v>
      </c>
      <c r="KZ41" s="124">
        <v>0</v>
      </c>
      <c r="LA41" s="163"/>
      <c r="LB41" s="123">
        <v>0</v>
      </c>
      <c r="LC41" s="123">
        <v>0</v>
      </c>
      <c r="LD41" s="123">
        <v>0</v>
      </c>
      <c r="LE41" s="123">
        <v>0</v>
      </c>
      <c r="LF41" s="123">
        <v>0</v>
      </c>
      <c r="LG41" s="124">
        <v>0</v>
      </c>
      <c r="LH41" s="125">
        <v>0</v>
      </c>
      <c r="LI41" s="160">
        <v>0</v>
      </c>
      <c r="LJ41" s="123">
        <v>0</v>
      </c>
      <c r="LK41" s="124">
        <v>0</v>
      </c>
      <c r="LL41" s="163"/>
      <c r="LM41" s="123">
        <v>0</v>
      </c>
      <c r="LN41" s="123">
        <v>0</v>
      </c>
      <c r="LO41" s="123">
        <v>0</v>
      </c>
      <c r="LP41" s="123">
        <v>0</v>
      </c>
      <c r="LQ41" s="123">
        <v>0</v>
      </c>
      <c r="LR41" s="124">
        <v>0</v>
      </c>
      <c r="LS41" s="354">
        <v>0</v>
      </c>
      <c r="LT41" s="160">
        <v>0</v>
      </c>
      <c r="LU41" s="123">
        <v>0</v>
      </c>
      <c r="LV41" s="124">
        <v>0</v>
      </c>
      <c r="LW41" s="163"/>
      <c r="LX41" s="123">
        <v>0</v>
      </c>
      <c r="LY41" s="123">
        <v>0</v>
      </c>
      <c r="LZ41" s="123">
        <v>0</v>
      </c>
      <c r="MA41" s="123">
        <v>0</v>
      </c>
      <c r="MB41" s="123">
        <v>0</v>
      </c>
      <c r="MC41" s="124">
        <v>0</v>
      </c>
      <c r="MD41" s="125">
        <v>0</v>
      </c>
      <c r="ME41" s="160">
        <v>0</v>
      </c>
      <c r="MF41" s="123">
        <v>0</v>
      </c>
      <c r="MG41" s="124">
        <v>0</v>
      </c>
      <c r="MH41" s="163"/>
      <c r="MI41" s="123">
        <v>42049</v>
      </c>
      <c r="MJ41" s="123">
        <v>0</v>
      </c>
      <c r="MK41" s="123">
        <v>1009891</v>
      </c>
      <c r="ML41" s="123">
        <v>1569719</v>
      </c>
      <c r="MM41" s="123">
        <v>1461004</v>
      </c>
      <c r="MN41" s="124">
        <v>4082663</v>
      </c>
      <c r="MO41" s="161">
        <v>4082663</v>
      </c>
      <c r="MP41" s="160">
        <v>0</v>
      </c>
      <c r="MQ41" s="123">
        <v>0</v>
      </c>
      <c r="MR41" s="124">
        <v>0</v>
      </c>
      <c r="MS41" s="163"/>
      <c r="MT41" s="123">
        <v>0</v>
      </c>
      <c r="MU41" s="123">
        <v>0</v>
      </c>
      <c r="MV41" s="123">
        <v>219725</v>
      </c>
      <c r="MW41" s="123">
        <v>1569719</v>
      </c>
      <c r="MX41" s="123">
        <v>1461004</v>
      </c>
      <c r="MY41" s="124">
        <v>3250448</v>
      </c>
      <c r="MZ41" s="161">
        <v>3250448</v>
      </c>
      <c r="NA41" s="160">
        <v>0</v>
      </c>
      <c r="NB41" s="123">
        <v>0</v>
      </c>
      <c r="NC41" s="124">
        <v>0</v>
      </c>
      <c r="ND41" s="163"/>
      <c r="NE41" s="123">
        <v>42049</v>
      </c>
      <c r="NF41" s="123">
        <v>0</v>
      </c>
      <c r="NG41" s="123">
        <v>790166</v>
      </c>
      <c r="NH41" s="123">
        <v>0</v>
      </c>
      <c r="NI41" s="123">
        <v>0</v>
      </c>
      <c r="NJ41" s="124">
        <v>832215</v>
      </c>
      <c r="NK41" s="354">
        <v>832215</v>
      </c>
      <c r="NL41" s="160">
        <v>0</v>
      </c>
      <c r="NM41" s="123">
        <v>0</v>
      </c>
      <c r="NN41" s="124">
        <v>0</v>
      </c>
      <c r="NO41" s="163"/>
      <c r="NP41" s="123">
        <v>0</v>
      </c>
      <c r="NQ41" s="123">
        <v>0</v>
      </c>
      <c r="NR41" s="123">
        <v>0</v>
      </c>
      <c r="NS41" s="123">
        <v>0</v>
      </c>
      <c r="NT41" s="123">
        <v>0</v>
      </c>
      <c r="NU41" s="124">
        <v>0</v>
      </c>
      <c r="NV41" s="125">
        <v>0</v>
      </c>
      <c r="NW41" s="160">
        <v>0</v>
      </c>
      <c r="NX41" s="123">
        <v>0</v>
      </c>
      <c r="NY41" s="124">
        <v>0</v>
      </c>
      <c r="NZ41" s="163"/>
      <c r="OA41" s="123">
        <v>0</v>
      </c>
      <c r="OB41" s="123">
        <v>0</v>
      </c>
      <c r="OC41" s="123">
        <v>0</v>
      </c>
      <c r="OD41" s="123">
        <v>0</v>
      </c>
      <c r="OE41" s="123">
        <v>0</v>
      </c>
      <c r="OF41" s="124">
        <v>0</v>
      </c>
      <c r="OG41" s="125">
        <v>0</v>
      </c>
      <c r="OH41" s="160">
        <v>20000</v>
      </c>
      <c r="OI41" s="123">
        <v>71536</v>
      </c>
      <c r="OJ41" s="159">
        <v>91536</v>
      </c>
      <c r="OK41" s="122">
        <v>0</v>
      </c>
      <c r="OL41" s="123">
        <v>702590</v>
      </c>
      <c r="OM41" s="123">
        <v>546712</v>
      </c>
      <c r="ON41" s="123">
        <v>1955440</v>
      </c>
      <c r="OO41" s="123">
        <v>2367804</v>
      </c>
      <c r="OP41" s="123">
        <v>1703773</v>
      </c>
      <c r="OQ41" s="124">
        <v>7276319</v>
      </c>
      <c r="OR41" s="161">
        <v>7367855</v>
      </c>
    </row>
    <row r="42" spans="1:408" ht="20.25" customHeight="1" thickBot="1" x14ac:dyDescent="0.25">
      <c r="A42" s="131" t="s">
        <v>37</v>
      </c>
      <c r="B42" s="120">
        <v>3200</v>
      </c>
      <c r="C42" s="206">
        <v>0</v>
      </c>
      <c r="D42" s="207">
        <v>3200</v>
      </c>
      <c r="E42" s="208">
        <v>0</v>
      </c>
      <c r="F42" s="206">
        <v>165935</v>
      </c>
      <c r="G42" s="206">
        <v>219555</v>
      </c>
      <c r="H42" s="206">
        <v>0</v>
      </c>
      <c r="I42" s="206">
        <v>0</v>
      </c>
      <c r="J42" s="206">
        <v>160284</v>
      </c>
      <c r="K42" s="208">
        <v>545774</v>
      </c>
      <c r="L42" s="209">
        <v>548974</v>
      </c>
      <c r="M42" s="120">
        <v>0</v>
      </c>
      <c r="N42" s="206">
        <v>0</v>
      </c>
      <c r="O42" s="207">
        <v>0</v>
      </c>
      <c r="P42" s="120">
        <v>0</v>
      </c>
      <c r="Q42" s="206">
        <v>107093</v>
      </c>
      <c r="R42" s="206">
        <v>0</v>
      </c>
      <c r="S42" s="206">
        <v>0</v>
      </c>
      <c r="T42" s="206">
        <v>0</v>
      </c>
      <c r="U42" s="206">
        <v>6240</v>
      </c>
      <c r="V42" s="207">
        <v>113333</v>
      </c>
      <c r="W42" s="209">
        <v>113333</v>
      </c>
      <c r="X42" s="120">
        <v>0</v>
      </c>
      <c r="Y42" s="206">
        <v>0</v>
      </c>
      <c r="Z42" s="207">
        <v>0</v>
      </c>
      <c r="AA42" s="120">
        <v>0</v>
      </c>
      <c r="AB42" s="206">
        <v>0</v>
      </c>
      <c r="AC42" s="206">
        <v>0</v>
      </c>
      <c r="AD42" s="206">
        <v>0</v>
      </c>
      <c r="AE42" s="206">
        <v>0</v>
      </c>
      <c r="AF42" s="206">
        <v>0</v>
      </c>
      <c r="AG42" s="207">
        <v>0</v>
      </c>
      <c r="AH42" s="209">
        <v>0</v>
      </c>
      <c r="AI42" s="120">
        <v>0</v>
      </c>
      <c r="AJ42" s="206">
        <v>0</v>
      </c>
      <c r="AK42" s="207">
        <v>0</v>
      </c>
      <c r="AL42" s="120">
        <v>0</v>
      </c>
      <c r="AM42" s="206">
        <v>0</v>
      </c>
      <c r="AN42" s="206">
        <v>0</v>
      </c>
      <c r="AO42" s="206">
        <v>0</v>
      </c>
      <c r="AP42" s="206">
        <v>0</v>
      </c>
      <c r="AQ42" s="206">
        <v>0</v>
      </c>
      <c r="AR42" s="207">
        <v>0</v>
      </c>
      <c r="AS42" s="209">
        <v>0</v>
      </c>
      <c r="AT42" s="120">
        <v>0</v>
      </c>
      <c r="AU42" s="206">
        <v>0</v>
      </c>
      <c r="AV42" s="207">
        <v>0</v>
      </c>
      <c r="AW42" s="120">
        <v>0</v>
      </c>
      <c r="AX42" s="206">
        <v>44729</v>
      </c>
      <c r="AY42" s="206">
        <v>0</v>
      </c>
      <c r="AZ42" s="206">
        <v>0</v>
      </c>
      <c r="BA42" s="206">
        <v>0</v>
      </c>
      <c r="BB42" s="206">
        <v>0</v>
      </c>
      <c r="BC42" s="207">
        <v>44729</v>
      </c>
      <c r="BD42" s="209">
        <v>44729</v>
      </c>
      <c r="BE42" s="120">
        <v>0</v>
      </c>
      <c r="BF42" s="206">
        <v>0</v>
      </c>
      <c r="BG42" s="211">
        <v>0</v>
      </c>
      <c r="BH42" s="210">
        <v>0</v>
      </c>
      <c r="BI42" s="206">
        <v>62364</v>
      </c>
      <c r="BJ42" s="206">
        <v>0</v>
      </c>
      <c r="BK42" s="206">
        <v>0</v>
      </c>
      <c r="BL42" s="206">
        <v>0</v>
      </c>
      <c r="BM42" s="206">
        <v>0</v>
      </c>
      <c r="BN42" s="207">
        <v>62364</v>
      </c>
      <c r="BO42" s="209">
        <v>62364</v>
      </c>
      <c r="BP42" s="120">
        <v>0</v>
      </c>
      <c r="BQ42" s="206">
        <v>0</v>
      </c>
      <c r="BR42" s="207">
        <v>0</v>
      </c>
      <c r="BS42" s="120">
        <v>0</v>
      </c>
      <c r="BT42" s="206">
        <v>0</v>
      </c>
      <c r="BU42" s="206">
        <v>0</v>
      </c>
      <c r="BV42" s="206">
        <v>0</v>
      </c>
      <c r="BW42" s="206">
        <v>0</v>
      </c>
      <c r="BX42" s="206">
        <v>6240</v>
      </c>
      <c r="BY42" s="207">
        <v>6240</v>
      </c>
      <c r="BZ42" s="209">
        <v>6240</v>
      </c>
      <c r="CA42" s="120">
        <v>0</v>
      </c>
      <c r="CB42" s="206">
        <v>0</v>
      </c>
      <c r="CC42" s="207">
        <v>0</v>
      </c>
      <c r="CD42" s="120">
        <v>0</v>
      </c>
      <c r="CE42" s="206">
        <v>54874</v>
      </c>
      <c r="CF42" s="206">
        <v>175395</v>
      </c>
      <c r="CG42" s="206">
        <v>0</v>
      </c>
      <c r="CH42" s="206">
        <v>0</v>
      </c>
      <c r="CI42" s="206">
        <v>0</v>
      </c>
      <c r="CJ42" s="207">
        <v>230269</v>
      </c>
      <c r="CK42" s="209">
        <v>230269</v>
      </c>
      <c r="CL42" s="120">
        <v>0</v>
      </c>
      <c r="CM42" s="206">
        <v>0</v>
      </c>
      <c r="CN42" s="207">
        <v>0</v>
      </c>
      <c r="CO42" s="210">
        <v>0</v>
      </c>
      <c r="CP42" s="206">
        <v>17420</v>
      </c>
      <c r="CQ42" s="206">
        <v>74066</v>
      </c>
      <c r="CR42" s="206">
        <v>0</v>
      </c>
      <c r="CS42" s="206">
        <v>0</v>
      </c>
      <c r="CT42" s="206">
        <v>0</v>
      </c>
      <c r="CU42" s="207">
        <v>91486</v>
      </c>
      <c r="CV42" s="209">
        <v>91486</v>
      </c>
      <c r="CW42" s="120">
        <v>0</v>
      </c>
      <c r="CX42" s="206">
        <v>0</v>
      </c>
      <c r="CY42" s="207">
        <v>0</v>
      </c>
      <c r="CZ42" s="120">
        <v>0</v>
      </c>
      <c r="DA42" s="206">
        <v>37454</v>
      </c>
      <c r="DB42" s="206">
        <v>101329</v>
      </c>
      <c r="DC42" s="206">
        <v>0</v>
      </c>
      <c r="DD42" s="206">
        <v>0</v>
      </c>
      <c r="DE42" s="206">
        <v>0</v>
      </c>
      <c r="DF42" s="207">
        <v>138783</v>
      </c>
      <c r="DG42" s="209">
        <v>138783</v>
      </c>
      <c r="DH42" s="120">
        <v>0</v>
      </c>
      <c r="DI42" s="206">
        <v>0</v>
      </c>
      <c r="DJ42" s="211">
        <v>0</v>
      </c>
      <c r="DK42" s="210">
        <v>0</v>
      </c>
      <c r="DL42" s="206">
        <v>0</v>
      </c>
      <c r="DM42" s="206">
        <v>0</v>
      </c>
      <c r="DN42" s="206">
        <v>0</v>
      </c>
      <c r="DO42" s="206">
        <v>0</v>
      </c>
      <c r="DP42" s="206">
        <v>0</v>
      </c>
      <c r="DQ42" s="207">
        <v>0</v>
      </c>
      <c r="DR42" s="209">
        <v>0</v>
      </c>
      <c r="DS42" s="120">
        <v>0</v>
      </c>
      <c r="DT42" s="206">
        <v>0</v>
      </c>
      <c r="DU42" s="207">
        <v>0</v>
      </c>
      <c r="DV42" s="120">
        <v>0</v>
      </c>
      <c r="DW42" s="206">
        <v>0</v>
      </c>
      <c r="DX42" s="206">
        <v>0</v>
      </c>
      <c r="DY42" s="206">
        <v>0</v>
      </c>
      <c r="DZ42" s="206">
        <v>0</v>
      </c>
      <c r="EA42" s="206">
        <v>0</v>
      </c>
      <c r="EB42" s="207">
        <v>0</v>
      </c>
      <c r="EC42" s="209">
        <v>0</v>
      </c>
      <c r="ED42" s="120">
        <v>0</v>
      </c>
      <c r="EE42" s="211">
        <v>0</v>
      </c>
      <c r="EF42" s="207">
        <v>0</v>
      </c>
      <c r="EG42" s="120">
        <v>0</v>
      </c>
      <c r="EH42" s="206">
        <v>0</v>
      </c>
      <c r="EI42" s="206">
        <v>0</v>
      </c>
      <c r="EJ42" s="206">
        <v>0</v>
      </c>
      <c r="EK42" s="206">
        <v>0</v>
      </c>
      <c r="EL42" s="206">
        <v>0</v>
      </c>
      <c r="EM42" s="211">
        <v>0</v>
      </c>
      <c r="EN42" s="209">
        <v>0</v>
      </c>
      <c r="EO42" s="120">
        <v>0</v>
      </c>
      <c r="EP42" s="206">
        <v>0</v>
      </c>
      <c r="EQ42" s="211">
        <v>0</v>
      </c>
      <c r="ER42" s="210">
        <v>0</v>
      </c>
      <c r="ES42" s="206">
        <v>0</v>
      </c>
      <c r="ET42" s="206">
        <v>0</v>
      </c>
      <c r="EU42" s="206">
        <v>0</v>
      </c>
      <c r="EV42" s="206">
        <v>0</v>
      </c>
      <c r="EW42" s="206">
        <v>0</v>
      </c>
      <c r="EX42" s="207">
        <v>0</v>
      </c>
      <c r="EY42" s="209">
        <v>0</v>
      </c>
      <c r="EZ42" s="120">
        <v>0</v>
      </c>
      <c r="FA42" s="206">
        <v>0</v>
      </c>
      <c r="FB42" s="211">
        <v>0</v>
      </c>
      <c r="FC42" s="388"/>
      <c r="FD42" s="206">
        <v>0</v>
      </c>
      <c r="FE42" s="206">
        <v>0</v>
      </c>
      <c r="FF42" s="206">
        <v>0</v>
      </c>
      <c r="FG42" s="206">
        <v>0</v>
      </c>
      <c r="FH42" s="206">
        <v>0</v>
      </c>
      <c r="FI42" s="207">
        <v>0</v>
      </c>
      <c r="FJ42" s="209">
        <v>0</v>
      </c>
      <c r="FK42" s="120">
        <v>3200</v>
      </c>
      <c r="FL42" s="206">
        <v>0</v>
      </c>
      <c r="FM42" s="207">
        <v>3200</v>
      </c>
      <c r="FN42" s="120">
        <v>0</v>
      </c>
      <c r="FO42" s="206">
        <v>3968</v>
      </c>
      <c r="FP42" s="206">
        <v>44160</v>
      </c>
      <c r="FQ42" s="206">
        <v>0</v>
      </c>
      <c r="FR42" s="206">
        <v>0</v>
      </c>
      <c r="FS42" s="206">
        <v>0</v>
      </c>
      <c r="FT42" s="207">
        <v>48128</v>
      </c>
      <c r="FU42" s="209">
        <v>51328</v>
      </c>
      <c r="FV42" s="212">
        <v>3200</v>
      </c>
      <c r="FW42" s="206">
        <v>0</v>
      </c>
      <c r="FX42" s="211">
        <v>3200</v>
      </c>
      <c r="FY42" s="210">
        <v>0</v>
      </c>
      <c r="FZ42" s="206">
        <v>3968</v>
      </c>
      <c r="GA42" s="206">
        <v>44160</v>
      </c>
      <c r="GB42" s="206">
        <v>0</v>
      </c>
      <c r="GC42" s="206">
        <v>0</v>
      </c>
      <c r="GD42" s="206">
        <v>0</v>
      </c>
      <c r="GE42" s="207">
        <v>48128</v>
      </c>
      <c r="GF42" s="352">
        <v>51328</v>
      </c>
      <c r="GG42" s="212">
        <v>0</v>
      </c>
      <c r="GH42" s="206">
        <v>0</v>
      </c>
      <c r="GI42" s="211">
        <v>0</v>
      </c>
      <c r="GJ42" s="210">
        <v>0</v>
      </c>
      <c r="GK42" s="206">
        <v>0</v>
      </c>
      <c r="GL42" s="206">
        <v>0</v>
      </c>
      <c r="GM42" s="206">
        <v>0</v>
      </c>
      <c r="GN42" s="206">
        <v>0</v>
      </c>
      <c r="GO42" s="206">
        <v>0</v>
      </c>
      <c r="GP42" s="207">
        <v>0</v>
      </c>
      <c r="GQ42" s="209">
        <v>0</v>
      </c>
      <c r="GR42" s="120">
        <v>0</v>
      </c>
      <c r="GS42" s="206">
        <v>0</v>
      </c>
      <c r="GT42" s="207">
        <v>0</v>
      </c>
      <c r="GU42" s="120">
        <v>0</v>
      </c>
      <c r="GV42" s="206">
        <v>0</v>
      </c>
      <c r="GW42" s="206">
        <v>0</v>
      </c>
      <c r="GX42" s="206">
        <v>0</v>
      </c>
      <c r="GY42" s="206">
        <v>0</v>
      </c>
      <c r="GZ42" s="206">
        <v>0</v>
      </c>
      <c r="HA42" s="211">
        <v>0</v>
      </c>
      <c r="HB42" s="209">
        <v>0</v>
      </c>
      <c r="HC42" s="120">
        <v>0</v>
      </c>
      <c r="HD42" s="206">
        <v>0</v>
      </c>
      <c r="HE42" s="211">
        <v>0</v>
      </c>
      <c r="HF42" s="210">
        <v>0</v>
      </c>
      <c r="HG42" s="206">
        <v>0</v>
      </c>
      <c r="HH42" s="206">
        <v>0</v>
      </c>
      <c r="HI42" s="206">
        <v>0</v>
      </c>
      <c r="HJ42" s="206">
        <v>0</v>
      </c>
      <c r="HK42" s="206">
        <v>154044</v>
      </c>
      <c r="HL42" s="207">
        <v>154044</v>
      </c>
      <c r="HM42" s="208">
        <v>154044</v>
      </c>
      <c r="HN42" s="373"/>
      <c r="HO42" s="374"/>
      <c r="HP42" s="375"/>
      <c r="HQ42" s="376"/>
      <c r="HR42" s="374"/>
      <c r="HS42" s="374"/>
      <c r="HT42" s="374"/>
      <c r="HU42" s="374"/>
      <c r="HV42" s="374"/>
      <c r="HW42" s="377"/>
      <c r="HX42" s="378"/>
      <c r="HY42" s="169">
        <v>0</v>
      </c>
      <c r="HZ42" s="170">
        <v>0</v>
      </c>
      <c r="IA42" s="171">
        <v>0</v>
      </c>
      <c r="IB42" s="172">
        <v>0</v>
      </c>
      <c r="IC42" s="173">
        <v>0</v>
      </c>
      <c r="ID42" s="174">
        <v>0</v>
      </c>
      <c r="IE42" s="175">
        <v>0</v>
      </c>
      <c r="IF42" s="173">
        <v>0</v>
      </c>
      <c r="IG42" s="175">
        <v>0</v>
      </c>
      <c r="IH42" s="176">
        <v>0</v>
      </c>
      <c r="II42" s="177">
        <v>0</v>
      </c>
      <c r="IJ42" s="263">
        <v>0</v>
      </c>
      <c r="IK42" s="271">
        <v>0</v>
      </c>
      <c r="IL42" s="272">
        <v>0</v>
      </c>
      <c r="IM42" s="178"/>
      <c r="IN42" s="179">
        <v>0</v>
      </c>
      <c r="IO42" s="179">
        <v>0</v>
      </c>
      <c r="IP42" s="179">
        <v>0</v>
      </c>
      <c r="IQ42" s="179">
        <v>0</v>
      </c>
      <c r="IR42" s="179">
        <v>0</v>
      </c>
      <c r="IS42" s="180">
        <v>0</v>
      </c>
      <c r="IT42" s="355">
        <v>0</v>
      </c>
      <c r="IU42" s="181">
        <v>0</v>
      </c>
      <c r="IV42" s="179">
        <v>0</v>
      </c>
      <c r="IW42" s="183">
        <v>0</v>
      </c>
      <c r="IX42" s="186"/>
      <c r="IY42" s="179">
        <v>0</v>
      </c>
      <c r="IZ42" s="179">
        <v>0</v>
      </c>
      <c r="JA42" s="179">
        <v>0</v>
      </c>
      <c r="JB42" s="179">
        <v>0</v>
      </c>
      <c r="JC42" s="179">
        <v>0</v>
      </c>
      <c r="JD42" s="183">
        <v>0</v>
      </c>
      <c r="JE42" s="184">
        <v>0</v>
      </c>
      <c r="JF42" s="181">
        <v>0</v>
      </c>
      <c r="JG42" s="179">
        <v>0</v>
      </c>
      <c r="JH42" s="180">
        <v>0</v>
      </c>
      <c r="JI42" s="182">
        <v>0</v>
      </c>
      <c r="JJ42" s="179">
        <v>0</v>
      </c>
      <c r="JK42" s="179">
        <v>0</v>
      </c>
      <c r="JL42" s="179">
        <v>0</v>
      </c>
      <c r="JM42" s="179">
        <v>0</v>
      </c>
      <c r="JN42" s="179">
        <v>0</v>
      </c>
      <c r="JO42" s="183">
        <v>0</v>
      </c>
      <c r="JP42" s="355">
        <v>0</v>
      </c>
      <c r="JQ42" s="181">
        <v>0</v>
      </c>
      <c r="JR42" s="179">
        <v>0</v>
      </c>
      <c r="JS42" s="180">
        <v>0</v>
      </c>
      <c r="JT42" s="182">
        <v>0</v>
      </c>
      <c r="JU42" s="179">
        <v>0</v>
      </c>
      <c r="JV42" s="179">
        <v>0</v>
      </c>
      <c r="JW42" s="179">
        <v>0</v>
      </c>
      <c r="JX42" s="179">
        <v>0</v>
      </c>
      <c r="JY42" s="179">
        <v>0</v>
      </c>
      <c r="JZ42" s="183">
        <v>0</v>
      </c>
      <c r="KA42" s="355">
        <v>0</v>
      </c>
      <c r="KB42" s="266">
        <v>0</v>
      </c>
      <c r="KC42" s="260">
        <v>0</v>
      </c>
      <c r="KD42" s="183">
        <v>0</v>
      </c>
      <c r="KE42" s="182">
        <v>0</v>
      </c>
      <c r="KF42" s="179">
        <v>0</v>
      </c>
      <c r="KG42" s="179">
        <v>0</v>
      </c>
      <c r="KH42" s="179">
        <v>0</v>
      </c>
      <c r="KI42" s="179">
        <v>0</v>
      </c>
      <c r="KJ42" s="179">
        <v>0</v>
      </c>
      <c r="KK42" s="183">
        <v>0</v>
      </c>
      <c r="KL42" s="185">
        <v>0</v>
      </c>
      <c r="KM42" s="263">
        <v>0</v>
      </c>
      <c r="KN42" s="271">
        <v>0</v>
      </c>
      <c r="KO42" s="272">
        <v>0</v>
      </c>
      <c r="KP42" s="178"/>
      <c r="KQ42" s="179">
        <v>0</v>
      </c>
      <c r="KR42" s="179">
        <v>0</v>
      </c>
      <c r="KS42" s="179">
        <v>0</v>
      </c>
      <c r="KT42" s="179">
        <v>0</v>
      </c>
      <c r="KU42" s="179">
        <v>0</v>
      </c>
      <c r="KV42" s="183">
        <v>0</v>
      </c>
      <c r="KW42" s="355">
        <v>0</v>
      </c>
      <c r="KX42" s="181">
        <v>0</v>
      </c>
      <c r="KY42" s="179">
        <v>0</v>
      </c>
      <c r="KZ42" s="183">
        <v>0</v>
      </c>
      <c r="LA42" s="187"/>
      <c r="LB42" s="179">
        <v>0</v>
      </c>
      <c r="LC42" s="179">
        <v>0</v>
      </c>
      <c r="LD42" s="179">
        <v>0</v>
      </c>
      <c r="LE42" s="179">
        <v>0</v>
      </c>
      <c r="LF42" s="179">
        <v>0</v>
      </c>
      <c r="LG42" s="183">
        <v>0</v>
      </c>
      <c r="LH42" s="184">
        <v>0</v>
      </c>
      <c r="LI42" s="181">
        <v>0</v>
      </c>
      <c r="LJ42" s="179">
        <v>0</v>
      </c>
      <c r="LK42" s="183">
        <v>0</v>
      </c>
      <c r="LL42" s="187"/>
      <c r="LM42" s="179">
        <v>0</v>
      </c>
      <c r="LN42" s="179">
        <v>0</v>
      </c>
      <c r="LO42" s="179">
        <v>0</v>
      </c>
      <c r="LP42" s="179">
        <v>0</v>
      </c>
      <c r="LQ42" s="179">
        <v>0</v>
      </c>
      <c r="LR42" s="183">
        <v>0</v>
      </c>
      <c r="LS42" s="355">
        <v>0</v>
      </c>
      <c r="LT42" s="181">
        <v>0</v>
      </c>
      <c r="LU42" s="179">
        <v>0</v>
      </c>
      <c r="LV42" s="183">
        <v>0</v>
      </c>
      <c r="LW42" s="187"/>
      <c r="LX42" s="179">
        <v>0</v>
      </c>
      <c r="LY42" s="179">
        <v>0</v>
      </c>
      <c r="LZ42" s="179">
        <v>0</v>
      </c>
      <c r="MA42" s="179">
        <v>0</v>
      </c>
      <c r="MB42" s="179">
        <v>0</v>
      </c>
      <c r="MC42" s="183">
        <v>0</v>
      </c>
      <c r="MD42" s="184">
        <v>0</v>
      </c>
      <c r="ME42" s="181">
        <v>0</v>
      </c>
      <c r="MF42" s="179">
        <v>0</v>
      </c>
      <c r="MG42" s="183">
        <v>0</v>
      </c>
      <c r="MH42" s="187"/>
      <c r="MI42" s="179">
        <v>0</v>
      </c>
      <c r="MJ42" s="179">
        <v>0</v>
      </c>
      <c r="MK42" s="179">
        <v>230227</v>
      </c>
      <c r="ML42" s="179">
        <v>0</v>
      </c>
      <c r="MM42" s="179">
        <v>276763</v>
      </c>
      <c r="MN42" s="183">
        <v>506990</v>
      </c>
      <c r="MO42" s="185">
        <v>506990</v>
      </c>
      <c r="MP42" s="181">
        <v>0</v>
      </c>
      <c r="MQ42" s="179">
        <v>0</v>
      </c>
      <c r="MR42" s="183">
        <v>0</v>
      </c>
      <c r="MS42" s="187"/>
      <c r="MT42" s="179">
        <v>0</v>
      </c>
      <c r="MU42" s="179">
        <v>0</v>
      </c>
      <c r="MV42" s="179">
        <v>230227</v>
      </c>
      <c r="MW42" s="179">
        <v>0</v>
      </c>
      <c r="MX42" s="179">
        <v>276763</v>
      </c>
      <c r="MY42" s="183">
        <v>506990</v>
      </c>
      <c r="MZ42" s="185">
        <v>506990</v>
      </c>
      <c r="NA42" s="181">
        <v>0</v>
      </c>
      <c r="NB42" s="179">
        <v>0</v>
      </c>
      <c r="NC42" s="183">
        <v>0</v>
      </c>
      <c r="ND42" s="187"/>
      <c r="NE42" s="179">
        <v>0</v>
      </c>
      <c r="NF42" s="179">
        <v>0</v>
      </c>
      <c r="NG42" s="179">
        <v>0</v>
      </c>
      <c r="NH42" s="179">
        <v>0</v>
      </c>
      <c r="NI42" s="179">
        <v>0</v>
      </c>
      <c r="NJ42" s="183">
        <v>0</v>
      </c>
      <c r="NK42" s="355">
        <v>0</v>
      </c>
      <c r="NL42" s="181">
        <v>0</v>
      </c>
      <c r="NM42" s="179">
        <v>0</v>
      </c>
      <c r="NN42" s="183">
        <v>0</v>
      </c>
      <c r="NO42" s="187"/>
      <c r="NP42" s="179">
        <v>0</v>
      </c>
      <c r="NQ42" s="179">
        <v>0</v>
      </c>
      <c r="NR42" s="179">
        <v>0</v>
      </c>
      <c r="NS42" s="179">
        <v>0</v>
      </c>
      <c r="NT42" s="179">
        <v>0</v>
      </c>
      <c r="NU42" s="183">
        <v>0</v>
      </c>
      <c r="NV42" s="184">
        <v>0</v>
      </c>
      <c r="NW42" s="181">
        <v>0</v>
      </c>
      <c r="NX42" s="179">
        <v>0</v>
      </c>
      <c r="NY42" s="183">
        <v>0</v>
      </c>
      <c r="NZ42" s="187"/>
      <c r="OA42" s="179">
        <v>0</v>
      </c>
      <c r="OB42" s="179">
        <v>0</v>
      </c>
      <c r="OC42" s="179">
        <v>0</v>
      </c>
      <c r="OD42" s="179">
        <v>0</v>
      </c>
      <c r="OE42" s="179">
        <v>0</v>
      </c>
      <c r="OF42" s="183">
        <v>0</v>
      </c>
      <c r="OG42" s="184">
        <v>0</v>
      </c>
      <c r="OH42" s="181">
        <v>3200</v>
      </c>
      <c r="OI42" s="179">
        <v>0</v>
      </c>
      <c r="OJ42" s="180">
        <v>3200</v>
      </c>
      <c r="OK42" s="182">
        <v>0</v>
      </c>
      <c r="OL42" s="179">
        <v>165935</v>
      </c>
      <c r="OM42" s="179">
        <v>219555</v>
      </c>
      <c r="ON42" s="179">
        <v>230227</v>
      </c>
      <c r="OO42" s="179">
        <v>0</v>
      </c>
      <c r="OP42" s="179">
        <v>437047</v>
      </c>
      <c r="OQ42" s="183">
        <v>1052764</v>
      </c>
      <c r="OR42" s="185">
        <v>1055964</v>
      </c>
    </row>
    <row r="43" spans="1:408" x14ac:dyDescent="0.2">
      <c r="A43" s="44" t="s">
        <v>84</v>
      </c>
    </row>
  </sheetData>
  <mergeCells count="158">
    <mergeCell ref="F1:G1"/>
    <mergeCell ref="HX7:HX8"/>
    <mergeCell ref="HB7:HB8"/>
    <mergeCell ref="HC7:HE7"/>
    <mergeCell ref="HF7:HL7"/>
    <mergeCell ref="HM7:HM8"/>
    <mergeCell ref="HN7:HP7"/>
    <mergeCell ref="HQ7:HW7"/>
    <mergeCell ref="GU7:HA7"/>
    <mergeCell ref="EY7:EY8"/>
    <mergeCell ref="FK7:FM7"/>
    <mergeCell ref="FN7:FT7"/>
    <mergeCell ref="FU7:FU8"/>
    <mergeCell ref="FV7:FX7"/>
    <mergeCell ref="FY7:GE7"/>
    <mergeCell ref="GF7:GF8"/>
    <mergeCell ref="EG7:EM7"/>
    <mergeCell ref="EN7:EN8"/>
    <mergeCell ref="DS7:DU7"/>
    <mergeCell ref="GG7:GI7"/>
    <mergeCell ref="GJ7:GP7"/>
    <mergeCell ref="EO6:EY6"/>
    <mergeCell ref="FK6:FU6"/>
    <mergeCell ref="FV6:GF6"/>
    <mergeCell ref="GG6:GQ6"/>
    <mergeCell ref="GQ7:GQ8"/>
    <mergeCell ref="GR7:GT7"/>
    <mergeCell ref="ER7:EX7"/>
    <mergeCell ref="EZ7:FB7"/>
    <mergeCell ref="FC7:FI7"/>
    <mergeCell ref="FJ7:FJ8"/>
    <mergeCell ref="GR6:HB6"/>
    <mergeCell ref="EZ6:FJ6"/>
    <mergeCell ref="EO7:EQ7"/>
    <mergeCell ref="BD7:BD8"/>
    <mergeCell ref="BE7:BG7"/>
    <mergeCell ref="CZ7:DF7"/>
    <mergeCell ref="BO7:BO8"/>
    <mergeCell ref="BP7:BR7"/>
    <mergeCell ref="BS7:BY7"/>
    <mergeCell ref="BZ7:BZ8"/>
    <mergeCell ref="CA7:CC7"/>
    <mergeCell ref="CD7:CJ7"/>
    <mergeCell ref="CK7:CK8"/>
    <mergeCell ref="CL7:CN7"/>
    <mergeCell ref="CO7:CU7"/>
    <mergeCell ref="CV7:CV8"/>
    <mergeCell ref="CW7:CY7"/>
    <mergeCell ref="DV7:EB7"/>
    <mergeCell ref="EC7:EC8"/>
    <mergeCell ref="ED7:EF7"/>
    <mergeCell ref="DG7:DG8"/>
    <mergeCell ref="DH7:DJ7"/>
    <mergeCell ref="DK7:DQ7"/>
    <mergeCell ref="DR7:DR8"/>
    <mergeCell ref="M7:O7"/>
    <mergeCell ref="P7:V7"/>
    <mergeCell ref="BH7:BN7"/>
    <mergeCell ref="W7:W8"/>
    <mergeCell ref="X7:Z7"/>
    <mergeCell ref="AA7:AG7"/>
    <mergeCell ref="AH7:AH8"/>
    <mergeCell ref="AI7:AK7"/>
    <mergeCell ref="AL7:AR7"/>
    <mergeCell ref="AS7:AS8"/>
    <mergeCell ref="AT7:AV7"/>
    <mergeCell ref="AW7:BC7"/>
    <mergeCell ref="DH5:FJ5"/>
    <mergeCell ref="A4:A8"/>
    <mergeCell ref="B4:L6"/>
    <mergeCell ref="M4:HX4"/>
    <mergeCell ref="M5:BZ5"/>
    <mergeCell ref="CA5:DG5"/>
    <mergeCell ref="FK5:HB5"/>
    <mergeCell ref="HC5:HM6"/>
    <mergeCell ref="HN5:HX6"/>
    <mergeCell ref="ED6:EN6"/>
    <mergeCell ref="M6:W6"/>
    <mergeCell ref="X6:AH6"/>
    <mergeCell ref="AI6:AS6"/>
    <mergeCell ref="AT6:BD6"/>
    <mergeCell ref="BE6:BO6"/>
    <mergeCell ref="BP6:BZ6"/>
    <mergeCell ref="CA6:CK6"/>
    <mergeCell ref="CL6:CV6"/>
    <mergeCell ref="CW6:DG6"/>
    <mergeCell ref="DH6:DR6"/>
    <mergeCell ref="DS6:EC6"/>
    <mergeCell ref="B7:D7"/>
    <mergeCell ref="E7:K7"/>
    <mergeCell ref="L7:L8"/>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LS7:LS8"/>
    <mergeCell ref="LT7:LV7"/>
    <mergeCell ref="KM7:KO7"/>
    <mergeCell ref="KP7:KV7"/>
    <mergeCell ref="KW7:KW8"/>
    <mergeCell ref="KX7:KZ7"/>
    <mergeCell ref="LA7:LG7"/>
    <mergeCell ref="MP7:MR7"/>
    <mergeCell ref="MS7:MY7"/>
    <mergeCell ref="MZ7:MZ8"/>
    <mergeCell ref="NA7:NC7"/>
    <mergeCell ref="ND7:NJ7"/>
    <mergeCell ref="LW7:MC7"/>
    <mergeCell ref="MD7:MD8"/>
    <mergeCell ref="ME7:MG7"/>
    <mergeCell ref="MH7:MN7"/>
    <mergeCell ref="MO7:MO8"/>
    <mergeCell ref="NZ7:OF7"/>
    <mergeCell ref="OG7:OG8"/>
    <mergeCell ref="OH7:OJ7"/>
    <mergeCell ref="OK7:OQ7"/>
    <mergeCell ref="OR7:OR8"/>
    <mergeCell ref="NK7:NK8"/>
    <mergeCell ref="NL7:NN7"/>
    <mergeCell ref="NO7:NU7"/>
    <mergeCell ref="NV7:NV8"/>
    <mergeCell ref="NW7:NY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8.21875"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58" customWidth="1"/>
    <col min="82" max="82" width="7.6640625" style="358" customWidth="1"/>
    <col min="83" max="83" width="9.88671875" style="358" customWidth="1"/>
    <col min="84" max="84" width="10" style="358" customWidth="1"/>
    <col min="85" max="85" width="9.77734375" style="358" customWidth="1"/>
    <col min="86" max="86" width="9.21875" style="358" customWidth="1"/>
    <col min="87" max="87" width="8.77734375" style="358" customWidth="1"/>
    <col min="88" max="88" width="9.88671875" style="358" customWidth="1"/>
    <col min="89" max="89" width="9.77734375" style="358"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58" customWidth="1"/>
    <col min="115" max="115" width="7.21875" style="358" customWidth="1"/>
    <col min="116" max="120" width="8.21875" style="358" customWidth="1"/>
    <col min="121" max="121" width="10.109375" style="358" customWidth="1"/>
    <col min="122" max="122" width="9.77734375" style="358"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58" customWidth="1"/>
    <col min="170" max="170" width="6.6640625" style="358" customWidth="1"/>
    <col min="171" max="175" width="8.21875" style="358" customWidth="1"/>
    <col min="176" max="176" width="10.109375" style="358" customWidth="1"/>
    <col min="177" max="177" width="9.88671875" style="358"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408">
        <f>第１表!F2</f>
        <v>4</v>
      </c>
      <c r="E1" s="286">
        <f>第１表!G2</f>
        <v>2</v>
      </c>
      <c r="F1" s="592">
        <f>IF(E1&lt;3,E1-2+12,E1-2)</f>
        <v>12</v>
      </c>
      <c r="G1" s="592"/>
      <c r="IA1" s="408"/>
      <c r="IB1" s="288"/>
      <c r="IC1" s="583"/>
      <c r="ID1" s="583"/>
    </row>
    <row r="2" spans="1:408" ht="21.75" customHeight="1" x14ac:dyDescent="0.2">
      <c r="A2" s="20" t="s">
        <v>147</v>
      </c>
      <c r="D2" s="285"/>
      <c r="E2" s="286"/>
      <c r="F2" s="394"/>
      <c r="G2" s="394"/>
      <c r="IA2" s="287"/>
      <c r="IB2" s="288"/>
      <c r="IC2" s="411"/>
      <c r="ID2" s="411"/>
    </row>
    <row r="3" spans="1:408" ht="24" customHeight="1" thickBot="1" x14ac:dyDescent="0.25">
      <c r="A3" s="20" t="s">
        <v>156</v>
      </c>
    </row>
    <row r="4" spans="1:408" ht="18" customHeight="1" thickBot="1" x14ac:dyDescent="0.25">
      <c r="A4" s="619" t="s">
        <v>42</v>
      </c>
      <c r="B4" s="622" t="s">
        <v>63</v>
      </c>
      <c r="C4" s="622"/>
      <c r="D4" s="622"/>
      <c r="E4" s="622"/>
      <c r="F4" s="622"/>
      <c r="G4" s="622"/>
      <c r="H4" s="622"/>
      <c r="I4" s="622"/>
      <c r="J4" s="622"/>
      <c r="K4" s="622"/>
      <c r="L4" s="622"/>
      <c r="M4" s="625"/>
      <c r="N4" s="625"/>
      <c r="O4" s="625"/>
      <c r="P4" s="625"/>
      <c r="Q4" s="625"/>
      <c r="R4" s="625"/>
      <c r="S4" s="625"/>
      <c r="T4" s="625"/>
      <c r="U4" s="625"/>
      <c r="V4" s="625"/>
      <c r="W4" s="625"/>
      <c r="X4" s="625"/>
      <c r="Y4" s="625"/>
      <c r="Z4" s="625"/>
      <c r="AA4" s="625"/>
      <c r="AB4" s="625"/>
      <c r="AC4" s="625"/>
      <c r="AD4" s="625"/>
      <c r="AE4" s="625"/>
      <c r="AF4" s="625"/>
      <c r="AG4" s="625"/>
      <c r="AH4" s="625"/>
      <c r="AI4" s="625"/>
      <c r="AJ4" s="625"/>
      <c r="AK4" s="625"/>
      <c r="AL4" s="625"/>
      <c r="AM4" s="625"/>
      <c r="AN4" s="625"/>
      <c r="AO4" s="625"/>
      <c r="AP4" s="625"/>
      <c r="AQ4" s="625"/>
      <c r="AR4" s="625"/>
      <c r="AS4" s="625"/>
      <c r="AT4" s="625"/>
      <c r="AU4" s="625"/>
      <c r="AV4" s="625"/>
      <c r="AW4" s="625"/>
      <c r="AX4" s="625"/>
      <c r="AY4" s="625"/>
      <c r="AZ4" s="625"/>
      <c r="BA4" s="625"/>
      <c r="BB4" s="625"/>
      <c r="BC4" s="625"/>
      <c r="BD4" s="625"/>
      <c r="BE4" s="625"/>
      <c r="BF4" s="625"/>
      <c r="BG4" s="625"/>
      <c r="BH4" s="625"/>
      <c r="BI4" s="625"/>
      <c r="BJ4" s="625"/>
      <c r="BK4" s="625"/>
      <c r="BL4" s="625"/>
      <c r="BM4" s="625"/>
      <c r="BN4" s="625"/>
      <c r="BO4" s="625"/>
      <c r="BP4" s="625"/>
      <c r="BQ4" s="625"/>
      <c r="BR4" s="625"/>
      <c r="BS4" s="625"/>
      <c r="BT4" s="625"/>
      <c r="BU4" s="625"/>
      <c r="BV4" s="625"/>
      <c r="BW4" s="625"/>
      <c r="BX4" s="625"/>
      <c r="BY4" s="625"/>
      <c r="BZ4" s="625"/>
      <c r="CA4" s="625"/>
      <c r="CB4" s="625"/>
      <c r="CC4" s="625"/>
      <c r="CD4" s="625"/>
      <c r="CE4" s="625"/>
      <c r="CF4" s="625"/>
      <c r="CG4" s="625"/>
      <c r="CH4" s="625"/>
      <c r="CI4" s="625"/>
      <c r="CJ4" s="625"/>
      <c r="CK4" s="625"/>
      <c r="CL4" s="625"/>
      <c r="CM4" s="625"/>
      <c r="CN4" s="625"/>
      <c r="CO4" s="625"/>
      <c r="CP4" s="625"/>
      <c r="CQ4" s="625"/>
      <c r="CR4" s="625"/>
      <c r="CS4" s="625"/>
      <c r="CT4" s="625"/>
      <c r="CU4" s="625"/>
      <c r="CV4" s="625"/>
      <c r="CW4" s="625"/>
      <c r="CX4" s="625"/>
      <c r="CY4" s="625"/>
      <c r="CZ4" s="625"/>
      <c r="DA4" s="625"/>
      <c r="DB4" s="625"/>
      <c r="DC4" s="625"/>
      <c r="DD4" s="625"/>
      <c r="DE4" s="625"/>
      <c r="DF4" s="625"/>
      <c r="DG4" s="625"/>
      <c r="DH4" s="625"/>
      <c r="DI4" s="625"/>
      <c r="DJ4" s="625"/>
      <c r="DK4" s="625"/>
      <c r="DL4" s="625"/>
      <c r="DM4" s="625"/>
      <c r="DN4" s="625"/>
      <c r="DO4" s="625"/>
      <c r="DP4" s="625"/>
      <c r="DQ4" s="625"/>
      <c r="DR4" s="625"/>
      <c r="DS4" s="625"/>
      <c r="DT4" s="625"/>
      <c r="DU4" s="625"/>
      <c r="DV4" s="625"/>
      <c r="DW4" s="625"/>
      <c r="DX4" s="625"/>
      <c r="DY4" s="625"/>
      <c r="DZ4" s="625"/>
      <c r="EA4" s="625"/>
      <c r="EB4" s="625"/>
      <c r="EC4" s="625"/>
      <c r="ED4" s="625"/>
      <c r="EE4" s="625"/>
      <c r="EF4" s="625"/>
      <c r="EG4" s="625"/>
      <c r="EH4" s="625"/>
      <c r="EI4" s="625"/>
      <c r="EJ4" s="625"/>
      <c r="EK4" s="625"/>
      <c r="EL4" s="625"/>
      <c r="EM4" s="625"/>
      <c r="EN4" s="625"/>
      <c r="EO4" s="625"/>
      <c r="EP4" s="625"/>
      <c r="EQ4" s="625"/>
      <c r="ER4" s="625"/>
      <c r="ES4" s="625"/>
      <c r="ET4" s="625"/>
      <c r="EU4" s="625"/>
      <c r="EV4" s="625"/>
      <c r="EW4" s="625"/>
      <c r="EX4" s="625"/>
      <c r="EY4" s="625"/>
      <c r="EZ4" s="625"/>
      <c r="FA4" s="625"/>
      <c r="FB4" s="625"/>
      <c r="FC4" s="625"/>
      <c r="FD4" s="625"/>
      <c r="FE4" s="625"/>
      <c r="FF4" s="625"/>
      <c r="FG4" s="625"/>
      <c r="FH4" s="625"/>
      <c r="FI4" s="625"/>
      <c r="FJ4" s="625"/>
      <c r="FK4" s="625"/>
      <c r="FL4" s="625"/>
      <c r="FM4" s="625"/>
      <c r="FN4" s="625"/>
      <c r="FO4" s="625"/>
      <c r="FP4" s="625"/>
      <c r="FQ4" s="625"/>
      <c r="FR4" s="625"/>
      <c r="FS4" s="625"/>
      <c r="FT4" s="625"/>
      <c r="FU4" s="625"/>
      <c r="FV4" s="625"/>
      <c r="FW4" s="625"/>
      <c r="FX4" s="625"/>
      <c r="FY4" s="625"/>
      <c r="FZ4" s="625"/>
      <c r="GA4" s="625"/>
      <c r="GB4" s="625"/>
      <c r="GC4" s="625"/>
      <c r="GD4" s="625"/>
      <c r="GE4" s="625"/>
      <c r="GF4" s="625"/>
      <c r="GG4" s="625"/>
      <c r="GH4" s="625"/>
      <c r="GI4" s="625"/>
      <c r="GJ4" s="625"/>
      <c r="GK4" s="625"/>
      <c r="GL4" s="625"/>
      <c r="GM4" s="625"/>
      <c r="GN4" s="625"/>
      <c r="GO4" s="625"/>
      <c r="GP4" s="625"/>
      <c r="GQ4" s="625"/>
      <c r="GR4" s="625"/>
      <c r="GS4" s="625"/>
      <c r="GT4" s="625"/>
      <c r="GU4" s="625"/>
      <c r="GV4" s="625"/>
      <c r="GW4" s="625"/>
      <c r="GX4" s="625"/>
      <c r="GY4" s="625"/>
      <c r="GZ4" s="625"/>
      <c r="HA4" s="625"/>
      <c r="HB4" s="625"/>
      <c r="HC4" s="625"/>
      <c r="HD4" s="625"/>
      <c r="HE4" s="625"/>
      <c r="HF4" s="625"/>
      <c r="HG4" s="625"/>
      <c r="HH4" s="625"/>
      <c r="HI4" s="625"/>
      <c r="HJ4" s="625"/>
      <c r="HK4" s="625"/>
      <c r="HL4" s="625"/>
      <c r="HM4" s="625"/>
      <c r="HN4" s="625"/>
      <c r="HO4" s="625"/>
      <c r="HP4" s="625"/>
      <c r="HQ4" s="625"/>
      <c r="HR4" s="625"/>
      <c r="HS4" s="625"/>
      <c r="HT4" s="625"/>
      <c r="HU4" s="625"/>
      <c r="HV4" s="625"/>
      <c r="HW4" s="625"/>
      <c r="HX4" s="626"/>
      <c r="HY4" s="580" t="s">
        <v>85</v>
      </c>
      <c r="HZ4" s="581"/>
      <c r="IA4" s="581"/>
      <c r="IB4" s="581"/>
      <c r="IC4" s="581"/>
      <c r="ID4" s="581"/>
      <c r="IE4" s="581"/>
      <c r="IF4" s="581"/>
      <c r="IG4" s="581"/>
      <c r="IH4" s="581"/>
      <c r="II4" s="581"/>
      <c r="IJ4" s="581"/>
      <c r="IK4" s="581"/>
      <c r="IL4" s="581"/>
      <c r="IM4" s="581"/>
      <c r="IN4" s="581"/>
      <c r="IO4" s="581"/>
      <c r="IP4" s="581"/>
      <c r="IQ4" s="581"/>
      <c r="IR4" s="581"/>
      <c r="IS4" s="581"/>
      <c r="IT4" s="581"/>
      <c r="IU4" s="581"/>
      <c r="IV4" s="581"/>
      <c r="IW4" s="581"/>
      <c r="IX4" s="581"/>
      <c r="IY4" s="581"/>
      <c r="IZ4" s="581"/>
      <c r="JA4" s="581"/>
      <c r="JB4" s="581"/>
      <c r="JC4" s="581"/>
      <c r="JD4" s="581"/>
      <c r="JE4" s="581"/>
      <c r="JF4" s="581"/>
      <c r="JG4" s="581"/>
      <c r="JH4" s="581"/>
      <c r="JI4" s="581"/>
      <c r="JJ4" s="581"/>
      <c r="JK4" s="581"/>
      <c r="JL4" s="581"/>
      <c r="JM4" s="581"/>
      <c r="JN4" s="581"/>
      <c r="JO4" s="581"/>
      <c r="JP4" s="581"/>
      <c r="JQ4" s="581"/>
      <c r="JR4" s="581"/>
      <c r="JS4" s="581"/>
      <c r="JT4" s="581"/>
      <c r="JU4" s="581"/>
      <c r="JV4" s="581"/>
      <c r="JW4" s="581"/>
      <c r="JX4" s="581"/>
      <c r="JY4" s="581"/>
      <c r="JZ4" s="581"/>
      <c r="KA4" s="581"/>
      <c r="KB4" s="581"/>
      <c r="KC4" s="581"/>
      <c r="KD4" s="581"/>
      <c r="KE4" s="581"/>
      <c r="KF4" s="581"/>
      <c r="KG4" s="581"/>
      <c r="KH4" s="581"/>
      <c r="KI4" s="581"/>
      <c r="KJ4" s="581"/>
      <c r="KK4" s="581"/>
      <c r="KL4" s="581"/>
      <c r="KM4" s="581"/>
      <c r="KN4" s="581"/>
      <c r="KO4" s="581"/>
      <c r="KP4" s="581"/>
      <c r="KQ4" s="581"/>
      <c r="KR4" s="581"/>
      <c r="KS4" s="581"/>
      <c r="KT4" s="581"/>
      <c r="KU4" s="581"/>
      <c r="KV4" s="581"/>
      <c r="KW4" s="581"/>
      <c r="KX4" s="581"/>
      <c r="KY4" s="581"/>
      <c r="KZ4" s="581"/>
      <c r="LA4" s="581"/>
      <c r="LB4" s="581"/>
      <c r="LC4" s="581"/>
      <c r="LD4" s="581"/>
      <c r="LE4" s="581"/>
      <c r="LF4" s="581"/>
      <c r="LG4" s="581"/>
      <c r="LH4" s="581"/>
      <c r="LI4" s="581"/>
      <c r="LJ4" s="581"/>
      <c r="LK4" s="581"/>
      <c r="LL4" s="581"/>
      <c r="LM4" s="581"/>
      <c r="LN4" s="581"/>
      <c r="LO4" s="581"/>
      <c r="LP4" s="581"/>
      <c r="LQ4" s="581"/>
      <c r="LR4" s="581"/>
      <c r="LS4" s="581"/>
      <c r="LT4" s="581"/>
      <c r="LU4" s="581"/>
      <c r="LV4" s="581"/>
      <c r="LW4" s="581"/>
      <c r="LX4" s="581"/>
      <c r="LY4" s="581"/>
      <c r="LZ4" s="581"/>
      <c r="MA4" s="581"/>
      <c r="MB4" s="581"/>
      <c r="MC4" s="581"/>
      <c r="MD4" s="582"/>
      <c r="ME4" s="580" t="s">
        <v>86</v>
      </c>
      <c r="MF4" s="581"/>
      <c r="MG4" s="581"/>
      <c r="MH4" s="581"/>
      <c r="MI4" s="581"/>
      <c r="MJ4" s="581"/>
      <c r="MK4" s="581"/>
      <c r="ML4" s="581"/>
      <c r="MM4" s="581"/>
      <c r="MN4" s="581"/>
      <c r="MO4" s="581"/>
      <c r="MP4" s="581"/>
      <c r="MQ4" s="581"/>
      <c r="MR4" s="581"/>
      <c r="MS4" s="581"/>
      <c r="MT4" s="581"/>
      <c r="MU4" s="581"/>
      <c r="MV4" s="581"/>
      <c r="MW4" s="581"/>
      <c r="MX4" s="581"/>
      <c r="MY4" s="581"/>
      <c r="MZ4" s="581"/>
      <c r="NA4" s="581"/>
      <c r="NB4" s="581"/>
      <c r="NC4" s="581"/>
      <c r="ND4" s="581"/>
      <c r="NE4" s="581"/>
      <c r="NF4" s="581"/>
      <c r="NG4" s="581"/>
      <c r="NH4" s="581"/>
      <c r="NI4" s="581"/>
      <c r="NJ4" s="581"/>
      <c r="NK4" s="581"/>
      <c r="NL4" s="581"/>
      <c r="NM4" s="581"/>
      <c r="NN4" s="581"/>
      <c r="NO4" s="581"/>
      <c r="NP4" s="581"/>
      <c r="NQ4" s="581"/>
      <c r="NR4" s="581"/>
      <c r="NS4" s="581"/>
      <c r="NT4" s="581"/>
      <c r="NU4" s="581"/>
      <c r="NV4" s="581"/>
      <c r="NW4" s="581"/>
      <c r="NX4" s="581"/>
      <c r="NY4" s="581"/>
      <c r="NZ4" s="581"/>
      <c r="OA4" s="581"/>
      <c r="OB4" s="581"/>
      <c r="OC4" s="581"/>
      <c r="OD4" s="581"/>
      <c r="OE4" s="581"/>
      <c r="OF4" s="581"/>
      <c r="OG4" s="582"/>
      <c r="OH4" s="536" t="s">
        <v>60</v>
      </c>
      <c r="OI4" s="445"/>
      <c r="OJ4" s="445"/>
      <c r="OK4" s="445"/>
      <c r="OL4" s="445"/>
      <c r="OM4" s="445"/>
      <c r="ON4" s="445"/>
      <c r="OO4" s="445"/>
      <c r="OP4" s="445"/>
      <c r="OQ4" s="445"/>
      <c r="OR4" s="446"/>
    </row>
    <row r="5" spans="1:408" ht="18" customHeight="1" thickBot="1" x14ac:dyDescent="0.25">
      <c r="A5" s="620"/>
      <c r="B5" s="623"/>
      <c r="C5" s="623"/>
      <c r="D5" s="623"/>
      <c r="E5" s="623"/>
      <c r="F5" s="623"/>
      <c r="G5" s="623"/>
      <c r="H5" s="623"/>
      <c r="I5" s="623"/>
      <c r="J5" s="623"/>
      <c r="K5" s="623"/>
      <c r="L5" s="623"/>
      <c r="M5" s="627" t="s">
        <v>64</v>
      </c>
      <c r="N5" s="628"/>
      <c r="O5" s="628"/>
      <c r="P5" s="628"/>
      <c r="Q5" s="628"/>
      <c r="R5" s="628"/>
      <c r="S5" s="628"/>
      <c r="T5" s="628"/>
      <c r="U5" s="628"/>
      <c r="V5" s="628"/>
      <c r="W5" s="628"/>
      <c r="X5" s="628"/>
      <c r="Y5" s="628"/>
      <c r="Z5" s="628"/>
      <c r="AA5" s="628"/>
      <c r="AB5" s="628"/>
      <c r="AC5" s="628"/>
      <c r="AD5" s="628"/>
      <c r="AE5" s="628"/>
      <c r="AF5" s="628"/>
      <c r="AG5" s="628"/>
      <c r="AH5" s="628"/>
      <c r="AI5" s="628"/>
      <c r="AJ5" s="628"/>
      <c r="AK5" s="628"/>
      <c r="AL5" s="628"/>
      <c r="AM5" s="628"/>
      <c r="AN5" s="628"/>
      <c r="AO5" s="628"/>
      <c r="AP5" s="628"/>
      <c r="AQ5" s="628"/>
      <c r="AR5" s="628"/>
      <c r="AS5" s="628"/>
      <c r="AT5" s="628"/>
      <c r="AU5" s="628"/>
      <c r="AV5" s="628"/>
      <c r="AW5" s="628"/>
      <c r="AX5" s="628"/>
      <c r="AY5" s="628"/>
      <c r="AZ5" s="628"/>
      <c r="BA5" s="628"/>
      <c r="BB5" s="628"/>
      <c r="BC5" s="628"/>
      <c r="BD5" s="628"/>
      <c r="BE5" s="628"/>
      <c r="BF5" s="628"/>
      <c r="BG5" s="628"/>
      <c r="BH5" s="628"/>
      <c r="BI5" s="628"/>
      <c r="BJ5" s="628"/>
      <c r="BK5" s="628"/>
      <c r="BL5" s="628"/>
      <c r="BM5" s="628"/>
      <c r="BN5" s="628"/>
      <c r="BO5" s="628"/>
      <c r="BP5" s="628"/>
      <c r="BQ5" s="628"/>
      <c r="BR5" s="628"/>
      <c r="BS5" s="628"/>
      <c r="BT5" s="628"/>
      <c r="BU5" s="628"/>
      <c r="BV5" s="628"/>
      <c r="BW5" s="628"/>
      <c r="BX5" s="628"/>
      <c r="BY5" s="628"/>
      <c r="BZ5" s="629"/>
      <c r="CA5" s="627" t="s">
        <v>65</v>
      </c>
      <c r="CB5" s="628"/>
      <c r="CC5" s="628"/>
      <c r="CD5" s="628"/>
      <c r="CE5" s="628"/>
      <c r="CF5" s="628"/>
      <c r="CG5" s="628"/>
      <c r="CH5" s="628"/>
      <c r="CI5" s="628"/>
      <c r="CJ5" s="628"/>
      <c r="CK5" s="628"/>
      <c r="CL5" s="628"/>
      <c r="CM5" s="628"/>
      <c r="CN5" s="628"/>
      <c r="CO5" s="628"/>
      <c r="CP5" s="628"/>
      <c r="CQ5" s="628"/>
      <c r="CR5" s="628"/>
      <c r="CS5" s="628"/>
      <c r="CT5" s="628"/>
      <c r="CU5" s="628"/>
      <c r="CV5" s="628"/>
      <c r="CW5" s="628"/>
      <c r="CX5" s="628"/>
      <c r="CY5" s="628"/>
      <c r="CZ5" s="628"/>
      <c r="DA5" s="628"/>
      <c r="DB5" s="628"/>
      <c r="DC5" s="628"/>
      <c r="DD5" s="628"/>
      <c r="DE5" s="628"/>
      <c r="DF5" s="628"/>
      <c r="DG5" s="629"/>
      <c r="DH5" s="449" t="s">
        <v>66</v>
      </c>
      <c r="DI5" s="450"/>
      <c r="DJ5" s="450"/>
      <c r="DK5" s="450"/>
      <c r="DL5" s="450"/>
      <c r="DM5" s="450"/>
      <c r="DN5" s="450"/>
      <c r="DO5" s="450"/>
      <c r="DP5" s="450"/>
      <c r="DQ5" s="450"/>
      <c r="DR5" s="450"/>
      <c r="DS5" s="450"/>
      <c r="DT5" s="450"/>
      <c r="DU5" s="450"/>
      <c r="DV5" s="450"/>
      <c r="DW5" s="450"/>
      <c r="DX5" s="450"/>
      <c r="DY5" s="450"/>
      <c r="DZ5" s="450"/>
      <c r="EA5" s="450"/>
      <c r="EB5" s="450"/>
      <c r="EC5" s="450"/>
      <c r="ED5" s="450"/>
      <c r="EE5" s="450"/>
      <c r="EF5" s="450"/>
      <c r="EG5" s="450"/>
      <c r="EH5" s="450"/>
      <c r="EI5" s="450"/>
      <c r="EJ5" s="450"/>
      <c r="EK5" s="450"/>
      <c r="EL5" s="450"/>
      <c r="EM5" s="450"/>
      <c r="EN5" s="450"/>
      <c r="EO5" s="450"/>
      <c r="EP5" s="450"/>
      <c r="EQ5" s="450"/>
      <c r="ER5" s="450"/>
      <c r="ES5" s="450"/>
      <c r="ET5" s="450"/>
      <c r="EU5" s="450"/>
      <c r="EV5" s="450"/>
      <c r="EW5" s="450"/>
      <c r="EX5" s="450"/>
      <c r="EY5" s="450"/>
      <c r="EZ5" s="450"/>
      <c r="FA5" s="450"/>
      <c r="FB5" s="450"/>
      <c r="FC5" s="450"/>
      <c r="FD5" s="450"/>
      <c r="FE5" s="450"/>
      <c r="FF5" s="450"/>
      <c r="FG5" s="450"/>
      <c r="FH5" s="450"/>
      <c r="FI5" s="450"/>
      <c r="FJ5" s="451"/>
      <c r="FK5" s="627" t="s">
        <v>67</v>
      </c>
      <c r="FL5" s="628"/>
      <c r="FM5" s="628"/>
      <c r="FN5" s="628"/>
      <c r="FO5" s="628"/>
      <c r="FP5" s="628"/>
      <c r="FQ5" s="628"/>
      <c r="FR5" s="628"/>
      <c r="FS5" s="628"/>
      <c r="FT5" s="628"/>
      <c r="FU5" s="628"/>
      <c r="FV5" s="628"/>
      <c r="FW5" s="628"/>
      <c r="FX5" s="628"/>
      <c r="FY5" s="628"/>
      <c r="FZ5" s="628"/>
      <c r="GA5" s="628"/>
      <c r="GB5" s="628"/>
      <c r="GC5" s="628"/>
      <c r="GD5" s="628"/>
      <c r="GE5" s="628"/>
      <c r="GF5" s="628"/>
      <c r="GG5" s="628"/>
      <c r="GH5" s="628"/>
      <c r="GI5" s="628"/>
      <c r="GJ5" s="628"/>
      <c r="GK5" s="628"/>
      <c r="GL5" s="628"/>
      <c r="GM5" s="628"/>
      <c r="GN5" s="628"/>
      <c r="GO5" s="628"/>
      <c r="GP5" s="628"/>
      <c r="GQ5" s="628"/>
      <c r="GR5" s="628"/>
      <c r="GS5" s="628"/>
      <c r="GT5" s="628"/>
      <c r="GU5" s="628"/>
      <c r="GV5" s="628"/>
      <c r="GW5" s="628"/>
      <c r="GX5" s="628"/>
      <c r="GY5" s="628"/>
      <c r="GZ5" s="628"/>
      <c r="HA5" s="628"/>
      <c r="HB5" s="629"/>
      <c r="HC5" s="630" t="s">
        <v>68</v>
      </c>
      <c r="HD5" s="631"/>
      <c r="HE5" s="631"/>
      <c r="HF5" s="631"/>
      <c r="HG5" s="631"/>
      <c r="HH5" s="631"/>
      <c r="HI5" s="631"/>
      <c r="HJ5" s="631"/>
      <c r="HK5" s="631"/>
      <c r="HL5" s="631"/>
      <c r="HM5" s="632"/>
      <c r="HN5" s="630" t="s">
        <v>69</v>
      </c>
      <c r="HO5" s="631"/>
      <c r="HP5" s="631"/>
      <c r="HQ5" s="631"/>
      <c r="HR5" s="631"/>
      <c r="HS5" s="631"/>
      <c r="HT5" s="631"/>
      <c r="HU5" s="631"/>
      <c r="HV5" s="631"/>
      <c r="HW5" s="631"/>
      <c r="HX5" s="632"/>
      <c r="HY5" s="559"/>
      <c r="HZ5" s="560"/>
      <c r="IA5" s="560"/>
      <c r="IB5" s="560"/>
      <c r="IC5" s="560"/>
      <c r="ID5" s="560"/>
      <c r="IE5" s="560"/>
      <c r="IF5" s="560"/>
      <c r="IG5" s="560"/>
      <c r="IH5" s="560"/>
      <c r="II5" s="561"/>
      <c r="IJ5" s="536" t="s">
        <v>94</v>
      </c>
      <c r="IK5" s="445"/>
      <c r="IL5" s="445"/>
      <c r="IM5" s="445"/>
      <c r="IN5" s="445"/>
      <c r="IO5" s="445"/>
      <c r="IP5" s="445"/>
      <c r="IQ5" s="445"/>
      <c r="IR5" s="445"/>
      <c r="IS5" s="445"/>
      <c r="IT5" s="446"/>
      <c r="IU5" s="536" t="s">
        <v>88</v>
      </c>
      <c r="IV5" s="445"/>
      <c r="IW5" s="445"/>
      <c r="IX5" s="445"/>
      <c r="IY5" s="445"/>
      <c r="IZ5" s="445"/>
      <c r="JA5" s="445"/>
      <c r="JB5" s="445"/>
      <c r="JC5" s="445"/>
      <c r="JD5" s="445"/>
      <c r="JE5" s="446"/>
      <c r="JF5" s="565" t="s">
        <v>144</v>
      </c>
      <c r="JG5" s="566"/>
      <c r="JH5" s="566"/>
      <c r="JI5" s="566"/>
      <c r="JJ5" s="566"/>
      <c r="JK5" s="566"/>
      <c r="JL5" s="566"/>
      <c r="JM5" s="566"/>
      <c r="JN5" s="566"/>
      <c r="JO5" s="566"/>
      <c r="JP5" s="567"/>
      <c r="JQ5" s="536" t="s">
        <v>90</v>
      </c>
      <c r="JR5" s="445"/>
      <c r="JS5" s="445"/>
      <c r="JT5" s="445"/>
      <c r="JU5" s="445"/>
      <c r="JV5" s="445"/>
      <c r="JW5" s="445"/>
      <c r="JX5" s="445"/>
      <c r="JY5" s="445"/>
      <c r="JZ5" s="445"/>
      <c r="KA5" s="446"/>
      <c r="KB5" s="536" t="s">
        <v>89</v>
      </c>
      <c r="KC5" s="445"/>
      <c r="KD5" s="445"/>
      <c r="KE5" s="445"/>
      <c r="KF5" s="445"/>
      <c r="KG5" s="445"/>
      <c r="KH5" s="445"/>
      <c r="KI5" s="445"/>
      <c r="KJ5" s="445"/>
      <c r="KK5" s="445"/>
      <c r="KL5" s="446"/>
      <c r="KM5" s="536" t="s">
        <v>91</v>
      </c>
      <c r="KN5" s="445"/>
      <c r="KO5" s="445"/>
      <c r="KP5" s="445"/>
      <c r="KQ5" s="445"/>
      <c r="KR5" s="445"/>
      <c r="KS5" s="445"/>
      <c r="KT5" s="445"/>
      <c r="KU5" s="445"/>
      <c r="KV5" s="445"/>
      <c r="KW5" s="446"/>
      <c r="KX5" s="536" t="s">
        <v>92</v>
      </c>
      <c r="KY5" s="445"/>
      <c r="KZ5" s="445"/>
      <c r="LA5" s="445"/>
      <c r="LB5" s="445"/>
      <c r="LC5" s="445"/>
      <c r="LD5" s="445"/>
      <c r="LE5" s="445"/>
      <c r="LF5" s="445"/>
      <c r="LG5" s="445"/>
      <c r="LH5" s="446"/>
      <c r="LI5" s="571" t="s">
        <v>93</v>
      </c>
      <c r="LJ5" s="572"/>
      <c r="LK5" s="572"/>
      <c r="LL5" s="572"/>
      <c r="LM5" s="572"/>
      <c r="LN5" s="572"/>
      <c r="LO5" s="572"/>
      <c r="LP5" s="572"/>
      <c r="LQ5" s="572"/>
      <c r="LR5" s="572"/>
      <c r="LS5" s="573"/>
      <c r="LT5" s="574" t="s">
        <v>145</v>
      </c>
      <c r="LU5" s="575"/>
      <c r="LV5" s="575"/>
      <c r="LW5" s="575"/>
      <c r="LX5" s="575"/>
      <c r="LY5" s="575"/>
      <c r="LZ5" s="575"/>
      <c r="MA5" s="575"/>
      <c r="MB5" s="575"/>
      <c r="MC5" s="575"/>
      <c r="MD5" s="576"/>
      <c r="ME5" s="559"/>
      <c r="MF5" s="560"/>
      <c r="MG5" s="560"/>
      <c r="MH5" s="560"/>
      <c r="MI5" s="560"/>
      <c r="MJ5" s="560"/>
      <c r="MK5" s="560"/>
      <c r="ML5" s="560"/>
      <c r="MM5" s="560"/>
      <c r="MN5" s="560"/>
      <c r="MO5" s="561"/>
      <c r="MP5" s="536" t="s">
        <v>57</v>
      </c>
      <c r="MQ5" s="445"/>
      <c r="MR5" s="445"/>
      <c r="MS5" s="445"/>
      <c r="MT5" s="445"/>
      <c r="MU5" s="445"/>
      <c r="MV5" s="445"/>
      <c r="MW5" s="445"/>
      <c r="MX5" s="445"/>
      <c r="MY5" s="445"/>
      <c r="MZ5" s="446"/>
      <c r="NA5" s="536" t="s">
        <v>58</v>
      </c>
      <c r="NB5" s="445"/>
      <c r="NC5" s="445"/>
      <c r="ND5" s="445"/>
      <c r="NE5" s="445"/>
      <c r="NF5" s="445"/>
      <c r="NG5" s="445"/>
      <c r="NH5" s="445"/>
      <c r="NI5" s="445"/>
      <c r="NJ5" s="445"/>
      <c r="NK5" s="446"/>
      <c r="NL5" s="536" t="s">
        <v>59</v>
      </c>
      <c r="NM5" s="445"/>
      <c r="NN5" s="445"/>
      <c r="NO5" s="445"/>
      <c r="NP5" s="445"/>
      <c r="NQ5" s="445"/>
      <c r="NR5" s="445"/>
      <c r="NS5" s="445"/>
      <c r="NT5" s="445"/>
      <c r="NU5" s="445"/>
      <c r="NV5" s="446"/>
      <c r="NW5" s="584" t="s">
        <v>151</v>
      </c>
      <c r="NX5" s="585"/>
      <c r="NY5" s="585"/>
      <c r="NZ5" s="585"/>
      <c r="OA5" s="585"/>
      <c r="OB5" s="585"/>
      <c r="OC5" s="585"/>
      <c r="OD5" s="585"/>
      <c r="OE5" s="585"/>
      <c r="OF5" s="585"/>
      <c r="OG5" s="586"/>
      <c r="OH5" s="556"/>
      <c r="OI5" s="557"/>
      <c r="OJ5" s="557"/>
      <c r="OK5" s="557"/>
      <c r="OL5" s="557"/>
      <c r="OM5" s="557"/>
      <c r="ON5" s="557"/>
      <c r="OO5" s="557"/>
      <c r="OP5" s="557"/>
      <c r="OQ5" s="557"/>
      <c r="OR5" s="558"/>
    </row>
    <row r="6" spans="1:408" ht="18" customHeight="1" thickBot="1" x14ac:dyDescent="0.25">
      <c r="A6" s="620"/>
      <c r="B6" s="624"/>
      <c r="C6" s="624"/>
      <c r="D6" s="624"/>
      <c r="E6" s="624"/>
      <c r="F6" s="624"/>
      <c r="G6" s="624"/>
      <c r="H6" s="624"/>
      <c r="I6" s="624"/>
      <c r="J6" s="624"/>
      <c r="K6" s="624"/>
      <c r="L6" s="624"/>
      <c r="M6" s="458"/>
      <c r="N6" s="459"/>
      <c r="O6" s="459"/>
      <c r="P6" s="459"/>
      <c r="Q6" s="459"/>
      <c r="R6" s="459"/>
      <c r="S6" s="459"/>
      <c r="T6" s="459"/>
      <c r="U6" s="459"/>
      <c r="V6" s="459"/>
      <c r="W6" s="460"/>
      <c r="X6" s="639" t="s">
        <v>70</v>
      </c>
      <c r="Y6" s="462"/>
      <c r="Z6" s="462"/>
      <c r="AA6" s="462"/>
      <c r="AB6" s="462"/>
      <c r="AC6" s="462"/>
      <c r="AD6" s="462"/>
      <c r="AE6" s="462"/>
      <c r="AF6" s="462"/>
      <c r="AG6" s="462"/>
      <c r="AH6" s="463"/>
      <c r="AI6" s="636" t="s">
        <v>71</v>
      </c>
      <c r="AJ6" s="637"/>
      <c r="AK6" s="637"/>
      <c r="AL6" s="637"/>
      <c r="AM6" s="637"/>
      <c r="AN6" s="637"/>
      <c r="AO6" s="637"/>
      <c r="AP6" s="637"/>
      <c r="AQ6" s="637"/>
      <c r="AR6" s="637"/>
      <c r="AS6" s="638"/>
      <c r="AT6" s="636" t="s">
        <v>72</v>
      </c>
      <c r="AU6" s="637"/>
      <c r="AV6" s="637"/>
      <c r="AW6" s="637"/>
      <c r="AX6" s="637"/>
      <c r="AY6" s="637"/>
      <c r="AZ6" s="637"/>
      <c r="BA6" s="637"/>
      <c r="BB6" s="637"/>
      <c r="BC6" s="637"/>
      <c r="BD6" s="638"/>
      <c r="BE6" s="636" t="s">
        <v>73</v>
      </c>
      <c r="BF6" s="637"/>
      <c r="BG6" s="637"/>
      <c r="BH6" s="637"/>
      <c r="BI6" s="637"/>
      <c r="BJ6" s="637"/>
      <c r="BK6" s="637"/>
      <c r="BL6" s="637"/>
      <c r="BM6" s="637"/>
      <c r="BN6" s="637"/>
      <c r="BO6" s="638"/>
      <c r="BP6" s="636" t="s">
        <v>74</v>
      </c>
      <c r="BQ6" s="637"/>
      <c r="BR6" s="637"/>
      <c r="BS6" s="637"/>
      <c r="BT6" s="637"/>
      <c r="BU6" s="637"/>
      <c r="BV6" s="637"/>
      <c r="BW6" s="637"/>
      <c r="BX6" s="637"/>
      <c r="BY6" s="637"/>
      <c r="BZ6" s="638"/>
      <c r="CA6" s="640"/>
      <c r="CB6" s="641"/>
      <c r="CC6" s="641"/>
      <c r="CD6" s="641"/>
      <c r="CE6" s="641"/>
      <c r="CF6" s="641"/>
      <c r="CG6" s="641"/>
      <c r="CH6" s="641"/>
      <c r="CI6" s="641"/>
      <c r="CJ6" s="641"/>
      <c r="CK6" s="642"/>
      <c r="CL6" s="636" t="s">
        <v>75</v>
      </c>
      <c r="CM6" s="637"/>
      <c r="CN6" s="637"/>
      <c r="CO6" s="637"/>
      <c r="CP6" s="637"/>
      <c r="CQ6" s="637"/>
      <c r="CR6" s="637"/>
      <c r="CS6" s="637"/>
      <c r="CT6" s="637"/>
      <c r="CU6" s="637"/>
      <c r="CV6" s="638"/>
      <c r="CW6" s="636" t="s">
        <v>76</v>
      </c>
      <c r="CX6" s="637"/>
      <c r="CY6" s="637"/>
      <c r="CZ6" s="637"/>
      <c r="DA6" s="637"/>
      <c r="DB6" s="637"/>
      <c r="DC6" s="637"/>
      <c r="DD6" s="637"/>
      <c r="DE6" s="637"/>
      <c r="DF6" s="637"/>
      <c r="DG6" s="638"/>
      <c r="DH6" s="640"/>
      <c r="DI6" s="641"/>
      <c r="DJ6" s="641"/>
      <c r="DK6" s="641"/>
      <c r="DL6" s="641"/>
      <c r="DM6" s="641"/>
      <c r="DN6" s="641"/>
      <c r="DO6" s="641"/>
      <c r="DP6" s="641"/>
      <c r="DQ6" s="641"/>
      <c r="DR6" s="641"/>
      <c r="DS6" s="636" t="s">
        <v>77</v>
      </c>
      <c r="DT6" s="637"/>
      <c r="DU6" s="637"/>
      <c r="DV6" s="637"/>
      <c r="DW6" s="637"/>
      <c r="DX6" s="637"/>
      <c r="DY6" s="637"/>
      <c r="DZ6" s="637"/>
      <c r="EA6" s="637"/>
      <c r="EB6" s="637"/>
      <c r="EC6" s="638"/>
      <c r="ED6" s="636" t="s">
        <v>78</v>
      </c>
      <c r="EE6" s="637"/>
      <c r="EF6" s="637"/>
      <c r="EG6" s="637"/>
      <c r="EH6" s="637"/>
      <c r="EI6" s="637"/>
      <c r="EJ6" s="637"/>
      <c r="EK6" s="637"/>
      <c r="EL6" s="637"/>
      <c r="EM6" s="637"/>
      <c r="EN6" s="638"/>
      <c r="EO6" s="636" t="s">
        <v>79</v>
      </c>
      <c r="EP6" s="637"/>
      <c r="EQ6" s="637"/>
      <c r="ER6" s="637"/>
      <c r="ES6" s="637"/>
      <c r="ET6" s="637"/>
      <c r="EU6" s="637"/>
      <c r="EV6" s="637"/>
      <c r="EW6" s="637"/>
      <c r="EX6" s="637"/>
      <c r="EY6" s="638"/>
      <c r="EZ6" s="618" t="s">
        <v>152</v>
      </c>
      <c r="FA6" s="637"/>
      <c r="FB6" s="637"/>
      <c r="FC6" s="637"/>
      <c r="FD6" s="637"/>
      <c r="FE6" s="637"/>
      <c r="FF6" s="637"/>
      <c r="FG6" s="637"/>
      <c r="FH6" s="637"/>
      <c r="FI6" s="637"/>
      <c r="FJ6" s="638"/>
      <c r="FK6" s="640"/>
      <c r="FL6" s="641"/>
      <c r="FM6" s="641"/>
      <c r="FN6" s="641"/>
      <c r="FO6" s="641"/>
      <c r="FP6" s="641"/>
      <c r="FQ6" s="641"/>
      <c r="FR6" s="641"/>
      <c r="FS6" s="641"/>
      <c r="FT6" s="641"/>
      <c r="FU6" s="641"/>
      <c r="FV6" s="636" t="s">
        <v>80</v>
      </c>
      <c r="FW6" s="637"/>
      <c r="FX6" s="637"/>
      <c r="FY6" s="637"/>
      <c r="FZ6" s="637"/>
      <c r="GA6" s="637"/>
      <c r="GB6" s="637"/>
      <c r="GC6" s="637"/>
      <c r="GD6" s="637"/>
      <c r="GE6" s="637"/>
      <c r="GF6" s="638"/>
      <c r="GG6" s="639" t="s">
        <v>81</v>
      </c>
      <c r="GH6" s="462"/>
      <c r="GI6" s="462"/>
      <c r="GJ6" s="462"/>
      <c r="GK6" s="462"/>
      <c r="GL6" s="462"/>
      <c r="GM6" s="462"/>
      <c r="GN6" s="462"/>
      <c r="GO6" s="462"/>
      <c r="GP6" s="462"/>
      <c r="GQ6" s="463"/>
      <c r="GR6" s="639" t="s">
        <v>82</v>
      </c>
      <c r="GS6" s="462"/>
      <c r="GT6" s="462"/>
      <c r="GU6" s="462"/>
      <c r="GV6" s="462"/>
      <c r="GW6" s="462"/>
      <c r="GX6" s="462"/>
      <c r="GY6" s="462"/>
      <c r="GZ6" s="462"/>
      <c r="HA6" s="462"/>
      <c r="HB6" s="463"/>
      <c r="HC6" s="633"/>
      <c r="HD6" s="634"/>
      <c r="HE6" s="634"/>
      <c r="HF6" s="634"/>
      <c r="HG6" s="634"/>
      <c r="HH6" s="634"/>
      <c r="HI6" s="634"/>
      <c r="HJ6" s="634"/>
      <c r="HK6" s="634"/>
      <c r="HL6" s="634"/>
      <c r="HM6" s="635"/>
      <c r="HN6" s="633"/>
      <c r="HO6" s="634"/>
      <c r="HP6" s="634"/>
      <c r="HQ6" s="634"/>
      <c r="HR6" s="634"/>
      <c r="HS6" s="634"/>
      <c r="HT6" s="634"/>
      <c r="HU6" s="634"/>
      <c r="HV6" s="634"/>
      <c r="HW6" s="634"/>
      <c r="HX6" s="635"/>
      <c r="HY6" s="562"/>
      <c r="HZ6" s="563"/>
      <c r="IA6" s="563"/>
      <c r="IB6" s="563"/>
      <c r="IC6" s="563"/>
      <c r="ID6" s="563"/>
      <c r="IE6" s="563"/>
      <c r="IF6" s="563"/>
      <c r="IG6" s="563"/>
      <c r="IH6" s="563"/>
      <c r="II6" s="564"/>
      <c r="IJ6" s="537"/>
      <c r="IK6" s="528"/>
      <c r="IL6" s="528"/>
      <c r="IM6" s="528"/>
      <c r="IN6" s="528"/>
      <c r="IO6" s="528"/>
      <c r="IP6" s="528"/>
      <c r="IQ6" s="528"/>
      <c r="IR6" s="528"/>
      <c r="IS6" s="528"/>
      <c r="IT6" s="538"/>
      <c r="IU6" s="537"/>
      <c r="IV6" s="528"/>
      <c r="IW6" s="528"/>
      <c r="IX6" s="528"/>
      <c r="IY6" s="528"/>
      <c r="IZ6" s="528"/>
      <c r="JA6" s="528"/>
      <c r="JB6" s="528"/>
      <c r="JC6" s="528"/>
      <c r="JD6" s="528"/>
      <c r="JE6" s="538"/>
      <c r="JF6" s="568"/>
      <c r="JG6" s="569"/>
      <c r="JH6" s="569"/>
      <c r="JI6" s="569"/>
      <c r="JJ6" s="569"/>
      <c r="JK6" s="569"/>
      <c r="JL6" s="569"/>
      <c r="JM6" s="569"/>
      <c r="JN6" s="569"/>
      <c r="JO6" s="569"/>
      <c r="JP6" s="570"/>
      <c r="JQ6" s="537"/>
      <c r="JR6" s="528"/>
      <c r="JS6" s="528"/>
      <c r="JT6" s="528"/>
      <c r="JU6" s="528"/>
      <c r="JV6" s="528"/>
      <c r="JW6" s="528"/>
      <c r="JX6" s="528"/>
      <c r="JY6" s="528"/>
      <c r="JZ6" s="528"/>
      <c r="KA6" s="538"/>
      <c r="KB6" s="537"/>
      <c r="KC6" s="528"/>
      <c r="KD6" s="528"/>
      <c r="KE6" s="528"/>
      <c r="KF6" s="528"/>
      <c r="KG6" s="528"/>
      <c r="KH6" s="528"/>
      <c r="KI6" s="528"/>
      <c r="KJ6" s="528"/>
      <c r="KK6" s="528"/>
      <c r="KL6" s="538"/>
      <c r="KM6" s="537"/>
      <c r="KN6" s="528"/>
      <c r="KO6" s="528"/>
      <c r="KP6" s="528"/>
      <c r="KQ6" s="528"/>
      <c r="KR6" s="528"/>
      <c r="KS6" s="528"/>
      <c r="KT6" s="528"/>
      <c r="KU6" s="528"/>
      <c r="KV6" s="528"/>
      <c r="KW6" s="538"/>
      <c r="KX6" s="537"/>
      <c r="KY6" s="528"/>
      <c r="KZ6" s="528"/>
      <c r="LA6" s="528"/>
      <c r="LB6" s="528"/>
      <c r="LC6" s="528"/>
      <c r="LD6" s="528"/>
      <c r="LE6" s="528"/>
      <c r="LF6" s="528"/>
      <c r="LG6" s="528"/>
      <c r="LH6" s="538"/>
      <c r="LI6" s="562"/>
      <c r="LJ6" s="563"/>
      <c r="LK6" s="563"/>
      <c r="LL6" s="563"/>
      <c r="LM6" s="563"/>
      <c r="LN6" s="563"/>
      <c r="LO6" s="563"/>
      <c r="LP6" s="563"/>
      <c r="LQ6" s="563"/>
      <c r="LR6" s="563"/>
      <c r="LS6" s="564"/>
      <c r="LT6" s="577"/>
      <c r="LU6" s="578"/>
      <c r="LV6" s="578"/>
      <c r="LW6" s="578"/>
      <c r="LX6" s="578"/>
      <c r="LY6" s="578"/>
      <c r="LZ6" s="578"/>
      <c r="MA6" s="578"/>
      <c r="MB6" s="578"/>
      <c r="MC6" s="578"/>
      <c r="MD6" s="579"/>
      <c r="ME6" s="562"/>
      <c r="MF6" s="563"/>
      <c r="MG6" s="563"/>
      <c r="MH6" s="563"/>
      <c r="MI6" s="563"/>
      <c r="MJ6" s="563"/>
      <c r="MK6" s="563"/>
      <c r="ML6" s="563"/>
      <c r="MM6" s="563"/>
      <c r="MN6" s="563"/>
      <c r="MO6" s="564"/>
      <c r="MP6" s="537"/>
      <c r="MQ6" s="528"/>
      <c r="MR6" s="528"/>
      <c r="MS6" s="528"/>
      <c r="MT6" s="528"/>
      <c r="MU6" s="528"/>
      <c r="MV6" s="528"/>
      <c r="MW6" s="528"/>
      <c r="MX6" s="528"/>
      <c r="MY6" s="528"/>
      <c r="MZ6" s="538"/>
      <c r="NA6" s="537"/>
      <c r="NB6" s="528"/>
      <c r="NC6" s="528"/>
      <c r="ND6" s="528"/>
      <c r="NE6" s="528"/>
      <c r="NF6" s="528"/>
      <c r="NG6" s="528"/>
      <c r="NH6" s="528"/>
      <c r="NI6" s="528"/>
      <c r="NJ6" s="528"/>
      <c r="NK6" s="538"/>
      <c r="NL6" s="537"/>
      <c r="NM6" s="528"/>
      <c r="NN6" s="528"/>
      <c r="NO6" s="528"/>
      <c r="NP6" s="528"/>
      <c r="NQ6" s="528"/>
      <c r="NR6" s="528"/>
      <c r="NS6" s="528"/>
      <c r="NT6" s="528"/>
      <c r="NU6" s="528"/>
      <c r="NV6" s="538"/>
      <c r="NW6" s="587"/>
      <c r="NX6" s="588"/>
      <c r="NY6" s="588"/>
      <c r="NZ6" s="588"/>
      <c r="OA6" s="588"/>
      <c r="OB6" s="588"/>
      <c r="OC6" s="588"/>
      <c r="OD6" s="588"/>
      <c r="OE6" s="588"/>
      <c r="OF6" s="588"/>
      <c r="OG6" s="589"/>
      <c r="OH6" s="537"/>
      <c r="OI6" s="528"/>
      <c r="OJ6" s="528"/>
      <c r="OK6" s="528"/>
      <c r="OL6" s="528"/>
      <c r="OM6" s="528"/>
      <c r="ON6" s="528"/>
      <c r="OO6" s="528"/>
      <c r="OP6" s="528"/>
      <c r="OQ6" s="528"/>
      <c r="OR6" s="538"/>
    </row>
    <row r="7" spans="1:408" ht="23.25" customHeight="1" x14ac:dyDescent="0.2">
      <c r="A7" s="620"/>
      <c r="B7" s="643" t="s">
        <v>61</v>
      </c>
      <c r="C7" s="643"/>
      <c r="D7" s="643"/>
      <c r="E7" s="644" t="s">
        <v>62</v>
      </c>
      <c r="F7" s="643"/>
      <c r="G7" s="643"/>
      <c r="H7" s="643"/>
      <c r="I7" s="643"/>
      <c r="J7" s="643"/>
      <c r="K7" s="643"/>
      <c r="L7" s="644" t="s">
        <v>52</v>
      </c>
      <c r="M7" s="646" t="s">
        <v>61</v>
      </c>
      <c r="N7" s="643"/>
      <c r="O7" s="643"/>
      <c r="P7" s="644" t="s">
        <v>62</v>
      </c>
      <c r="Q7" s="643"/>
      <c r="R7" s="643"/>
      <c r="S7" s="643"/>
      <c r="T7" s="643"/>
      <c r="U7" s="643"/>
      <c r="V7" s="647"/>
      <c r="W7" s="651" t="s">
        <v>52</v>
      </c>
      <c r="X7" s="458" t="s">
        <v>61</v>
      </c>
      <c r="Y7" s="459"/>
      <c r="Z7" s="653"/>
      <c r="AA7" s="654" t="s">
        <v>62</v>
      </c>
      <c r="AB7" s="459"/>
      <c r="AC7" s="459"/>
      <c r="AD7" s="459"/>
      <c r="AE7" s="459"/>
      <c r="AF7" s="459"/>
      <c r="AG7" s="653"/>
      <c r="AH7" s="460" t="s">
        <v>52</v>
      </c>
      <c r="AI7" s="656" t="s">
        <v>61</v>
      </c>
      <c r="AJ7" s="649"/>
      <c r="AK7" s="657"/>
      <c r="AL7" s="648" t="s">
        <v>62</v>
      </c>
      <c r="AM7" s="649"/>
      <c r="AN7" s="649"/>
      <c r="AO7" s="649"/>
      <c r="AP7" s="649"/>
      <c r="AQ7" s="649"/>
      <c r="AR7" s="650"/>
      <c r="AS7" s="460" t="s">
        <v>52</v>
      </c>
      <c r="AT7" s="656" t="s">
        <v>61</v>
      </c>
      <c r="AU7" s="649"/>
      <c r="AV7" s="657"/>
      <c r="AW7" s="648" t="s">
        <v>62</v>
      </c>
      <c r="AX7" s="649"/>
      <c r="AY7" s="649"/>
      <c r="AZ7" s="649"/>
      <c r="BA7" s="649"/>
      <c r="BB7" s="649"/>
      <c r="BC7" s="650"/>
      <c r="BD7" s="460" t="s">
        <v>52</v>
      </c>
      <c r="BE7" s="656" t="s">
        <v>61</v>
      </c>
      <c r="BF7" s="649"/>
      <c r="BG7" s="657"/>
      <c r="BH7" s="648" t="s">
        <v>62</v>
      </c>
      <c r="BI7" s="649"/>
      <c r="BJ7" s="649"/>
      <c r="BK7" s="649"/>
      <c r="BL7" s="649"/>
      <c r="BM7" s="649"/>
      <c r="BN7" s="650"/>
      <c r="BO7" s="460" t="s">
        <v>52</v>
      </c>
      <c r="BP7" s="656" t="s">
        <v>61</v>
      </c>
      <c r="BQ7" s="649"/>
      <c r="BR7" s="657"/>
      <c r="BS7" s="648" t="s">
        <v>62</v>
      </c>
      <c r="BT7" s="649"/>
      <c r="BU7" s="649"/>
      <c r="BV7" s="649"/>
      <c r="BW7" s="649"/>
      <c r="BX7" s="649"/>
      <c r="BY7" s="650"/>
      <c r="BZ7" s="460" t="s">
        <v>52</v>
      </c>
      <c r="CA7" s="658" t="s">
        <v>61</v>
      </c>
      <c r="CB7" s="659"/>
      <c r="CC7" s="660"/>
      <c r="CD7" s="661" t="s">
        <v>62</v>
      </c>
      <c r="CE7" s="659"/>
      <c r="CF7" s="659"/>
      <c r="CG7" s="659"/>
      <c r="CH7" s="659"/>
      <c r="CI7" s="659"/>
      <c r="CJ7" s="662"/>
      <c r="CK7" s="651" t="s">
        <v>52</v>
      </c>
      <c r="CL7" s="656" t="s">
        <v>61</v>
      </c>
      <c r="CM7" s="649"/>
      <c r="CN7" s="650"/>
      <c r="CO7" s="648" t="s">
        <v>62</v>
      </c>
      <c r="CP7" s="649"/>
      <c r="CQ7" s="649"/>
      <c r="CR7" s="649"/>
      <c r="CS7" s="649"/>
      <c r="CT7" s="649"/>
      <c r="CU7" s="650"/>
      <c r="CV7" s="663" t="s">
        <v>52</v>
      </c>
      <c r="CW7" s="656" t="s">
        <v>61</v>
      </c>
      <c r="CX7" s="649"/>
      <c r="CY7" s="650"/>
      <c r="CZ7" s="648" t="s">
        <v>62</v>
      </c>
      <c r="DA7" s="649"/>
      <c r="DB7" s="649"/>
      <c r="DC7" s="649"/>
      <c r="DD7" s="649"/>
      <c r="DE7" s="649"/>
      <c r="DF7" s="650"/>
      <c r="DG7" s="663" t="s">
        <v>52</v>
      </c>
      <c r="DH7" s="658" t="s">
        <v>61</v>
      </c>
      <c r="DI7" s="659"/>
      <c r="DJ7" s="662"/>
      <c r="DK7" s="661" t="s">
        <v>62</v>
      </c>
      <c r="DL7" s="659"/>
      <c r="DM7" s="659"/>
      <c r="DN7" s="659"/>
      <c r="DO7" s="659"/>
      <c r="DP7" s="659"/>
      <c r="DQ7" s="662"/>
      <c r="DR7" s="651" t="s">
        <v>52</v>
      </c>
      <c r="DS7" s="656" t="s">
        <v>61</v>
      </c>
      <c r="DT7" s="649"/>
      <c r="DU7" s="657"/>
      <c r="DV7" s="648" t="s">
        <v>62</v>
      </c>
      <c r="DW7" s="649"/>
      <c r="DX7" s="649"/>
      <c r="DY7" s="649"/>
      <c r="DZ7" s="649"/>
      <c r="EA7" s="649"/>
      <c r="EB7" s="650"/>
      <c r="EC7" s="460" t="s">
        <v>52</v>
      </c>
      <c r="ED7" s="656" t="s">
        <v>61</v>
      </c>
      <c r="EE7" s="649"/>
      <c r="EF7" s="657"/>
      <c r="EG7" s="648" t="s">
        <v>62</v>
      </c>
      <c r="EH7" s="649"/>
      <c r="EI7" s="649"/>
      <c r="EJ7" s="649"/>
      <c r="EK7" s="649"/>
      <c r="EL7" s="649"/>
      <c r="EM7" s="650"/>
      <c r="EN7" s="460" t="s">
        <v>52</v>
      </c>
      <c r="EO7" s="656" t="s">
        <v>61</v>
      </c>
      <c r="EP7" s="649"/>
      <c r="EQ7" s="657"/>
      <c r="ER7" s="648" t="s">
        <v>62</v>
      </c>
      <c r="ES7" s="649"/>
      <c r="ET7" s="649"/>
      <c r="EU7" s="649"/>
      <c r="EV7" s="649"/>
      <c r="EW7" s="649"/>
      <c r="EX7" s="650"/>
      <c r="EY7" s="460" t="s">
        <v>52</v>
      </c>
      <c r="EZ7" s="656" t="s">
        <v>61</v>
      </c>
      <c r="FA7" s="649"/>
      <c r="FB7" s="657"/>
      <c r="FC7" s="648" t="s">
        <v>62</v>
      </c>
      <c r="FD7" s="649"/>
      <c r="FE7" s="649"/>
      <c r="FF7" s="649"/>
      <c r="FG7" s="649"/>
      <c r="FH7" s="649"/>
      <c r="FI7" s="650"/>
      <c r="FJ7" s="460" t="s">
        <v>52</v>
      </c>
      <c r="FK7" s="658" t="s">
        <v>61</v>
      </c>
      <c r="FL7" s="659"/>
      <c r="FM7" s="660"/>
      <c r="FN7" s="661" t="s">
        <v>62</v>
      </c>
      <c r="FO7" s="659"/>
      <c r="FP7" s="659"/>
      <c r="FQ7" s="659"/>
      <c r="FR7" s="659"/>
      <c r="FS7" s="659"/>
      <c r="FT7" s="662"/>
      <c r="FU7" s="643" t="s">
        <v>52</v>
      </c>
      <c r="FV7" s="656" t="s">
        <v>61</v>
      </c>
      <c r="FW7" s="649"/>
      <c r="FX7" s="657"/>
      <c r="FY7" s="648" t="s">
        <v>62</v>
      </c>
      <c r="FZ7" s="649"/>
      <c r="GA7" s="649"/>
      <c r="GB7" s="649"/>
      <c r="GC7" s="649"/>
      <c r="GD7" s="649"/>
      <c r="GE7" s="650"/>
      <c r="GF7" s="460" t="s">
        <v>52</v>
      </c>
      <c r="GG7" s="458" t="s">
        <v>61</v>
      </c>
      <c r="GH7" s="459"/>
      <c r="GI7" s="459"/>
      <c r="GJ7" s="654" t="s">
        <v>62</v>
      </c>
      <c r="GK7" s="459"/>
      <c r="GL7" s="459"/>
      <c r="GM7" s="459"/>
      <c r="GN7" s="459"/>
      <c r="GO7" s="459"/>
      <c r="GP7" s="653"/>
      <c r="GQ7" s="664" t="s">
        <v>52</v>
      </c>
      <c r="GR7" s="458" t="s">
        <v>61</v>
      </c>
      <c r="GS7" s="459"/>
      <c r="GT7" s="653"/>
      <c r="GU7" s="654" t="s">
        <v>62</v>
      </c>
      <c r="GV7" s="459"/>
      <c r="GW7" s="459"/>
      <c r="GX7" s="459"/>
      <c r="GY7" s="459"/>
      <c r="GZ7" s="459"/>
      <c r="HA7" s="653"/>
      <c r="HB7" s="664" t="s">
        <v>52</v>
      </c>
      <c r="HC7" s="656" t="s">
        <v>61</v>
      </c>
      <c r="HD7" s="649"/>
      <c r="HE7" s="657"/>
      <c r="HF7" s="648" t="s">
        <v>62</v>
      </c>
      <c r="HG7" s="649"/>
      <c r="HH7" s="649"/>
      <c r="HI7" s="649"/>
      <c r="HJ7" s="649"/>
      <c r="HK7" s="649"/>
      <c r="HL7" s="650"/>
      <c r="HM7" s="460" t="s">
        <v>52</v>
      </c>
      <c r="HN7" s="656" t="s">
        <v>61</v>
      </c>
      <c r="HO7" s="649"/>
      <c r="HP7" s="657"/>
      <c r="HQ7" s="648" t="s">
        <v>62</v>
      </c>
      <c r="HR7" s="649"/>
      <c r="HS7" s="649"/>
      <c r="HT7" s="649"/>
      <c r="HU7" s="649"/>
      <c r="HV7" s="649"/>
      <c r="HW7" s="650"/>
      <c r="HX7" s="460" t="s">
        <v>52</v>
      </c>
      <c r="HY7" s="515" t="s">
        <v>61</v>
      </c>
      <c r="HZ7" s="516"/>
      <c r="IA7" s="517"/>
      <c r="IB7" s="551" t="s">
        <v>62</v>
      </c>
      <c r="IC7" s="516"/>
      <c r="ID7" s="516"/>
      <c r="IE7" s="516"/>
      <c r="IF7" s="516"/>
      <c r="IG7" s="516"/>
      <c r="IH7" s="552"/>
      <c r="II7" s="519" t="s">
        <v>52</v>
      </c>
      <c r="IJ7" s="532" t="s">
        <v>61</v>
      </c>
      <c r="IK7" s="525"/>
      <c r="IL7" s="526"/>
      <c r="IM7" s="554" t="s">
        <v>62</v>
      </c>
      <c r="IN7" s="525"/>
      <c r="IO7" s="525"/>
      <c r="IP7" s="525"/>
      <c r="IQ7" s="525"/>
      <c r="IR7" s="525"/>
      <c r="IS7" s="555"/>
      <c r="IT7" s="538" t="s">
        <v>52</v>
      </c>
      <c r="IU7" s="532" t="s">
        <v>61</v>
      </c>
      <c r="IV7" s="525"/>
      <c r="IW7" s="555"/>
      <c r="IX7" s="554" t="s">
        <v>62</v>
      </c>
      <c r="IY7" s="525"/>
      <c r="IZ7" s="525"/>
      <c r="JA7" s="525"/>
      <c r="JB7" s="525"/>
      <c r="JC7" s="525"/>
      <c r="JD7" s="555"/>
      <c r="JE7" s="538" t="s">
        <v>52</v>
      </c>
      <c r="JF7" s="532" t="s">
        <v>61</v>
      </c>
      <c r="JG7" s="525"/>
      <c r="JH7" s="526"/>
      <c r="JI7" s="554" t="s">
        <v>62</v>
      </c>
      <c r="JJ7" s="525"/>
      <c r="JK7" s="525"/>
      <c r="JL7" s="525"/>
      <c r="JM7" s="525"/>
      <c r="JN7" s="525"/>
      <c r="JO7" s="555"/>
      <c r="JP7" s="549" t="s">
        <v>52</v>
      </c>
      <c r="JQ7" s="532" t="s">
        <v>61</v>
      </c>
      <c r="JR7" s="525"/>
      <c r="JS7" s="526"/>
      <c r="JT7" s="554" t="s">
        <v>62</v>
      </c>
      <c r="JU7" s="525"/>
      <c r="JV7" s="525"/>
      <c r="JW7" s="525"/>
      <c r="JX7" s="525"/>
      <c r="JY7" s="525"/>
      <c r="JZ7" s="555"/>
      <c r="KA7" s="549" t="s">
        <v>52</v>
      </c>
      <c r="KB7" s="532" t="s">
        <v>61</v>
      </c>
      <c r="KC7" s="525"/>
      <c r="KD7" s="526"/>
      <c r="KE7" s="554" t="s">
        <v>62</v>
      </c>
      <c r="KF7" s="525"/>
      <c r="KG7" s="525"/>
      <c r="KH7" s="525"/>
      <c r="KI7" s="525"/>
      <c r="KJ7" s="525"/>
      <c r="KK7" s="555"/>
      <c r="KL7" s="549" t="s">
        <v>52</v>
      </c>
      <c r="KM7" s="532" t="s">
        <v>61</v>
      </c>
      <c r="KN7" s="525"/>
      <c r="KO7" s="526"/>
      <c r="KP7" s="554" t="s">
        <v>62</v>
      </c>
      <c r="KQ7" s="525"/>
      <c r="KR7" s="525"/>
      <c r="KS7" s="525"/>
      <c r="KT7" s="525"/>
      <c r="KU7" s="525"/>
      <c r="KV7" s="555"/>
      <c r="KW7" s="549" t="s">
        <v>52</v>
      </c>
      <c r="KX7" s="532" t="s">
        <v>61</v>
      </c>
      <c r="KY7" s="525"/>
      <c r="KZ7" s="526"/>
      <c r="LA7" s="554" t="s">
        <v>62</v>
      </c>
      <c r="LB7" s="525"/>
      <c r="LC7" s="525"/>
      <c r="LD7" s="525"/>
      <c r="LE7" s="525"/>
      <c r="LF7" s="525"/>
      <c r="LG7" s="555"/>
      <c r="LH7" s="549" t="s">
        <v>52</v>
      </c>
      <c r="LI7" s="532" t="s">
        <v>61</v>
      </c>
      <c r="LJ7" s="525"/>
      <c r="LK7" s="526"/>
      <c r="LL7" s="554" t="s">
        <v>62</v>
      </c>
      <c r="LM7" s="525"/>
      <c r="LN7" s="525"/>
      <c r="LO7" s="525"/>
      <c r="LP7" s="525"/>
      <c r="LQ7" s="525"/>
      <c r="LR7" s="555"/>
      <c r="LS7" s="549" t="s">
        <v>52</v>
      </c>
      <c r="LT7" s="532" t="s">
        <v>61</v>
      </c>
      <c r="LU7" s="525"/>
      <c r="LV7" s="526"/>
      <c r="LW7" s="554" t="s">
        <v>62</v>
      </c>
      <c r="LX7" s="525"/>
      <c r="LY7" s="525"/>
      <c r="LZ7" s="525"/>
      <c r="MA7" s="525"/>
      <c r="MB7" s="525"/>
      <c r="MC7" s="555"/>
      <c r="MD7" s="549" t="s">
        <v>52</v>
      </c>
      <c r="ME7" s="515" t="s">
        <v>61</v>
      </c>
      <c r="MF7" s="516"/>
      <c r="MG7" s="517"/>
      <c r="MH7" s="551" t="s">
        <v>62</v>
      </c>
      <c r="MI7" s="516"/>
      <c r="MJ7" s="516"/>
      <c r="MK7" s="516"/>
      <c r="ML7" s="516"/>
      <c r="MM7" s="516"/>
      <c r="MN7" s="552"/>
      <c r="MO7" s="553" t="s">
        <v>52</v>
      </c>
      <c r="MP7" s="532" t="s">
        <v>61</v>
      </c>
      <c r="MQ7" s="525"/>
      <c r="MR7" s="526"/>
      <c r="MS7" s="554" t="s">
        <v>62</v>
      </c>
      <c r="MT7" s="525"/>
      <c r="MU7" s="525"/>
      <c r="MV7" s="525"/>
      <c r="MW7" s="525"/>
      <c r="MX7" s="525"/>
      <c r="MY7" s="555"/>
      <c r="MZ7" s="549" t="s">
        <v>52</v>
      </c>
      <c r="NA7" s="532" t="s">
        <v>61</v>
      </c>
      <c r="NB7" s="525"/>
      <c r="NC7" s="526"/>
      <c r="ND7" s="554" t="s">
        <v>62</v>
      </c>
      <c r="NE7" s="525"/>
      <c r="NF7" s="525"/>
      <c r="NG7" s="525"/>
      <c r="NH7" s="525"/>
      <c r="NI7" s="525"/>
      <c r="NJ7" s="555"/>
      <c r="NK7" s="549" t="s">
        <v>52</v>
      </c>
      <c r="NL7" s="532" t="s">
        <v>61</v>
      </c>
      <c r="NM7" s="525"/>
      <c r="NN7" s="526"/>
      <c r="NO7" s="554" t="s">
        <v>62</v>
      </c>
      <c r="NP7" s="525"/>
      <c r="NQ7" s="525"/>
      <c r="NR7" s="525"/>
      <c r="NS7" s="525"/>
      <c r="NT7" s="525"/>
      <c r="NU7" s="555"/>
      <c r="NV7" s="549" t="s">
        <v>52</v>
      </c>
      <c r="NW7" s="532" t="s">
        <v>61</v>
      </c>
      <c r="NX7" s="525"/>
      <c r="NY7" s="526"/>
      <c r="NZ7" s="554" t="s">
        <v>62</v>
      </c>
      <c r="OA7" s="525"/>
      <c r="OB7" s="525"/>
      <c r="OC7" s="525"/>
      <c r="OD7" s="525"/>
      <c r="OE7" s="525"/>
      <c r="OF7" s="555"/>
      <c r="OG7" s="549" t="s">
        <v>52</v>
      </c>
      <c r="OH7" s="515" t="s">
        <v>61</v>
      </c>
      <c r="OI7" s="516"/>
      <c r="OJ7" s="517"/>
      <c r="OK7" s="551" t="s">
        <v>62</v>
      </c>
      <c r="OL7" s="516"/>
      <c r="OM7" s="516"/>
      <c r="ON7" s="516"/>
      <c r="OO7" s="516"/>
      <c r="OP7" s="516"/>
      <c r="OQ7" s="552"/>
      <c r="OR7" s="553" t="s">
        <v>52</v>
      </c>
    </row>
    <row r="8" spans="1:408" ht="28.5" customHeight="1" thickBot="1" x14ac:dyDescent="0.25">
      <c r="A8" s="621"/>
      <c r="B8" s="359" t="s">
        <v>43</v>
      </c>
      <c r="C8" s="47" t="s">
        <v>44</v>
      </c>
      <c r="D8" s="360" t="s">
        <v>45</v>
      </c>
      <c r="E8" s="52" t="s">
        <v>83</v>
      </c>
      <c r="F8" s="47" t="s">
        <v>47</v>
      </c>
      <c r="G8" s="47" t="s">
        <v>48</v>
      </c>
      <c r="H8" s="47" t="s">
        <v>49</v>
      </c>
      <c r="I8" s="47" t="s">
        <v>50</v>
      </c>
      <c r="J8" s="47" t="s">
        <v>51</v>
      </c>
      <c r="K8" s="48" t="s">
        <v>45</v>
      </c>
      <c r="L8" s="645"/>
      <c r="M8" s="51" t="s">
        <v>43</v>
      </c>
      <c r="N8" s="47" t="s">
        <v>44</v>
      </c>
      <c r="O8" s="48" t="s">
        <v>45</v>
      </c>
      <c r="P8" s="52" t="s">
        <v>83</v>
      </c>
      <c r="Q8" s="47" t="s">
        <v>47</v>
      </c>
      <c r="R8" s="47" t="s">
        <v>48</v>
      </c>
      <c r="S8" s="47" t="s">
        <v>49</v>
      </c>
      <c r="T8" s="47" t="s">
        <v>50</v>
      </c>
      <c r="U8" s="47" t="s">
        <v>51</v>
      </c>
      <c r="V8" s="48" t="s">
        <v>45</v>
      </c>
      <c r="W8" s="652"/>
      <c r="X8" s="51" t="s">
        <v>43</v>
      </c>
      <c r="Y8" s="47" t="s">
        <v>44</v>
      </c>
      <c r="Z8" s="48" t="s">
        <v>45</v>
      </c>
      <c r="AA8" s="52" t="s">
        <v>83</v>
      </c>
      <c r="AB8" s="47" t="s">
        <v>47</v>
      </c>
      <c r="AC8" s="47" t="s">
        <v>48</v>
      </c>
      <c r="AD8" s="47" t="s">
        <v>49</v>
      </c>
      <c r="AE8" s="47" t="s">
        <v>50</v>
      </c>
      <c r="AF8" s="47" t="s">
        <v>51</v>
      </c>
      <c r="AG8" s="48" t="s">
        <v>45</v>
      </c>
      <c r="AH8" s="655"/>
      <c r="AI8" s="51" t="s">
        <v>43</v>
      </c>
      <c r="AJ8" s="47" t="s">
        <v>44</v>
      </c>
      <c r="AK8" s="360" t="s">
        <v>45</v>
      </c>
      <c r="AL8" s="52" t="s">
        <v>83</v>
      </c>
      <c r="AM8" s="47" t="s">
        <v>47</v>
      </c>
      <c r="AN8" s="47" t="s">
        <v>48</v>
      </c>
      <c r="AO8" s="47" t="s">
        <v>49</v>
      </c>
      <c r="AP8" s="47" t="s">
        <v>50</v>
      </c>
      <c r="AQ8" s="47" t="s">
        <v>51</v>
      </c>
      <c r="AR8" s="48" t="s">
        <v>45</v>
      </c>
      <c r="AS8" s="655"/>
      <c r="AT8" s="51" t="s">
        <v>43</v>
      </c>
      <c r="AU8" s="47" t="s">
        <v>44</v>
      </c>
      <c r="AV8" s="360" t="s">
        <v>45</v>
      </c>
      <c r="AW8" s="52" t="s">
        <v>83</v>
      </c>
      <c r="AX8" s="47" t="s">
        <v>47</v>
      </c>
      <c r="AY8" s="47" t="s">
        <v>48</v>
      </c>
      <c r="AZ8" s="47" t="s">
        <v>49</v>
      </c>
      <c r="BA8" s="47" t="s">
        <v>50</v>
      </c>
      <c r="BB8" s="47" t="s">
        <v>51</v>
      </c>
      <c r="BC8" s="48" t="s">
        <v>45</v>
      </c>
      <c r="BD8" s="655"/>
      <c r="BE8" s="361" t="s">
        <v>43</v>
      </c>
      <c r="BF8" s="47" t="s">
        <v>44</v>
      </c>
      <c r="BG8" s="360" t="s">
        <v>45</v>
      </c>
      <c r="BH8" s="52" t="s">
        <v>83</v>
      </c>
      <c r="BI8" s="47" t="s">
        <v>47</v>
      </c>
      <c r="BJ8" s="47" t="s">
        <v>48</v>
      </c>
      <c r="BK8" s="47" t="s">
        <v>49</v>
      </c>
      <c r="BL8" s="47" t="s">
        <v>50</v>
      </c>
      <c r="BM8" s="47" t="s">
        <v>51</v>
      </c>
      <c r="BN8" s="48" t="s">
        <v>45</v>
      </c>
      <c r="BO8" s="655"/>
      <c r="BP8" s="51" t="s">
        <v>43</v>
      </c>
      <c r="BQ8" s="47" t="s">
        <v>44</v>
      </c>
      <c r="BR8" s="360" t="s">
        <v>45</v>
      </c>
      <c r="BS8" s="52" t="s">
        <v>83</v>
      </c>
      <c r="BT8" s="47" t="s">
        <v>47</v>
      </c>
      <c r="BU8" s="47" t="s">
        <v>48</v>
      </c>
      <c r="BV8" s="47" t="s">
        <v>49</v>
      </c>
      <c r="BW8" s="47" t="s">
        <v>50</v>
      </c>
      <c r="BX8" s="47" t="s">
        <v>51</v>
      </c>
      <c r="BY8" s="48" t="s">
        <v>45</v>
      </c>
      <c r="BZ8" s="655"/>
      <c r="CA8" s="51" t="s">
        <v>43</v>
      </c>
      <c r="CB8" s="47" t="s">
        <v>44</v>
      </c>
      <c r="CC8" s="360" t="s">
        <v>45</v>
      </c>
      <c r="CD8" s="52" t="s">
        <v>83</v>
      </c>
      <c r="CE8" s="47" t="s">
        <v>47</v>
      </c>
      <c r="CF8" s="47" t="s">
        <v>48</v>
      </c>
      <c r="CG8" s="47" t="s">
        <v>49</v>
      </c>
      <c r="CH8" s="47" t="s">
        <v>50</v>
      </c>
      <c r="CI8" s="47" t="s">
        <v>51</v>
      </c>
      <c r="CJ8" s="48" t="s">
        <v>45</v>
      </c>
      <c r="CK8" s="652"/>
      <c r="CL8" s="51" t="s">
        <v>43</v>
      </c>
      <c r="CM8" s="47" t="s">
        <v>44</v>
      </c>
      <c r="CN8" s="48" t="s">
        <v>45</v>
      </c>
      <c r="CO8" s="52" t="s">
        <v>83</v>
      </c>
      <c r="CP8" s="47" t="s">
        <v>47</v>
      </c>
      <c r="CQ8" s="47" t="s">
        <v>48</v>
      </c>
      <c r="CR8" s="47" t="s">
        <v>49</v>
      </c>
      <c r="CS8" s="47" t="s">
        <v>50</v>
      </c>
      <c r="CT8" s="47" t="s">
        <v>51</v>
      </c>
      <c r="CU8" s="48" t="s">
        <v>45</v>
      </c>
      <c r="CV8" s="652"/>
      <c r="CW8" s="51" t="s">
        <v>43</v>
      </c>
      <c r="CX8" s="47" t="s">
        <v>44</v>
      </c>
      <c r="CY8" s="48" t="s">
        <v>45</v>
      </c>
      <c r="CZ8" s="52" t="s">
        <v>83</v>
      </c>
      <c r="DA8" s="47" t="s">
        <v>47</v>
      </c>
      <c r="DB8" s="47" t="s">
        <v>48</v>
      </c>
      <c r="DC8" s="47" t="s">
        <v>49</v>
      </c>
      <c r="DD8" s="47" t="s">
        <v>50</v>
      </c>
      <c r="DE8" s="47" t="s">
        <v>51</v>
      </c>
      <c r="DF8" s="48" t="s">
        <v>45</v>
      </c>
      <c r="DG8" s="652"/>
      <c r="DH8" s="51" t="s">
        <v>43</v>
      </c>
      <c r="DI8" s="47" t="s">
        <v>44</v>
      </c>
      <c r="DJ8" s="48" t="s">
        <v>45</v>
      </c>
      <c r="DK8" s="52" t="s">
        <v>83</v>
      </c>
      <c r="DL8" s="47" t="s">
        <v>47</v>
      </c>
      <c r="DM8" s="47" t="s">
        <v>48</v>
      </c>
      <c r="DN8" s="47" t="s">
        <v>49</v>
      </c>
      <c r="DO8" s="47" t="s">
        <v>50</v>
      </c>
      <c r="DP8" s="47" t="s">
        <v>51</v>
      </c>
      <c r="DQ8" s="48" t="s">
        <v>45</v>
      </c>
      <c r="DR8" s="652"/>
      <c r="DS8" s="51" t="s">
        <v>43</v>
      </c>
      <c r="DT8" s="47" t="s">
        <v>44</v>
      </c>
      <c r="DU8" s="360" t="s">
        <v>45</v>
      </c>
      <c r="DV8" s="52" t="s">
        <v>83</v>
      </c>
      <c r="DW8" s="47" t="s">
        <v>47</v>
      </c>
      <c r="DX8" s="47" t="s">
        <v>48</v>
      </c>
      <c r="DY8" s="47" t="s">
        <v>49</v>
      </c>
      <c r="DZ8" s="47" t="s">
        <v>50</v>
      </c>
      <c r="EA8" s="47" t="s">
        <v>51</v>
      </c>
      <c r="EB8" s="48" t="s">
        <v>45</v>
      </c>
      <c r="EC8" s="655"/>
      <c r="ED8" s="51" t="s">
        <v>43</v>
      </c>
      <c r="EE8" s="47" t="s">
        <v>44</v>
      </c>
      <c r="EF8" s="360" t="s">
        <v>45</v>
      </c>
      <c r="EG8" s="52" t="s">
        <v>83</v>
      </c>
      <c r="EH8" s="47" t="s">
        <v>47</v>
      </c>
      <c r="EI8" s="47" t="s">
        <v>48</v>
      </c>
      <c r="EJ8" s="47" t="s">
        <v>49</v>
      </c>
      <c r="EK8" s="47" t="s">
        <v>50</v>
      </c>
      <c r="EL8" s="47" t="s">
        <v>51</v>
      </c>
      <c r="EM8" s="48" t="s">
        <v>45</v>
      </c>
      <c r="EN8" s="655"/>
      <c r="EO8" s="51" t="s">
        <v>43</v>
      </c>
      <c r="EP8" s="47" t="s">
        <v>44</v>
      </c>
      <c r="EQ8" s="360" t="s">
        <v>45</v>
      </c>
      <c r="ER8" s="52" t="s">
        <v>83</v>
      </c>
      <c r="ES8" s="47" t="s">
        <v>47</v>
      </c>
      <c r="ET8" s="47" t="s">
        <v>48</v>
      </c>
      <c r="EU8" s="47" t="s">
        <v>49</v>
      </c>
      <c r="EV8" s="47" t="s">
        <v>50</v>
      </c>
      <c r="EW8" s="47" t="s">
        <v>51</v>
      </c>
      <c r="EX8" s="48" t="s">
        <v>45</v>
      </c>
      <c r="EY8" s="655"/>
      <c r="EZ8" s="51" t="s">
        <v>43</v>
      </c>
      <c r="FA8" s="47" t="s">
        <v>44</v>
      </c>
      <c r="FB8" s="360" t="s">
        <v>45</v>
      </c>
      <c r="FC8" s="52" t="s">
        <v>83</v>
      </c>
      <c r="FD8" s="47" t="s">
        <v>47</v>
      </c>
      <c r="FE8" s="47" t="s">
        <v>48</v>
      </c>
      <c r="FF8" s="47" t="s">
        <v>49</v>
      </c>
      <c r="FG8" s="47" t="s">
        <v>50</v>
      </c>
      <c r="FH8" s="47" t="s">
        <v>51</v>
      </c>
      <c r="FI8" s="48" t="s">
        <v>45</v>
      </c>
      <c r="FJ8" s="655"/>
      <c r="FK8" s="51" t="s">
        <v>43</v>
      </c>
      <c r="FL8" s="47" t="s">
        <v>44</v>
      </c>
      <c r="FM8" s="360" t="s">
        <v>45</v>
      </c>
      <c r="FN8" s="52" t="s">
        <v>83</v>
      </c>
      <c r="FO8" s="47" t="s">
        <v>47</v>
      </c>
      <c r="FP8" s="47" t="s">
        <v>48</v>
      </c>
      <c r="FQ8" s="47" t="s">
        <v>49</v>
      </c>
      <c r="FR8" s="47" t="s">
        <v>50</v>
      </c>
      <c r="FS8" s="47" t="s">
        <v>51</v>
      </c>
      <c r="FT8" s="48" t="s">
        <v>45</v>
      </c>
      <c r="FU8" s="666"/>
      <c r="FV8" s="51" t="s">
        <v>43</v>
      </c>
      <c r="FW8" s="47" t="s">
        <v>44</v>
      </c>
      <c r="FX8" s="360" t="s">
        <v>45</v>
      </c>
      <c r="FY8" s="52" t="s">
        <v>83</v>
      </c>
      <c r="FZ8" s="47" t="s">
        <v>47</v>
      </c>
      <c r="GA8" s="47" t="s">
        <v>48</v>
      </c>
      <c r="GB8" s="47" t="s">
        <v>49</v>
      </c>
      <c r="GC8" s="47" t="s">
        <v>50</v>
      </c>
      <c r="GD8" s="47" t="s">
        <v>51</v>
      </c>
      <c r="GE8" s="48" t="s">
        <v>45</v>
      </c>
      <c r="GF8" s="655"/>
      <c r="GG8" s="51" t="s">
        <v>43</v>
      </c>
      <c r="GH8" s="47" t="s">
        <v>44</v>
      </c>
      <c r="GI8" s="360" t="s">
        <v>45</v>
      </c>
      <c r="GJ8" s="52" t="s">
        <v>83</v>
      </c>
      <c r="GK8" s="47" t="s">
        <v>47</v>
      </c>
      <c r="GL8" s="47" t="s">
        <v>48</v>
      </c>
      <c r="GM8" s="47" t="s">
        <v>49</v>
      </c>
      <c r="GN8" s="47" t="s">
        <v>50</v>
      </c>
      <c r="GO8" s="47" t="s">
        <v>51</v>
      </c>
      <c r="GP8" s="48" t="s">
        <v>45</v>
      </c>
      <c r="GQ8" s="665"/>
      <c r="GR8" s="51" t="s">
        <v>43</v>
      </c>
      <c r="GS8" s="47" t="s">
        <v>44</v>
      </c>
      <c r="GT8" s="360" t="s">
        <v>45</v>
      </c>
      <c r="GU8" s="52" t="s">
        <v>83</v>
      </c>
      <c r="GV8" s="47" t="s">
        <v>47</v>
      </c>
      <c r="GW8" s="47" t="s">
        <v>48</v>
      </c>
      <c r="GX8" s="47" t="s">
        <v>49</v>
      </c>
      <c r="GY8" s="47" t="s">
        <v>50</v>
      </c>
      <c r="GZ8" s="47" t="s">
        <v>51</v>
      </c>
      <c r="HA8" s="48" t="s">
        <v>45</v>
      </c>
      <c r="HB8" s="665"/>
      <c r="HC8" s="51" t="s">
        <v>43</v>
      </c>
      <c r="HD8" s="47" t="s">
        <v>44</v>
      </c>
      <c r="HE8" s="360" t="s">
        <v>45</v>
      </c>
      <c r="HF8" s="52" t="s">
        <v>83</v>
      </c>
      <c r="HG8" s="47" t="s">
        <v>47</v>
      </c>
      <c r="HH8" s="47" t="s">
        <v>48</v>
      </c>
      <c r="HI8" s="47" t="s">
        <v>49</v>
      </c>
      <c r="HJ8" s="47" t="s">
        <v>50</v>
      </c>
      <c r="HK8" s="47" t="s">
        <v>51</v>
      </c>
      <c r="HL8" s="48" t="s">
        <v>45</v>
      </c>
      <c r="HM8" s="655"/>
      <c r="HN8" s="51" t="s">
        <v>43</v>
      </c>
      <c r="HO8" s="47" t="s">
        <v>44</v>
      </c>
      <c r="HP8" s="360" t="s">
        <v>45</v>
      </c>
      <c r="HQ8" s="52" t="s">
        <v>83</v>
      </c>
      <c r="HR8" s="47" t="s">
        <v>47</v>
      </c>
      <c r="HS8" s="47" t="s">
        <v>48</v>
      </c>
      <c r="HT8" s="47" t="s">
        <v>49</v>
      </c>
      <c r="HU8" s="47" t="s">
        <v>50</v>
      </c>
      <c r="HV8" s="47" t="s">
        <v>51</v>
      </c>
      <c r="HW8" s="48" t="s">
        <v>45</v>
      </c>
      <c r="HX8" s="655"/>
      <c r="HY8" s="409" t="s">
        <v>43</v>
      </c>
      <c r="HZ8" s="410" t="s">
        <v>44</v>
      </c>
      <c r="IA8" s="41" t="s">
        <v>45</v>
      </c>
      <c r="IB8" s="42" t="s">
        <v>83</v>
      </c>
      <c r="IC8" s="410" t="s">
        <v>47</v>
      </c>
      <c r="ID8" s="410" t="s">
        <v>48</v>
      </c>
      <c r="IE8" s="410" t="s">
        <v>49</v>
      </c>
      <c r="IF8" s="410" t="s">
        <v>50</v>
      </c>
      <c r="IG8" s="410" t="s">
        <v>51</v>
      </c>
      <c r="IH8" s="17" t="s">
        <v>45</v>
      </c>
      <c r="II8" s="591"/>
      <c r="IJ8" s="409" t="s">
        <v>43</v>
      </c>
      <c r="IK8" s="410" t="s">
        <v>44</v>
      </c>
      <c r="IL8" s="41" t="s">
        <v>45</v>
      </c>
      <c r="IM8" s="42" t="s">
        <v>83</v>
      </c>
      <c r="IN8" s="59" t="s">
        <v>47</v>
      </c>
      <c r="IO8" s="59" t="s">
        <v>48</v>
      </c>
      <c r="IP8" s="59" t="s">
        <v>49</v>
      </c>
      <c r="IQ8" s="59" t="s">
        <v>50</v>
      </c>
      <c r="IR8" s="59" t="s">
        <v>51</v>
      </c>
      <c r="IS8" s="65" t="s">
        <v>45</v>
      </c>
      <c r="IT8" s="590"/>
      <c r="IU8" s="61" t="s">
        <v>43</v>
      </c>
      <c r="IV8" s="59" t="s">
        <v>44</v>
      </c>
      <c r="IW8" s="65" t="s">
        <v>45</v>
      </c>
      <c r="IX8" s="33" t="s">
        <v>83</v>
      </c>
      <c r="IY8" s="59" t="s">
        <v>47</v>
      </c>
      <c r="IZ8" s="59" t="s">
        <v>48</v>
      </c>
      <c r="JA8" s="59" t="s">
        <v>49</v>
      </c>
      <c r="JB8" s="59" t="s">
        <v>50</v>
      </c>
      <c r="JC8" s="59" t="s">
        <v>51</v>
      </c>
      <c r="JD8" s="65" t="s">
        <v>45</v>
      </c>
      <c r="JE8" s="590"/>
      <c r="JF8" s="61" t="s">
        <v>43</v>
      </c>
      <c r="JG8" s="59" t="s">
        <v>44</v>
      </c>
      <c r="JH8" s="60" t="s">
        <v>45</v>
      </c>
      <c r="JI8" s="33" t="s">
        <v>83</v>
      </c>
      <c r="JJ8" s="59" t="s">
        <v>47</v>
      </c>
      <c r="JK8" s="59" t="s">
        <v>48</v>
      </c>
      <c r="JL8" s="59" t="s">
        <v>49</v>
      </c>
      <c r="JM8" s="59" t="s">
        <v>50</v>
      </c>
      <c r="JN8" s="59" t="s">
        <v>51</v>
      </c>
      <c r="JO8" s="65" t="s">
        <v>45</v>
      </c>
      <c r="JP8" s="550"/>
      <c r="JQ8" s="61" t="s">
        <v>43</v>
      </c>
      <c r="JR8" s="59" t="s">
        <v>44</v>
      </c>
      <c r="JS8" s="60" t="s">
        <v>45</v>
      </c>
      <c r="JT8" s="33" t="s">
        <v>83</v>
      </c>
      <c r="JU8" s="59" t="s">
        <v>47</v>
      </c>
      <c r="JV8" s="59" t="s">
        <v>48</v>
      </c>
      <c r="JW8" s="59" t="s">
        <v>49</v>
      </c>
      <c r="JX8" s="59" t="s">
        <v>50</v>
      </c>
      <c r="JY8" s="59" t="s">
        <v>51</v>
      </c>
      <c r="JZ8" s="65" t="s">
        <v>45</v>
      </c>
      <c r="KA8" s="550"/>
      <c r="KB8" s="61" t="s">
        <v>43</v>
      </c>
      <c r="KC8" s="59" t="s">
        <v>44</v>
      </c>
      <c r="KD8" s="60" t="s">
        <v>45</v>
      </c>
      <c r="KE8" s="33" t="s">
        <v>83</v>
      </c>
      <c r="KF8" s="59" t="s">
        <v>47</v>
      </c>
      <c r="KG8" s="59" t="s">
        <v>48</v>
      </c>
      <c r="KH8" s="59" t="s">
        <v>49</v>
      </c>
      <c r="KI8" s="59" t="s">
        <v>50</v>
      </c>
      <c r="KJ8" s="59" t="s">
        <v>51</v>
      </c>
      <c r="KK8" s="65" t="s">
        <v>45</v>
      </c>
      <c r="KL8" s="550"/>
      <c r="KM8" s="61" t="s">
        <v>43</v>
      </c>
      <c r="KN8" s="59" t="s">
        <v>44</v>
      </c>
      <c r="KO8" s="60" t="s">
        <v>45</v>
      </c>
      <c r="KP8" s="42" t="s">
        <v>83</v>
      </c>
      <c r="KQ8" s="59" t="s">
        <v>47</v>
      </c>
      <c r="KR8" s="59" t="s">
        <v>48</v>
      </c>
      <c r="KS8" s="59" t="s">
        <v>49</v>
      </c>
      <c r="KT8" s="59" t="s">
        <v>50</v>
      </c>
      <c r="KU8" s="59" t="s">
        <v>51</v>
      </c>
      <c r="KV8" s="65" t="s">
        <v>45</v>
      </c>
      <c r="KW8" s="550"/>
      <c r="KX8" s="61" t="s">
        <v>43</v>
      </c>
      <c r="KY8" s="59" t="s">
        <v>44</v>
      </c>
      <c r="KZ8" s="60" t="s">
        <v>45</v>
      </c>
      <c r="LA8" s="42" t="s">
        <v>83</v>
      </c>
      <c r="LB8" s="59" t="s">
        <v>47</v>
      </c>
      <c r="LC8" s="59" t="s">
        <v>48</v>
      </c>
      <c r="LD8" s="59" t="s">
        <v>49</v>
      </c>
      <c r="LE8" s="59" t="s">
        <v>50</v>
      </c>
      <c r="LF8" s="59" t="s">
        <v>51</v>
      </c>
      <c r="LG8" s="65" t="s">
        <v>45</v>
      </c>
      <c r="LH8" s="550"/>
      <c r="LI8" s="61" t="s">
        <v>43</v>
      </c>
      <c r="LJ8" s="59" t="s">
        <v>44</v>
      </c>
      <c r="LK8" s="60" t="s">
        <v>45</v>
      </c>
      <c r="LL8" s="42" t="s">
        <v>83</v>
      </c>
      <c r="LM8" s="59" t="s">
        <v>47</v>
      </c>
      <c r="LN8" s="59" t="s">
        <v>48</v>
      </c>
      <c r="LO8" s="59" t="s">
        <v>49</v>
      </c>
      <c r="LP8" s="59" t="s">
        <v>50</v>
      </c>
      <c r="LQ8" s="59" t="s">
        <v>51</v>
      </c>
      <c r="LR8" s="65" t="s">
        <v>45</v>
      </c>
      <c r="LS8" s="550"/>
      <c r="LT8" s="61" t="s">
        <v>43</v>
      </c>
      <c r="LU8" s="59" t="s">
        <v>44</v>
      </c>
      <c r="LV8" s="60" t="s">
        <v>45</v>
      </c>
      <c r="LW8" s="42" t="s">
        <v>83</v>
      </c>
      <c r="LX8" s="59" t="s">
        <v>47</v>
      </c>
      <c r="LY8" s="59" t="s">
        <v>48</v>
      </c>
      <c r="LZ8" s="59" t="s">
        <v>49</v>
      </c>
      <c r="MA8" s="59" t="s">
        <v>50</v>
      </c>
      <c r="MB8" s="59" t="s">
        <v>51</v>
      </c>
      <c r="MC8" s="65" t="s">
        <v>45</v>
      </c>
      <c r="MD8" s="550"/>
      <c r="ME8" s="61" t="s">
        <v>43</v>
      </c>
      <c r="MF8" s="59" t="s">
        <v>44</v>
      </c>
      <c r="MG8" s="60" t="s">
        <v>45</v>
      </c>
      <c r="MH8" s="42" t="s">
        <v>83</v>
      </c>
      <c r="MI8" s="59" t="s">
        <v>47</v>
      </c>
      <c r="MJ8" s="59" t="s">
        <v>48</v>
      </c>
      <c r="MK8" s="59" t="s">
        <v>49</v>
      </c>
      <c r="ML8" s="59" t="s">
        <v>50</v>
      </c>
      <c r="MM8" s="59" t="s">
        <v>51</v>
      </c>
      <c r="MN8" s="65" t="s">
        <v>45</v>
      </c>
      <c r="MO8" s="550"/>
      <c r="MP8" s="61" t="s">
        <v>43</v>
      </c>
      <c r="MQ8" s="59" t="s">
        <v>44</v>
      </c>
      <c r="MR8" s="60" t="s">
        <v>45</v>
      </c>
      <c r="MS8" s="42" t="s">
        <v>83</v>
      </c>
      <c r="MT8" s="59" t="s">
        <v>47</v>
      </c>
      <c r="MU8" s="59" t="s">
        <v>48</v>
      </c>
      <c r="MV8" s="59" t="s">
        <v>49</v>
      </c>
      <c r="MW8" s="59" t="s">
        <v>50</v>
      </c>
      <c r="MX8" s="59" t="s">
        <v>51</v>
      </c>
      <c r="MY8" s="65" t="s">
        <v>45</v>
      </c>
      <c r="MZ8" s="550"/>
      <c r="NA8" s="61" t="s">
        <v>43</v>
      </c>
      <c r="NB8" s="59" t="s">
        <v>44</v>
      </c>
      <c r="NC8" s="60" t="s">
        <v>45</v>
      </c>
      <c r="ND8" s="42" t="s">
        <v>83</v>
      </c>
      <c r="NE8" s="59" t="s">
        <v>47</v>
      </c>
      <c r="NF8" s="59" t="s">
        <v>48</v>
      </c>
      <c r="NG8" s="59" t="s">
        <v>49</v>
      </c>
      <c r="NH8" s="59" t="s">
        <v>50</v>
      </c>
      <c r="NI8" s="59" t="s">
        <v>51</v>
      </c>
      <c r="NJ8" s="65" t="s">
        <v>45</v>
      </c>
      <c r="NK8" s="550"/>
      <c r="NL8" s="61" t="s">
        <v>43</v>
      </c>
      <c r="NM8" s="59" t="s">
        <v>44</v>
      </c>
      <c r="NN8" s="60" t="s">
        <v>45</v>
      </c>
      <c r="NO8" s="42" t="s">
        <v>83</v>
      </c>
      <c r="NP8" s="59" t="s">
        <v>47</v>
      </c>
      <c r="NQ8" s="59" t="s">
        <v>48</v>
      </c>
      <c r="NR8" s="59" t="s">
        <v>49</v>
      </c>
      <c r="NS8" s="59" t="s">
        <v>50</v>
      </c>
      <c r="NT8" s="59" t="s">
        <v>51</v>
      </c>
      <c r="NU8" s="65" t="s">
        <v>45</v>
      </c>
      <c r="NV8" s="550"/>
      <c r="NW8" s="61" t="s">
        <v>43</v>
      </c>
      <c r="NX8" s="59" t="s">
        <v>44</v>
      </c>
      <c r="NY8" s="60" t="s">
        <v>45</v>
      </c>
      <c r="NZ8" s="42" t="s">
        <v>83</v>
      </c>
      <c r="OA8" s="59" t="s">
        <v>47</v>
      </c>
      <c r="OB8" s="59" t="s">
        <v>48</v>
      </c>
      <c r="OC8" s="59" t="s">
        <v>49</v>
      </c>
      <c r="OD8" s="59" t="s">
        <v>50</v>
      </c>
      <c r="OE8" s="59" t="s">
        <v>51</v>
      </c>
      <c r="OF8" s="65" t="s">
        <v>45</v>
      </c>
      <c r="OG8" s="550"/>
      <c r="OH8" s="61" t="s">
        <v>43</v>
      </c>
      <c r="OI8" s="59" t="s">
        <v>44</v>
      </c>
      <c r="OJ8" s="60" t="s">
        <v>45</v>
      </c>
      <c r="OK8" s="33" t="s">
        <v>83</v>
      </c>
      <c r="OL8" s="59" t="s">
        <v>47</v>
      </c>
      <c r="OM8" s="59" t="s">
        <v>48</v>
      </c>
      <c r="ON8" s="59" t="s">
        <v>49</v>
      </c>
      <c r="OO8" s="59" t="s">
        <v>50</v>
      </c>
      <c r="OP8" s="59" t="s">
        <v>51</v>
      </c>
      <c r="OQ8" s="65" t="s">
        <v>45</v>
      </c>
      <c r="OR8" s="550"/>
    </row>
    <row r="9" spans="1:408" ht="20.25" customHeight="1" x14ac:dyDescent="0.2">
      <c r="A9" s="395" t="s">
        <v>4</v>
      </c>
      <c r="B9" s="110">
        <v>23978841</v>
      </c>
      <c r="C9" s="188">
        <v>43299422</v>
      </c>
      <c r="D9" s="189">
        <v>67278263</v>
      </c>
      <c r="E9" s="190">
        <v>0</v>
      </c>
      <c r="F9" s="188">
        <v>236896893</v>
      </c>
      <c r="G9" s="188">
        <v>331927278</v>
      </c>
      <c r="H9" s="188">
        <v>277723921</v>
      </c>
      <c r="I9" s="188">
        <v>298502518</v>
      </c>
      <c r="J9" s="188">
        <v>225835762</v>
      </c>
      <c r="K9" s="191">
        <v>1370886372</v>
      </c>
      <c r="L9" s="192">
        <v>1438164635</v>
      </c>
      <c r="M9" s="110">
        <v>6757843</v>
      </c>
      <c r="N9" s="188">
        <v>15142104</v>
      </c>
      <c r="O9" s="193">
        <v>21899947</v>
      </c>
      <c r="P9" s="110">
        <v>0</v>
      </c>
      <c r="Q9" s="188">
        <v>73939909</v>
      </c>
      <c r="R9" s="188">
        <v>113057406</v>
      </c>
      <c r="S9" s="188">
        <v>90404389</v>
      </c>
      <c r="T9" s="188">
        <v>106923826</v>
      </c>
      <c r="U9" s="188">
        <v>103280932</v>
      </c>
      <c r="V9" s="193">
        <v>487606462</v>
      </c>
      <c r="W9" s="192">
        <v>509506409</v>
      </c>
      <c r="X9" s="110">
        <v>0</v>
      </c>
      <c r="Y9" s="188">
        <v>0</v>
      </c>
      <c r="Z9" s="193">
        <v>0</v>
      </c>
      <c r="AA9" s="111">
        <v>0</v>
      </c>
      <c r="AB9" s="194">
        <v>31427449</v>
      </c>
      <c r="AC9" s="194">
        <v>47785676</v>
      </c>
      <c r="AD9" s="194">
        <v>42955826</v>
      </c>
      <c r="AE9" s="194">
        <v>54790558</v>
      </c>
      <c r="AF9" s="194">
        <v>53197870</v>
      </c>
      <c r="AG9" s="193">
        <v>230157379</v>
      </c>
      <c r="AH9" s="192">
        <v>230157379</v>
      </c>
      <c r="AI9" s="195">
        <v>0</v>
      </c>
      <c r="AJ9" s="194">
        <v>152125</v>
      </c>
      <c r="AK9" s="193">
        <v>152125</v>
      </c>
      <c r="AL9" s="111">
        <v>0</v>
      </c>
      <c r="AM9" s="194">
        <v>559043</v>
      </c>
      <c r="AN9" s="191">
        <v>1400674</v>
      </c>
      <c r="AO9" s="194">
        <v>2711768</v>
      </c>
      <c r="AP9" s="194">
        <v>7052067</v>
      </c>
      <c r="AQ9" s="194">
        <v>12777513</v>
      </c>
      <c r="AR9" s="193">
        <v>24501065</v>
      </c>
      <c r="AS9" s="192">
        <v>24653190</v>
      </c>
      <c r="AT9" s="195">
        <v>3584481</v>
      </c>
      <c r="AU9" s="194">
        <v>10233664</v>
      </c>
      <c r="AV9" s="193">
        <v>13818145</v>
      </c>
      <c r="AW9" s="111">
        <v>0</v>
      </c>
      <c r="AX9" s="194">
        <v>26824415</v>
      </c>
      <c r="AY9" s="194">
        <v>42299125</v>
      </c>
      <c r="AZ9" s="194">
        <v>26965568</v>
      </c>
      <c r="BA9" s="194">
        <v>26295190</v>
      </c>
      <c r="BB9" s="194">
        <v>23204618</v>
      </c>
      <c r="BC9" s="193">
        <v>145588916</v>
      </c>
      <c r="BD9" s="196">
        <v>159407061</v>
      </c>
      <c r="BE9" s="195">
        <v>310194</v>
      </c>
      <c r="BF9" s="191">
        <v>1473784</v>
      </c>
      <c r="BG9" s="279">
        <v>1783978</v>
      </c>
      <c r="BH9" s="111">
        <v>0</v>
      </c>
      <c r="BI9" s="194">
        <v>2238713</v>
      </c>
      <c r="BJ9" s="194">
        <v>4498609</v>
      </c>
      <c r="BK9" s="194">
        <v>3234297</v>
      </c>
      <c r="BL9" s="194">
        <v>2736212</v>
      </c>
      <c r="BM9" s="194">
        <v>1885024</v>
      </c>
      <c r="BN9" s="193">
        <v>14592855</v>
      </c>
      <c r="BO9" s="192">
        <v>16376833</v>
      </c>
      <c r="BP9" s="195">
        <v>2863168</v>
      </c>
      <c r="BQ9" s="194">
        <v>3282531</v>
      </c>
      <c r="BR9" s="193">
        <v>6145699</v>
      </c>
      <c r="BS9" s="111">
        <v>0</v>
      </c>
      <c r="BT9" s="194">
        <v>12890289</v>
      </c>
      <c r="BU9" s="194">
        <v>17073322</v>
      </c>
      <c r="BV9" s="194">
        <v>14536930</v>
      </c>
      <c r="BW9" s="194">
        <v>16049799</v>
      </c>
      <c r="BX9" s="194">
        <v>12215907</v>
      </c>
      <c r="BY9" s="193">
        <v>72766247</v>
      </c>
      <c r="BZ9" s="192">
        <v>78911946</v>
      </c>
      <c r="CA9" s="195">
        <v>2266225</v>
      </c>
      <c r="CB9" s="194">
        <v>5236879</v>
      </c>
      <c r="CC9" s="193">
        <v>7503104</v>
      </c>
      <c r="CD9" s="111">
        <v>0</v>
      </c>
      <c r="CE9" s="194">
        <v>65992586</v>
      </c>
      <c r="CF9" s="194">
        <v>82103481</v>
      </c>
      <c r="CG9" s="197">
        <v>53711548</v>
      </c>
      <c r="CH9" s="194">
        <v>39811298</v>
      </c>
      <c r="CI9" s="194">
        <v>16772807</v>
      </c>
      <c r="CJ9" s="193">
        <v>258391720</v>
      </c>
      <c r="CK9" s="192">
        <v>265894824</v>
      </c>
      <c r="CL9" s="110">
        <v>0</v>
      </c>
      <c r="CM9" s="188">
        <v>0</v>
      </c>
      <c r="CN9" s="193">
        <v>0</v>
      </c>
      <c r="CO9" s="111">
        <v>0</v>
      </c>
      <c r="CP9" s="194">
        <v>53615793</v>
      </c>
      <c r="CQ9" s="194">
        <v>58338291</v>
      </c>
      <c r="CR9" s="194">
        <v>36499624</v>
      </c>
      <c r="CS9" s="194">
        <v>26754103</v>
      </c>
      <c r="CT9" s="194">
        <v>11271626</v>
      </c>
      <c r="CU9" s="198">
        <v>186479437</v>
      </c>
      <c r="CV9" s="192">
        <v>186479437</v>
      </c>
      <c r="CW9" s="195">
        <v>2266225</v>
      </c>
      <c r="CX9" s="194">
        <v>5236879</v>
      </c>
      <c r="CY9" s="193">
        <v>7503104</v>
      </c>
      <c r="CZ9" s="111">
        <v>0</v>
      </c>
      <c r="DA9" s="194">
        <v>12376793</v>
      </c>
      <c r="DB9" s="194">
        <v>23765190</v>
      </c>
      <c r="DC9" s="194">
        <v>17211924</v>
      </c>
      <c r="DD9" s="194">
        <v>13057195</v>
      </c>
      <c r="DE9" s="194">
        <v>5501181</v>
      </c>
      <c r="DF9" s="193">
        <v>71912283</v>
      </c>
      <c r="DG9" s="192">
        <v>79415387</v>
      </c>
      <c r="DH9" s="195">
        <v>184373</v>
      </c>
      <c r="DI9" s="194">
        <v>654561</v>
      </c>
      <c r="DJ9" s="279">
        <v>838934</v>
      </c>
      <c r="DK9" s="111">
        <v>0</v>
      </c>
      <c r="DL9" s="194">
        <v>6150073</v>
      </c>
      <c r="DM9" s="194">
        <v>13984127</v>
      </c>
      <c r="DN9" s="194">
        <v>21531794</v>
      </c>
      <c r="DO9" s="194">
        <v>20710550</v>
      </c>
      <c r="DP9" s="194">
        <v>10789261</v>
      </c>
      <c r="DQ9" s="280">
        <v>73165805</v>
      </c>
      <c r="DR9" s="192">
        <v>74004739</v>
      </c>
      <c r="DS9" s="195">
        <v>184373</v>
      </c>
      <c r="DT9" s="194">
        <v>544480</v>
      </c>
      <c r="DU9" s="193">
        <v>728853</v>
      </c>
      <c r="DV9" s="111">
        <v>0</v>
      </c>
      <c r="DW9" s="194">
        <v>5215672</v>
      </c>
      <c r="DX9" s="194">
        <v>11468207</v>
      </c>
      <c r="DY9" s="194">
        <v>17404842</v>
      </c>
      <c r="DZ9" s="194">
        <v>16741409</v>
      </c>
      <c r="EA9" s="194">
        <v>7771164</v>
      </c>
      <c r="EB9" s="193">
        <v>58601294</v>
      </c>
      <c r="EC9" s="192">
        <v>59330147</v>
      </c>
      <c r="ED9" s="195">
        <v>0</v>
      </c>
      <c r="EE9" s="191">
        <v>110081</v>
      </c>
      <c r="EF9" s="193">
        <v>110081</v>
      </c>
      <c r="EG9" s="196">
        <v>0</v>
      </c>
      <c r="EH9" s="194">
        <v>934401</v>
      </c>
      <c r="EI9" s="194">
        <v>2515920</v>
      </c>
      <c r="EJ9" s="194">
        <v>4126952</v>
      </c>
      <c r="EK9" s="194">
        <v>3969141</v>
      </c>
      <c r="EL9" s="197">
        <v>3018097</v>
      </c>
      <c r="EM9" s="191">
        <v>14564511</v>
      </c>
      <c r="EN9" s="192">
        <v>14674592</v>
      </c>
      <c r="EO9" s="195">
        <v>0</v>
      </c>
      <c r="EP9" s="194">
        <v>0</v>
      </c>
      <c r="EQ9" s="191">
        <v>0</v>
      </c>
      <c r="ER9" s="111">
        <v>0</v>
      </c>
      <c r="ES9" s="194">
        <v>0</v>
      </c>
      <c r="ET9" s="194">
        <v>0</v>
      </c>
      <c r="EU9" s="194">
        <v>0</v>
      </c>
      <c r="EV9" s="194">
        <v>0</v>
      </c>
      <c r="EW9" s="194">
        <v>0</v>
      </c>
      <c r="EX9" s="198">
        <v>0</v>
      </c>
      <c r="EY9" s="192">
        <v>0</v>
      </c>
      <c r="EZ9" s="195">
        <v>0</v>
      </c>
      <c r="FA9" s="194">
        <v>0</v>
      </c>
      <c r="FB9" s="191">
        <v>0</v>
      </c>
      <c r="FC9" s="386"/>
      <c r="FD9" s="194">
        <v>0</v>
      </c>
      <c r="FE9" s="194">
        <v>0</v>
      </c>
      <c r="FF9" s="194">
        <v>0</v>
      </c>
      <c r="FG9" s="194">
        <v>0</v>
      </c>
      <c r="FH9" s="194">
        <v>0</v>
      </c>
      <c r="FI9" s="198">
        <v>0</v>
      </c>
      <c r="FJ9" s="192">
        <v>0</v>
      </c>
      <c r="FK9" s="195">
        <v>4380387</v>
      </c>
      <c r="FL9" s="194">
        <v>7748633</v>
      </c>
      <c r="FM9" s="193">
        <v>12129020</v>
      </c>
      <c r="FN9" s="111">
        <v>0</v>
      </c>
      <c r="FO9" s="194">
        <v>11284683</v>
      </c>
      <c r="FP9" s="194">
        <v>29049105</v>
      </c>
      <c r="FQ9" s="194">
        <v>21107176</v>
      </c>
      <c r="FR9" s="194">
        <v>21083760</v>
      </c>
      <c r="FS9" s="194">
        <v>14411731</v>
      </c>
      <c r="FT9" s="193">
        <v>96936455</v>
      </c>
      <c r="FU9" s="192">
        <v>109065475</v>
      </c>
      <c r="FV9" s="195">
        <v>2163973</v>
      </c>
      <c r="FW9" s="194">
        <v>5317327</v>
      </c>
      <c r="FX9" s="191">
        <v>7481300</v>
      </c>
      <c r="FY9" s="196">
        <v>0</v>
      </c>
      <c r="FZ9" s="194">
        <v>8125989</v>
      </c>
      <c r="GA9" s="199">
        <v>26199053</v>
      </c>
      <c r="GB9" s="194">
        <v>18934379</v>
      </c>
      <c r="GC9" s="199">
        <v>19417537</v>
      </c>
      <c r="GD9" s="194">
        <v>13947867</v>
      </c>
      <c r="GE9" s="198">
        <v>86624825</v>
      </c>
      <c r="GF9" s="350">
        <v>94106125</v>
      </c>
      <c r="GG9" s="200">
        <v>226803</v>
      </c>
      <c r="GH9" s="194">
        <v>262230</v>
      </c>
      <c r="GI9" s="199">
        <v>489033</v>
      </c>
      <c r="GJ9" s="190">
        <v>0</v>
      </c>
      <c r="GK9" s="194">
        <v>637104</v>
      </c>
      <c r="GL9" s="191">
        <v>591063</v>
      </c>
      <c r="GM9" s="194">
        <v>677037</v>
      </c>
      <c r="GN9" s="191">
        <v>669934</v>
      </c>
      <c r="GO9" s="194">
        <v>157824</v>
      </c>
      <c r="GP9" s="280">
        <v>2732962</v>
      </c>
      <c r="GQ9" s="192">
        <v>3221995</v>
      </c>
      <c r="GR9" s="191">
        <v>1989611</v>
      </c>
      <c r="GS9" s="194">
        <v>2169076</v>
      </c>
      <c r="GT9" s="193">
        <v>4158687</v>
      </c>
      <c r="GU9" s="191">
        <v>0</v>
      </c>
      <c r="GV9" s="194">
        <v>2521590</v>
      </c>
      <c r="GW9" s="191">
        <v>2258989</v>
      </c>
      <c r="GX9" s="194">
        <v>1495760</v>
      </c>
      <c r="GY9" s="191">
        <v>996289</v>
      </c>
      <c r="GZ9" s="194">
        <v>306040</v>
      </c>
      <c r="HA9" s="191">
        <v>7578668</v>
      </c>
      <c r="HB9" s="192">
        <v>11737355</v>
      </c>
      <c r="HC9" s="191">
        <v>10390013</v>
      </c>
      <c r="HD9" s="194">
        <v>14517245</v>
      </c>
      <c r="HE9" s="191">
        <v>24907258</v>
      </c>
      <c r="HF9" s="196">
        <v>0</v>
      </c>
      <c r="HG9" s="194">
        <v>79529642</v>
      </c>
      <c r="HH9" s="199">
        <v>93733159</v>
      </c>
      <c r="HI9" s="194">
        <v>90969014</v>
      </c>
      <c r="HJ9" s="199">
        <v>109973084</v>
      </c>
      <c r="HK9" s="194">
        <v>80581031</v>
      </c>
      <c r="HL9" s="198">
        <v>454785930</v>
      </c>
      <c r="HM9" s="191">
        <v>479693188</v>
      </c>
      <c r="HN9" s="362"/>
      <c r="HO9" s="363"/>
      <c r="HP9" s="364"/>
      <c r="HQ9" s="365"/>
      <c r="HR9" s="363"/>
      <c r="HS9" s="365"/>
      <c r="HT9" s="363"/>
      <c r="HU9" s="365"/>
      <c r="HV9" s="363"/>
      <c r="HW9" s="365"/>
      <c r="HX9" s="366"/>
      <c r="HY9" s="132">
        <v>596011</v>
      </c>
      <c r="HZ9" s="133">
        <v>790730</v>
      </c>
      <c r="IA9" s="134">
        <v>1386741</v>
      </c>
      <c r="IB9" s="121">
        <v>0</v>
      </c>
      <c r="IC9" s="133">
        <v>53921745</v>
      </c>
      <c r="ID9" s="135">
        <v>72224649</v>
      </c>
      <c r="IE9" s="136">
        <v>74071923</v>
      </c>
      <c r="IF9" s="133">
        <v>59672172</v>
      </c>
      <c r="IG9" s="136">
        <v>40105400</v>
      </c>
      <c r="IH9" s="137">
        <v>299995889</v>
      </c>
      <c r="II9" s="138">
        <v>301382630</v>
      </c>
      <c r="IJ9" s="261">
        <v>0</v>
      </c>
      <c r="IK9" s="267">
        <v>0</v>
      </c>
      <c r="IL9" s="268">
        <v>0</v>
      </c>
      <c r="IM9" s="139"/>
      <c r="IN9" s="140">
        <v>1509576</v>
      </c>
      <c r="IO9" s="140">
        <v>4032306</v>
      </c>
      <c r="IP9" s="140">
        <v>2717650</v>
      </c>
      <c r="IQ9" s="140">
        <v>5796405</v>
      </c>
      <c r="IR9" s="140">
        <v>3828893</v>
      </c>
      <c r="IS9" s="141">
        <v>17884830</v>
      </c>
      <c r="IT9" s="353">
        <v>17884830</v>
      </c>
      <c r="IU9" s="142">
        <v>0</v>
      </c>
      <c r="IV9" s="140">
        <v>0</v>
      </c>
      <c r="IW9" s="144">
        <v>0</v>
      </c>
      <c r="IX9" s="147"/>
      <c r="IY9" s="140">
        <v>171875</v>
      </c>
      <c r="IZ9" s="140">
        <v>477030</v>
      </c>
      <c r="JA9" s="140">
        <v>784825</v>
      </c>
      <c r="JB9" s="140">
        <v>908898</v>
      </c>
      <c r="JC9" s="140">
        <v>1304412</v>
      </c>
      <c r="JD9" s="144">
        <v>3647040</v>
      </c>
      <c r="JE9" s="145">
        <v>3647040</v>
      </c>
      <c r="JF9" s="142">
        <v>0</v>
      </c>
      <c r="JG9" s="140">
        <v>0</v>
      </c>
      <c r="JH9" s="141">
        <v>0</v>
      </c>
      <c r="JI9" s="143">
        <v>0</v>
      </c>
      <c r="JJ9" s="140">
        <v>25295341</v>
      </c>
      <c r="JK9" s="140">
        <v>24473473</v>
      </c>
      <c r="JL9" s="140">
        <v>18482082</v>
      </c>
      <c r="JM9" s="140">
        <v>10093332</v>
      </c>
      <c r="JN9" s="140">
        <v>4372926</v>
      </c>
      <c r="JO9" s="144">
        <v>82717154</v>
      </c>
      <c r="JP9" s="353">
        <v>82717154</v>
      </c>
      <c r="JQ9" s="142">
        <v>0</v>
      </c>
      <c r="JR9" s="140">
        <v>0</v>
      </c>
      <c r="JS9" s="141">
        <v>0</v>
      </c>
      <c r="JT9" s="143">
        <v>0</v>
      </c>
      <c r="JU9" s="140">
        <v>3173965</v>
      </c>
      <c r="JV9" s="140">
        <v>6737008</v>
      </c>
      <c r="JW9" s="140">
        <v>6007395</v>
      </c>
      <c r="JX9" s="140">
        <v>2469262</v>
      </c>
      <c r="JY9" s="140">
        <v>4015835</v>
      </c>
      <c r="JZ9" s="144">
        <v>22403465</v>
      </c>
      <c r="KA9" s="353">
        <v>22403465</v>
      </c>
      <c r="KB9" s="264">
        <v>596011</v>
      </c>
      <c r="KC9" s="258">
        <v>790730</v>
      </c>
      <c r="KD9" s="144">
        <v>1386741</v>
      </c>
      <c r="KE9" s="143">
        <v>0</v>
      </c>
      <c r="KF9" s="140">
        <v>7396085</v>
      </c>
      <c r="KG9" s="140">
        <v>7800334</v>
      </c>
      <c r="KH9" s="140">
        <v>11009174</v>
      </c>
      <c r="KI9" s="140">
        <v>9088697</v>
      </c>
      <c r="KJ9" s="140">
        <v>4297780</v>
      </c>
      <c r="KK9" s="144">
        <v>39592070</v>
      </c>
      <c r="KL9" s="146">
        <v>40978811</v>
      </c>
      <c r="KM9" s="261">
        <v>0</v>
      </c>
      <c r="KN9" s="267">
        <v>0</v>
      </c>
      <c r="KO9" s="268">
        <v>0</v>
      </c>
      <c r="KP9" s="139">
        <v>0</v>
      </c>
      <c r="KQ9" s="140">
        <v>15349815</v>
      </c>
      <c r="KR9" s="140">
        <v>24124741</v>
      </c>
      <c r="KS9" s="140">
        <v>28009331</v>
      </c>
      <c r="KT9" s="140">
        <v>19834451</v>
      </c>
      <c r="KU9" s="140">
        <v>12278204</v>
      </c>
      <c r="KV9" s="144">
        <v>99596542</v>
      </c>
      <c r="KW9" s="353">
        <v>99596542</v>
      </c>
      <c r="KX9" s="142">
        <v>0</v>
      </c>
      <c r="KY9" s="140">
        <v>0</v>
      </c>
      <c r="KZ9" s="144">
        <v>0</v>
      </c>
      <c r="LA9" s="148">
        <v>0</v>
      </c>
      <c r="LB9" s="140">
        <v>277064</v>
      </c>
      <c r="LC9" s="140">
        <v>1242818</v>
      </c>
      <c r="LD9" s="140">
        <v>1514933</v>
      </c>
      <c r="LE9" s="140">
        <v>1323489</v>
      </c>
      <c r="LF9" s="140">
        <v>1239104</v>
      </c>
      <c r="LG9" s="144">
        <v>5597408</v>
      </c>
      <c r="LH9" s="145">
        <v>5597408</v>
      </c>
      <c r="LI9" s="142">
        <v>0</v>
      </c>
      <c r="LJ9" s="140">
        <v>0</v>
      </c>
      <c r="LK9" s="144">
        <v>0</v>
      </c>
      <c r="LL9" s="148"/>
      <c r="LM9" s="140">
        <v>188230</v>
      </c>
      <c r="LN9" s="140">
        <v>339734</v>
      </c>
      <c r="LO9" s="140">
        <v>1849753</v>
      </c>
      <c r="LP9" s="140">
        <v>3922860</v>
      </c>
      <c r="LQ9" s="140">
        <v>1804047</v>
      </c>
      <c r="LR9" s="144">
        <v>8104624</v>
      </c>
      <c r="LS9" s="353">
        <v>8104624</v>
      </c>
      <c r="LT9" s="142">
        <v>0</v>
      </c>
      <c r="LU9" s="140">
        <v>0</v>
      </c>
      <c r="LV9" s="144">
        <v>0</v>
      </c>
      <c r="LW9" s="148"/>
      <c r="LX9" s="140">
        <v>559794</v>
      </c>
      <c r="LY9" s="140">
        <v>2997205</v>
      </c>
      <c r="LZ9" s="140">
        <v>3696780</v>
      </c>
      <c r="MA9" s="140">
        <v>6234778</v>
      </c>
      <c r="MB9" s="140">
        <v>6964199</v>
      </c>
      <c r="MC9" s="144">
        <v>20452756</v>
      </c>
      <c r="MD9" s="145">
        <v>20452756</v>
      </c>
      <c r="ME9" s="142">
        <v>0</v>
      </c>
      <c r="MF9" s="140">
        <v>0</v>
      </c>
      <c r="MG9" s="144">
        <v>0</v>
      </c>
      <c r="MH9" s="148"/>
      <c r="MI9" s="140">
        <v>12791061</v>
      </c>
      <c r="MJ9" s="140">
        <v>36827368</v>
      </c>
      <c r="MK9" s="140">
        <v>102894058</v>
      </c>
      <c r="ML9" s="140">
        <v>159654555</v>
      </c>
      <c r="MM9" s="140">
        <v>110689284</v>
      </c>
      <c r="MN9" s="144">
        <v>422856326</v>
      </c>
      <c r="MO9" s="146">
        <v>422856326</v>
      </c>
      <c r="MP9" s="142">
        <v>0</v>
      </c>
      <c r="MQ9" s="140">
        <v>0</v>
      </c>
      <c r="MR9" s="144">
        <v>0</v>
      </c>
      <c r="MS9" s="148"/>
      <c r="MT9" s="140">
        <v>860347</v>
      </c>
      <c r="MU9" s="140">
        <v>6881382</v>
      </c>
      <c r="MV9" s="140">
        <v>50275414</v>
      </c>
      <c r="MW9" s="140">
        <v>91716413</v>
      </c>
      <c r="MX9" s="140">
        <v>68174280</v>
      </c>
      <c r="MY9" s="144">
        <v>217907836</v>
      </c>
      <c r="MZ9" s="146">
        <v>217907836</v>
      </c>
      <c r="NA9" s="142">
        <v>0</v>
      </c>
      <c r="NB9" s="140">
        <v>0</v>
      </c>
      <c r="NC9" s="144">
        <v>0</v>
      </c>
      <c r="ND9" s="148"/>
      <c r="NE9" s="140">
        <v>11930714</v>
      </c>
      <c r="NF9" s="140">
        <v>29509639</v>
      </c>
      <c r="NG9" s="140">
        <v>51758105</v>
      </c>
      <c r="NH9" s="140">
        <v>62437490</v>
      </c>
      <c r="NI9" s="140">
        <v>34168497</v>
      </c>
      <c r="NJ9" s="144">
        <v>189804445</v>
      </c>
      <c r="NK9" s="353">
        <v>189804445</v>
      </c>
      <c r="NL9" s="142">
        <v>0</v>
      </c>
      <c r="NM9" s="140">
        <v>0</v>
      </c>
      <c r="NN9" s="144">
        <v>0</v>
      </c>
      <c r="NO9" s="148"/>
      <c r="NP9" s="140">
        <v>0</v>
      </c>
      <c r="NQ9" s="140">
        <v>0</v>
      </c>
      <c r="NR9" s="140">
        <v>281035</v>
      </c>
      <c r="NS9" s="140">
        <v>3538533</v>
      </c>
      <c r="NT9" s="140">
        <v>4898961</v>
      </c>
      <c r="NU9" s="144">
        <v>8718529</v>
      </c>
      <c r="NV9" s="145">
        <v>8718529</v>
      </c>
      <c r="NW9" s="142">
        <v>0</v>
      </c>
      <c r="NX9" s="140">
        <v>0</v>
      </c>
      <c r="NY9" s="144">
        <v>0</v>
      </c>
      <c r="NZ9" s="148"/>
      <c r="OA9" s="140">
        <v>0</v>
      </c>
      <c r="OB9" s="140">
        <v>436347</v>
      </c>
      <c r="OC9" s="140">
        <v>579504</v>
      </c>
      <c r="OD9" s="140">
        <v>1962119</v>
      </c>
      <c r="OE9" s="140">
        <v>3447546</v>
      </c>
      <c r="OF9" s="144">
        <v>6425516</v>
      </c>
      <c r="OG9" s="145">
        <v>6425516</v>
      </c>
      <c r="OH9" s="142">
        <v>24574852</v>
      </c>
      <c r="OI9" s="140">
        <v>44090152</v>
      </c>
      <c r="OJ9" s="141">
        <v>68665004</v>
      </c>
      <c r="OK9" s="143">
        <v>0</v>
      </c>
      <c r="OL9" s="140">
        <v>303609699</v>
      </c>
      <c r="OM9" s="140">
        <v>440979295</v>
      </c>
      <c r="ON9" s="140">
        <v>454689902</v>
      </c>
      <c r="OO9" s="140">
        <v>517829245</v>
      </c>
      <c r="OP9" s="140">
        <v>376630446</v>
      </c>
      <c r="OQ9" s="144">
        <v>2093738587</v>
      </c>
      <c r="OR9" s="146">
        <v>2162403591</v>
      </c>
    </row>
    <row r="10" spans="1:408" ht="20.25" customHeight="1" x14ac:dyDescent="0.2">
      <c r="A10" s="130" t="s">
        <v>5</v>
      </c>
      <c r="B10" s="113">
        <v>10767660</v>
      </c>
      <c r="C10" s="117">
        <v>21970198</v>
      </c>
      <c r="D10" s="116">
        <v>32737858</v>
      </c>
      <c r="E10" s="112">
        <v>0</v>
      </c>
      <c r="F10" s="117">
        <v>92534757</v>
      </c>
      <c r="G10" s="117">
        <v>168938874</v>
      </c>
      <c r="H10" s="117">
        <v>125096227</v>
      </c>
      <c r="I10" s="117">
        <v>125482341</v>
      </c>
      <c r="J10" s="117">
        <v>101806463</v>
      </c>
      <c r="K10" s="112">
        <v>613858662</v>
      </c>
      <c r="L10" s="119">
        <v>646596520</v>
      </c>
      <c r="M10" s="113">
        <v>3091584</v>
      </c>
      <c r="N10" s="117">
        <v>8557279</v>
      </c>
      <c r="O10" s="116">
        <v>11648863</v>
      </c>
      <c r="P10" s="113">
        <v>0</v>
      </c>
      <c r="Q10" s="117">
        <v>29380510</v>
      </c>
      <c r="R10" s="117">
        <v>58914211</v>
      </c>
      <c r="S10" s="117">
        <v>39175317</v>
      </c>
      <c r="T10" s="117">
        <v>46305580</v>
      </c>
      <c r="U10" s="117">
        <v>47333569</v>
      </c>
      <c r="V10" s="116">
        <v>221109187</v>
      </c>
      <c r="W10" s="119">
        <v>232758050</v>
      </c>
      <c r="X10" s="113">
        <v>0</v>
      </c>
      <c r="Y10" s="117">
        <v>0</v>
      </c>
      <c r="Z10" s="116">
        <v>0</v>
      </c>
      <c r="AA10" s="113">
        <v>0</v>
      </c>
      <c r="AB10" s="117">
        <v>12474545</v>
      </c>
      <c r="AC10" s="117">
        <v>23073517</v>
      </c>
      <c r="AD10" s="117">
        <v>17129572</v>
      </c>
      <c r="AE10" s="117">
        <v>21934675</v>
      </c>
      <c r="AF10" s="117">
        <v>24898715</v>
      </c>
      <c r="AG10" s="116">
        <v>99511024</v>
      </c>
      <c r="AH10" s="119">
        <v>99511024</v>
      </c>
      <c r="AI10" s="113">
        <v>0</v>
      </c>
      <c r="AJ10" s="117">
        <v>88079</v>
      </c>
      <c r="AK10" s="116">
        <v>88079</v>
      </c>
      <c r="AL10" s="113">
        <v>0</v>
      </c>
      <c r="AM10" s="117">
        <v>22721</v>
      </c>
      <c r="AN10" s="117">
        <v>650397</v>
      </c>
      <c r="AO10" s="117">
        <v>1016563</v>
      </c>
      <c r="AP10" s="117">
        <v>3346120</v>
      </c>
      <c r="AQ10" s="117">
        <v>5436528</v>
      </c>
      <c r="AR10" s="116">
        <v>10472329</v>
      </c>
      <c r="AS10" s="119">
        <v>10560408</v>
      </c>
      <c r="AT10" s="113">
        <v>1735718</v>
      </c>
      <c r="AU10" s="117">
        <v>5847503</v>
      </c>
      <c r="AV10" s="116">
        <v>7583221</v>
      </c>
      <c r="AW10" s="113">
        <v>0</v>
      </c>
      <c r="AX10" s="117">
        <v>10669120</v>
      </c>
      <c r="AY10" s="117">
        <v>24371861</v>
      </c>
      <c r="AZ10" s="117">
        <v>13243013</v>
      </c>
      <c r="BA10" s="117">
        <v>12763653</v>
      </c>
      <c r="BB10" s="117">
        <v>10821502</v>
      </c>
      <c r="BC10" s="116">
        <v>71869149</v>
      </c>
      <c r="BD10" s="119">
        <v>79452370</v>
      </c>
      <c r="BE10" s="113">
        <v>104882</v>
      </c>
      <c r="BF10" s="117">
        <v>896918</v>
      </c>
      <c r="BG10" s="115">
        <v>1001800</v>
      </c>
      <c r="BH10" s="114">
        <v>0</v>
      </c>
      <c r="BI10" s="117">
        <v>806058</v>
      </c>
      <c r="BJ10" s="117">
        <v>2190425</v>
      </c>
      <c r="BK10" s="117">
        <v>1266437</v>
      </c>
      <c r="BL10" s="117">
        <v>1478202</v>
      </c>
      <c r="BM10" s="117">
        <v>860403</v>
      </c>
      <c r="BN10" s="116">
        <v>6601525</v>
      </c>
      <c r="BO10" s="119">
        <v>7603325</v>
      </c>
      <c r="BP10" s="113">
        <v>1250984</v>
      </c>
      <c r="BQ10" s="117">
        <v>1724779</v>
      </c>
      <c r="BR10" s="116">
        <v>2975763</v>
      </c>
      <c r="BS10" s="113">
        <v>0</v>
      </c>
      <c r="BT10" s="117">
        <v>5408066</v>
      </c>
      <c r="BU10" s="117">
        <v>8628011</v>
      </c>
      <c r="BV10" s="117">
        <v>6519732</v>
      </c>
      <c r="BW10" s="117">
        <v>6782930</v>
      </c>
      <c r="BX10" s="117">
        <v>5316421</v>
      </c>
      <c r="BY10" s="116">
        <v>32655160</v>
      </c>
      <c r="BZ10" s="119">
        <v>35630923</v>
      </c>
      <c r="CA10" s="113">
        <v>1318378</v>
      </c>
      <c r="CB10" s="117">
        <v>2818397</v>
      </c>
      <c r="CC10" s="116">
        <v>4136775</v>
      </c>
      <c r="CD10" s="113">
        <v>0</v>
      </c>
      <c r="CE10" s="117">
        <v>22162341</v>
      </c>
      <c r="CF10" s="117">
        <v>39035298</v>
      </c>
      <c r="CG10" s="117">
        <v>24285270</v>
      </c>
      <c r="CH10" s="117">
        <v>14762929</v>
      </c>
      <c r="CI10" s="117">
        <v>7602683</v>
      </c>
      <c r="CJ10" s="116">
        <v>107848521</v>
      </c>
      <c r="CK10" s="119">
        <v>111985296</v>
      </c>
      <c r="CL10" s="113">
        <v>0</v>
      </c>
      <c r="CM10" s="117">
        <v>0</v>
      </c>
      <c r="CN10" s="116">
        <v>0</v>
      </c>
      <c r="CO10" s="114">
        <v>0</v>
      </c>
      <c r="CP10" s="117">
        <v>18031726</v>
      </c>
      <c r="CQ10" s="117">
        <v>26202212</v>
      </c>
      <c r="CR10" s="117">
        <v>15562362</v>
      </c>
      <c r="CS10" s="117">
        <v>9044695</v>
      </c>
      <c r="CT10" s="117">
        <v>4819852</v>
      </c>
      <c r="CU10" s="116">
        <v>73660847</v>
      </c>
      <c r="CV10" s="119">
        <v>73660847</v>
      </c>
      <c r="CW10" s="113">
        <v>1318378</v>
      </c>
      <c r="CX10" s="117">
        <v>2818397</v>
      </c>
      <c r="CY10" s="116">
        <v>4136775</v>
      </c>
      <c r="CZ10" s="113">
        <v>0</v>
      </c>
      <c r="DA10" s="117">
        <v>4130615</v>
      </c>
      <c r="DB10" s="117">
        <v>12833086</v>
      </c>
      <c r="DC10" s="117">
        <v>8722908</v>
      </c>
      <c r="DD10" s="117">
        <v>5718234</v>
      </c>
      <c r="DE10" s="117">
        <v>2782831</v>
      </c>
      <c r="DF10" s="116">
        <v>34187674</v>
      </c>
      <c r="DG10" s="119">
        <v>38324449</v>
      </c>
      <c r="DH10" s="113">
        <v>26722</v>
      </c>
      <c r="DI10" s="117">
        <v>334606</v>
      </c>
      <c r="DJ10" s="115">
        <v>361328</v>
      </c>
      <c r="DK10" s="114">
        <v>0</v>
      </c>
      <c r="DL10" s="117">
        <v>2838316</v>
      </c>
      <c r="DM10" s="117">
        <v>7421748</v>
      </c>
      <c r="DN10" s="117">
        <v>9243656</v>
      </c>
      <c r="DO10" s="117">
        <v>9162999</v>
      </c>
      <c r="DP10" s="117">
        <v>4612560</v>
      </c>
      <c r="DQ10" s="116">
        <v>33279279</v>
      </c>
      <c r="DR10" s="119">
        <v>33640607</v>
      </c>
      <c r="DS10" s="113">
        <v>26722</v>
      </c>
      <c r="DT10" s="117">
        <v>224525</v>
      </c>
      <c r="DU10" s="116">
        <v>251247</v>
      </c>
      <c r="DV10" s="113">
        <v>0</v>
      </c>
      <c r="DW10" s="117">
        <v>2273823</v>
      </c>
      <c r="DX10" s="117">
        <v>6017456</v>
      </c>
      <c r="DY10" s="117">
        <v>6874089</v>
      </c>
      <c r="DZ10" s="117">
        <v>6555135</v>
      </c>
      <c r="EA10" s="117">
        <v>2758301</v>
      </c>
      <c r="EB10" s="116">
        <v>24478804</v>
      </c>
      <c r="EC10" s="119">
        <v>24730051</v>
      </c>
      <c r="ED10" s="113">
        <v>0</v>
      </c>
      <c r="EE10" s="115">
        <v>110081</v>
      </c>
      <c r="EF10" s="116">
        <v>110081</v>
      </c>
      <c r="EG10" s="113">
        <v>0</v>
      </c>
      <c r="EH10" s="117">
        <v>564493</v>
      </c>
      <c r="EI10" s="117">
        <v>1404292</v>
      </c>
      <c r="EJ10" s="117">
        <v>2369567</v>
      </c>
      <c r="EK10" s="117">
        <v>2607864</v>
      </c>
      <c r="EL10" s="117">
        <v>1854259</v>
      </c>
      <c r="EM10" s="115">
        <v>8800475</v>
      </c>
      <c r="EN10" s="119">
        <v>8910556</v>
      </c>
      <c r="EO10" s="113">
        <v>0</v>
      </c>
      <c r="EP10" s="117">
        <v>0</v>
      </c>
      <c r="EQ10" s="115">
        <v>0</v>
      </c>
      <c r="ER10" s="114">
        <v>0</v>
      </c>
      <c r="ES10" s="117">
        <v>0</v>
      </c>
      <c r="ET10" s="117">
        <v>0</v>
      </c>
      <c r="EU10" s="117">
        <v>0</v>
      </c>
      <c r="EV10" s="117">
        <v>0</v>
      </c>
      <c r="EW10" s="117">
        <v>0</v>
      </c>
      <c r="EX10" s="116">
        <v>0</v>
      </c>
      <c r="EY10" s="119">
        <v>0</v>
      </c>
      <c r="EZ10" s="113">
        <v>0</v>
      </c>
      <c r="FA10" s="117">
        <v>0</v>
      </c>
      <c r="FB10" s="115">
        <v>0</v>
      </c>
      <c r="FC10" s="387"/>
      <c r="FD10" s="117">
        <v>0</v>
      </c>
      <c r="FE10" s="117">
        <v>0</v>
      </c>
      <c r="FF10" s="117">
        <v>0</v>
      </c>
      <c r="FG10" s="117">
        <v>0</v>
      </c>
      <c r="FH10" s="117">
        <v>0</v>
      </c>
      <c r="FI10" s="116">
        <v>0</v>
      </c>
      <c r="FJ10" s="119">
        <v>0</v>
      </c>
      <c r="FK10" s="113">
        <v>1814899</v>
      </c>
      <c r="FL10" s="117">
        <v>3540131</v>
      </c>
      <c r="FM10" s="116">
        <v>5355030</v>
      </c>
      <c r="FN10" s="113">
        <v>0</v>
      </c>
      <c r="FO10" s="117">
        <v>3560105</v>
      </c>
      <c r="FP10" s="117">
        <v>13625064</v>
      </c>
      <c r="FQ10" s="117">
        <v>8646520</v>
      </c>
      <c r="FR10" s="117">
        <v>8743351</v>
      </c>
      <c r="FS10" s="117">
        <v>6021577</v>
      </c>
      <c r="FT10" s="116">
        <v>40596617</v>
      </c>
      <c r="FU10" s="119">
        <v>45951647</v>
      </c>
      <c r="FV10" s="118">
        <v>799134</v>
      </c>
      <c r="FW10" s="117">
        <v>2318303</v>
      </c>
      <c r="FX10" s="115">
        <v>3117437</v>
      </c>
      <c r="FY10" s="114">
        <v>0</v>
      </c>
      <c r="FZ10" s="117">
        <v>2355668</v>
      </c>
      <c r="GA10" s="117">
        <v>12117188</v>
      </c>
      <c r="GB10" s="117">
        <v>7823245</v>
      </c>
      <c r="GC10" s="117">
        <v>8130449</v>
      </c>
      <c r="GD10" s="117">
        <v>5944001</v>
      </c>
      <c r="GE10" s="116">
        <v>36370551</v>
      </c>
      <c r="GF10" s="351">
        <v>39487988</v>
      </c>
      <c r="GG10" s="118">
        <v>157202</v>
      </c>
      <c r="GH10" s="117">
        <v>134308</v>
      </c>
      <c r="GI10" s="115">
        <v>291510</v>
      </c>
      <c r="GJ10" s="114">
        <v>0</v>
      </c>
      <c r="GK10" s="117">
        <v>231003</v>
      </c>
      <c r="GL10" s="117">
        <v>237740</v>
      </c>
      <c r="GM10" s="117">
        <v>173220</v>
      </c>
      <c r="GN10" s="117">
        <v>204753</v>
      </c>
      <c r="GO10" s="117">
        <v>32076</v>
      </c>
      <c r="GP10" s="116">
        <v>878792</v>
      </c>
      <c r="GQ10" s="119">
        <v>1170302</v>
      </c>
      <c r="GR10" s="113">
        <v>858563</v>
      </c>
      <c r="GS10" s="117">
        <v>1087520</v>
      </c>
      <c r="GT10" s="116">
        <v>1946083</v>
      </c>
      <c r="GU10" s="113">
        <v>0</v>
      </c>
      <c r="GV10" s="117">
        <v>973434</v>
      </c>
      <c r="GW10" s="117">
        <v>1270136</v>
      </c>
      <c r="GX10" s="117">
        <v>650055</v>
      </c>
      <c r="GY10" s="117">
        <v>408149</v>
      </c>
      <c r="GZ10" s="117">
        <v>45500</v>
      </c>
      <c r="HA10" s="115">
        <v>3347274</v>
      </c>
      <c r="HB10" s="119">
        <v>5293357</v>
      </c>
      <c r="HC10" s="113">
        <v>4516077</v>
      </c>
      <c r="HD10" s="117">
        <v>6719785</v>
      </c>
      <c r="HE10" s="115">
        <v>11235862</v>
      </c>
      <c r="HF10" s="114">
        <v>0</v>
      </c>
      <c r="HG10" s="117">
        <v>34593485</v>
      </c>
      <c r="HH10" s="117">
        <v>49942553</v>
      </c>
      <c r="HI10" s="117">
        <v>43745464</v>
      </c>
      <c r="HJ10" s="117">
        <v>46507482</v>
      </c>
      <c r="HK10" s="117">
        <v>36236074</v>
      </c>
      <c r="HL10" s="116">
        <v>211025058</v>
      </c>
      <c r="HM10" s="112">
        <v>222260920</v>
      </c>
      <c r="HN10" s="367"/>
      <c r="HO10" s="368"/>
      <c r="HP10" s="369"/>
      <c r="HQ10" s="370"/>
      <c r="HR10" s="368"/>
      <c r="HS10" s="368"/>
      <c r="HT10" s="368"/>
      <c r="HU10" s="368"/>
      <c r="HV10" s="368"/>
      <c r="HW10" s="371"/>
      <c r="HX10" s="372"/>
      <c r="HY10" s="149">
        <v>295969</v>
      </c>
      <c r="HZ10" s="150">
        <v>259382</v>
      </c>
      <c r="IA10" s="151">
        <v>555351</v>
      </c>
      <c r="IB10" s="152">
        <v>0</v>
      </c>
      <c r="IC10" s="153">
        <v>21803014</v>
      </c>
      <c r="ID10" s="154">
        <v>31689712</v>
      </c>
      <c r="IE10" s="155">
        <v>32278031</v>
      </c>
      <c r="IF10" s="153">
        <v>22249599</v>
      </c>
      <c r="IG10" s="155">
        <v>16356684</v>
      </c>
      <c r="IH10" s="156">
        <v>124377040</v>
      </c>
      <c r="II10" s="157">
        <v>124932391</v>
      </c>
      <c r="IJ10" s="262">
        <v>0</v>
      </c>
      <c r="IK10" s="269">
        <v>0</v>
      </c>
      <c r="IL10" s="270">
        <v>0</v>
      </c>
      <c r="IM10" s="158"/>
      <c r="IN10" s="123">
        <v>623206</v>
      </c>
      <c r="IO10" s="123">
        <v>2328353</v>
      </c>
      <c r="IP10" s="123">
        <v>1630986</v>
      </c>
      <c r="IQ10" s="123">
        <v>1988700</v>
      </c>
      <c r="IR10" s="123">
        <v>724191</v>
      </c>
      <c r="IS10" s="159">
        <v>7295436</v>
      </c>
      <c r="IT10" s="354">
        <v>7295436</v>
      </c>
      <c r="IU10" s="160">
        <v>0</v>
      </c>
      <c r="IV10" s="123">
        <v>0</v>
      </c>
      <c r="IW10" s="124">
        <v>0</v>
      </c>
      <c r="IX10" s="162"/>
      <c r="IY10" s="123">
        <v>123677</v>
      </c>
      <c r="IZ10" s="123">
        <v>383319</v>
      </c>
      <c r="JA10" s="123">
        <v>671028</v>
      </c>
      <c r="JB10" s="123">
        <v>766949</v>
      </c>
      <c r="JC10" s="123">
        <v>979107</v>
      </c>
      <c r="JD10" s="124">
        <v>2924080</v>
      </c>
      <c r="JE10" s="125">
        <v>2924080</v>
      </c>
      <c r="JF10" s="160">
        <v>0</v>
      </c>
      <c r="JG10" s="123">
        <v>0</v>
      </c>
      <c r="JH10" s="159">
        <v>0</v>
      </c>
      <c r="JI10" s="122">
        <v>0</v>
      </c>
      <c r="JJ10" s="123">
        <v>9471095</v>
      </c>
      <c r="JK10" s="123">
        <v>12234599</v>
      </c>
      <c r="JL10" s="123">
        <v>6774830</v>
      </c>
      <c r="JM10" s="123">
        <v>4940313</v>
      </c>
      <c r="JN10" s="123">
        <v>2442933</v>
      </c>
      <c r="JO10" s="124">
        <v>35863770</v>
      </c>
      <c r="JP10" s="354">
        <v>35863770</v>
      </c>
      <c r="JQ10" s="160">
        <v>0</v>
      </c>
      <c r="JR10" s="123">
        <v>0</v>
      </c>
      <c r="JS10" s="159">
        <v>0</v>
      </c>
      <c r="JT10" s="122">
        <v>0</v>
      </c>
      <c r="JU10" s="123">
        <v>1781049</v>
      </c>
      <c r="JV10" s="123">
        <v>4381715</v>
      </c>
      <c r="JW10" s="123">
        <v>2812214</v>
      </c>
      <c r="JX10" s="123">
        <v>1494847</v>
      </c>
      <c r="JY10" s="123">
        <v>3013140</v>
      </c>
      <c r="JZ10" s="124">
        <v>13482965</v>
      </c>
      <c r="KA10" s="354">
        <v>13482965</v>
      </c>
      <c r="KB10" s="265">
        <v>295969</v>
      </c>
      <c r="KC10" s="259">
        <v>259382</v>
      </c>
      <c r="KD10" s="124">
        <v>555351</v>
      </c>
      <c r="KE10" s="122">
        <v>0</v>
      </c>
      <c r="KF10" s="123">
        <v>3543277</v>
      </c>
      <c r="KG10" s="123">
        <v>2466834</v>
      </c>
      <c r="KH10" s="123">
        <v>5221224</v>
      </c>
      <c r="KI10" s="123">
        <v>4330806</v>
      </c>
      <c r="KJ10" s="123">
        <v>2177170</v>
      </c>
      <c r="KK10" s="124">
        <v>17739311</v>
      </c>
      <c r="KL10" s="161">
        <v>18294662</v>
      </c>
      <c r="KM10" s="262">
        <v>0</v>
      </c>
      <c r="KN10" s="269">
        <v>0</v>
      </c>
      <c r="KO10" s="270">
        <v>0</v>
      </c>
      <c r="KP10" s="158">
        <v>0</v>
      </c>
      <c r="KQ10" s="123">
        <v>6114445</v>
      </c>
      <c r="KR10" s="123">
        <v>8911259</v>
      </c>
      <c r="KS10" s="123">
        <v>13316797</v>
      </c>
      <c r="KT10" s="123">
        <v>6366321</v>
      </c>
      <c r="KU10" s="123">
        <v>3556294</v>
      </c>
      <c r="KV10" s="124">
        <v>38265116</v>
      </c>
      <c r="KW10" s="354">
        <v>38265116</v>
      </c>
      <c r="KX10" s="160">
        <v>0</v>
      </c>
      <c r="KY10" s="123">
        <v>0</v>
      </c>
      <c r="KZ10" s="124">
        <v>0</v>
      </c>
      <c r="LA10" s="163">
        <v>0</v>
      </c>
      <c r="LB10" s="123">
        <v>0</v>
      </c>
      <c r="LC10" s="123">
        <v>0</v>
      </c>
      <c r="LD10" s="123">
        <v>0</v>
      </c>
      <c r="LE10" s="123">
        <v>0</v>
      </c>
      <c r="LF10" s="123">
        <v>0</v>
      </c>
      <c r="LG10" s="124">
        <v>0</v>
      </c>
      <c r="LH10" s="125">
        <v>0</v>
      </c>
      <c r="LI10" s="160">
        <v>0</v>
      </c>
      <c r="LJ10" s="123">
        <v>0</v>
      </c>
      <c r="LK10" s="124">
        <v>0</v>
      </c>
      <c r="LL10" s="163"/>
      <c r="LM10" s="123">
        <v>0</v>
      </c>
      <c r="LN10" s="123">
        <v>0</v>
      </c>
      <c r="LO10" s="123">
        <v>242063</v>
      </c>
      <c r="LP10" s="123">
        <v>286720</v>
      </c>
      <c r="LQ10" s="123">
        <v>0</v>
      </c>
      <c r="LR10" s="124">
        <v>528783</v>
      </c>
      <c r="LS10" s="354">
        <v>528783</v>
      </c>
      <c r="LT10" s="160">
        <v>0</v>
      </c>
      <c r="LU10" s="123">
        <v>0</v>
      </c>
      <c r="LV10" s="124">
        <v>0</v>
      </c>
      <c r="LW10" s="163"/>
      <c r="LX10" s="123">
        <v>146265</v>
      </c>
      <c r="LY10" s="123">
        <v>983633</v>
      </c>
      <c r="LZ10" s="123">
        <v>1608889</v>
      </c>
      <c r="MA10" s="123">
        <v>2074943</v>
      </c>
      <c r="MB10" s="123">
        <v>3463849</v>
      </c>
      <c r="MC10" s="124">
        <v>8277579</v>
      </c>
      <c r="MD10" s="125">
        <v>8277579</v>
      </c>
      <c r="ME10" s="160">
        <v>0</v>
      </c>
      <c r="MF10" s="123">
        <v>0</v>
      </c>
      <c r="MG10" s="124">
        <v>0</v>
      </c>
      <c r="MH10" s="163"/>
      <c r="MI10" s="123">
        <v>6383605</v>
      </c>
      <c r="MJ10" s="123">
        <v>19569241</v>
      </c>
      <c r="MK10" s="123">
        <v>50543524</v>
      </c>
      <c r="ML10" s="123">
        <v>75835029</v>
      </c>
      <c r="MM10" s="123">
        <v>56903305</v>
      </c>
      <c r="MN10" s="124">
        <v>209234704</v>
      </c>
      <c r="MO10" s="161">
        <v>209234704</v>
      </c>
      <c r="MP10" s="160">
        <v>0</v>
      </c>
      <c r="MQ10" s="123">
        <v>0</v>
      </c>
      <c r="MR10" s="124">
        <v>0</v>
      </c>
      <c r="MS10" s="163"/>
      <c r="MT10" s="123">
        <v>667590</v>
      </c>
      <c r="MU10" s="123">
        <v>3864041</v>
      </c>
      <c r="MV10" s="123">
        <v>24506043</v>
      </c>
      <c r="MW10" s="123">
        <v>41318717</v>
      </c>
      <c r="MX10" s="123">
        <v>33884485</v>
      </c>
      <c r="MY10" s="124">
        <v>104240876</v>
      </c>
      <c r="MZ10" s="161">
        <v>104240876</v>
      </c>
      <c r="NA10" s="160">
        <v>0</v>
      </c>
      <c r="NB10" s="123">
        <v>0</v>
      </c>
      <c r="NC10" s="124">
        <v>0</v>
      </c>
      <c r="ND10" s="163"/>
      <c r="NE10" s="123">
        <v>5716015</v>
      </c>
      <c r="NF10" s="123">
        <v>15478183</v>
      </c>
      <c r="NG10" s="123">
        <v>25547589</v>
      </c>
      <c r="NH10" s="123">
        <v>32523354</v>
      </c>
      <c r="NI10" s="123">
        <v>19705832</v>
      </c>
      <c r="NJ10" s="124">
        <v>98970973</v>
      </c>
      <c r="NK10" s="354">
        <v>98970973</v>
      </c>
      <c r="NL10" s="160">
        <v>0</v>
      </c>
      <c r="NM10" s="123">
        <v>0</v>
      </c>
      <c r="NN10" s="124">
        <v>0</v>
      </c>
      <c r="NO10" s="163"/>
      <c r="NP10" s="123">
        <v>0</v>
      </c>
      <c r="NQ10" s="123">
        <v>0</v>
      </c>
      <c r="NR10" s="123">
        <v>208583</v>
      </c>
      <c r="NS10" s="123">
        <v>1033004</v>
      </c>
      <c r="NT10" s="123">
        <v>1504215</v>
      </c>
      <c r="NU10" s="124">
        <v>2745802</v>
      </c>
      <c r="NV10" s="125">
        <v>2745802</v>
      </c>
      <c r="NW10" s="160">
        <v>0</v>
      </c>
      <c r="NX10" s="123">
        <v>0</v>
      </c>
      <c r="NY10" s="124">
        <v>0</v>
      </c>
      <c r="NZ10" s="163"/>
      <c r="OA10" s="123">
        <v>0</v>
      </c>
      <c r="OB10" s="123">
        <v>227017</v>
      </c>
      <c r="OC10" s="123">
        <v>281309</v>
      </c>
      <c r="OD10" s="123">
        <v>959954</v>
      </c>
      <c r="OE10" s="123">
        <v>1808773</v>
      </c>
      <c r="OF10" s="124">
        <v>3277053</v>
      </c>
      <c r="OG10" s="125">
        <v>3277053</v>
      </c>
      <c r="OH10" s="160">
        <v>11063629</v>
      </c>
      <c r="OI10" s="123">
        <v>22229580</v>
      </c>
      <c r="OJ10" s="159">
        <v>33293209</v>
      </c>
      <c r="OK10" s="122">
        <v>0</v>
      </c>
      <c r="OL10" s="123">
        <v>120721376</v>
      </c>
      <c r="OM10" s="123">
        <v>220197827</v>
      </c>
      <c r="ON10" s="123">
        <v>207917782</v>
      </c>
      <c r="OO10" s="123">
        <v>223566969</v>
      </c>
      <c r="OP10" s="123">
        <v>175066452</v>
      </c>
      <c r="OQ10" s="124">
        <v>947470406</v>
      </c>
      <c r="OR10" s="161">
        <v>980763615</v>
      </c>
    </row>
    <row r="11" spans="1:408" ht="20.25" customHeight="1" x14ac:dyDescent="0.2">
      <c r="A11" s="130" t="s">
        <v>6</v>
      </c>
      <c r="B11" s="113">
        <v>3237409</v>
      </c>
      <c r="C11" s="117">
        <v>5444122</v>
      </c>
      <c r="D11" s="116">
        <v>8681531</v>
      </c>
      <c r="E11" s="112">
        <v>0</v>
      </c>
      <c r="F11" s="117">
        <v>42207500</v>
      </c>
      <c r="G11" s="117">
        <v>48637154</v>
      </c>
      <c r="H11" s="117">
        <v>45205632</v>
      </c>
      <c r="I11" s="117">
        <v>54209821</v>
      </c>
      <c r="J11" s="117">
        <v>38414825</v>
      </c>
      <c r="K11" s="112">
        <v>228674932</v>
      </c>
      <c r="L11" s="119">
        <v>237356463</v>
      </c>
      <c r="M11" s="113">
        <v>1163344</v>
      </c>
      <c r="N11" s="117">
        <v>2301877</v>
      </c>
      <c r="O11" s="116">
        <v>3465221</v>
      </c>
      <c r="P11" s="113">
        <v>0</v>
      </c>
      <c r="Q11" s="117">
        <v>15160452</v>
      </c>
      <c r="R11" s="117">
        <v>18921362</v>
      </c>
      <c r="S11" s="117">
        <v>15790517</v>
      </c>
      <c r="T11" s="117">
        <v>19435334</v>
      </c>
      <c r="U11" s="117">
        <v>15370065</v>
      </c>
      <c r="V11" s="116">
        <v>84677730</v>
      </c>
      <c r="W11" s="119">
        <v>88142951</v>
      </c>
      <c r="X11" s="113">
        <v>0</v>
      </c>
      <c r="Y11" s="117">
        <v>0</v>
      </c>
      <c r="Z11" s="116">
        <v>0</v>
      </c>
      <c r="AA11" s="113">
        <v>0</v>
      </c>
      <c r="AB11" s="117">
        <v>6398700</v>
      </c>
      <c r="AC11" s="117">
        <v>8788583</v>
      </c>
      <c r="AD11" s="117">
        <v>7147305</v>
      </c>
      <c r="AE11" s="117">
        <v>10600556</v>
      </c>
      <c r="AF11" s="117">
        <v>7984732</v>
      </c>
      <c r="AG11" s="116">
        <v>40919876</v>
      </c>
      <c r="AH11" s="119">
        <v>40919876</v>
      </c>
      <c r="AI11" s="113">
        <v>0</v>
      </c>
      <c r="AJ11" s="117">
        <v>64046</v>
      </c>
      <c r="AK11" s="116">
        <v>64046</v>
      </c>
      <c r="AL11" s="113">
        <v>0</v>
      </c>
      <c r="AM11" s="117">
        <v>10523</v>
      </c>
      <c r="AN11" s="117">
        <v>94714</v>
      </c>
      <c r="AO11" s="117">
        <v>824815</v>
      </c>
      <c r="AP11" s="117">
        <v>1227501</v>
      </c>
      <c r="AQ11" s="117">
        <v>1614943</v>
      </c>
      <c r="AR11" s="116">
        <v>3772496</v>
      </c>
      <c r="AS11" s="119">
        <v>3836542</v>
      </c>
      <c r="AT11" s="113">
        <v>677490</v>
      </c>
      <c r="AU11" s="117">
        <v>1575695</v>
      </c>
      <c r="AV11" s="116">
        <v>2253185</v>
      </c>
      <c r="AW11" s="113">
        <v>0</v>
      </c>
      <c r="AX11" s="117">
        <v>5654657</v>
      </c>
      <c r="AY11" s="117">
        <v>6478549</v>
      </c>
      <c r="AZ11" s="117">
        <v>4834259</v>
      </c>
      <c r="BA11" s="117">
        <v>4212632</v>
      </c>
      <c r="BB11" s="117">
        <v>3293013</v>
      </c>
      <c r="BC11" s="116">
        <v>24473110</v>
      </c>
      <c r="BD11" s="119">
        <v>26726295</v>
      </c>
      <c r="BE11" s="113">
        <v>71055</v>
      </c>
      <c r="BF11" s="117">
        <v>119545</v>
      </c>
      <c r="BG11" s="115">
        <v>190600</v>
      </c>
      <c r="BH11" s="114">
        <v>0</v>
      </c>
      <c r="BI11" s="117">
        <v>563678</v>
      </c>
      <c r="BJ11" s="117">
        <v>554423</v>
      </c>
      <c r="BK11" s="117">
        <v>382581</v>
      </c>
      <c r="BL11" s="117">
        <v>441030</v>
      </c>
      <c r="BM11" s="117">
        <v>135331</v>
      </c>
      <c r="BN11" s="116">
        <v>2077043</v>
      </c>
      <c r="BO11" s="119">
        <v>2267643</v>
      </c>
      <c r="BP11" s="113">
        <v>414799</v>
      </c>
      <c r="BQ11" s="117">
        <v>542591</v>
      </c>
      <c r="BR11" s="116">
        <v>957390</v>
      </c>
      <c r="BS11" s="113">
        <v>0</v>
      </c>
      <c r="BT11" s="117">
        <v>2532894</v>
      </c>
      <c r="BU11" s="117">
        <v>3005093</v>
      </c>
      <c r="BV11" s="117">
        <v>2601557</v>
      </c>
      <c r="BW11" s="117">
        <v>2953615</v>
      </c>
      <c r="BX11" s="117">
        <v>2342046</v>
      </c>
      <c r="BY11" s="116">
        <v>13435205</v>
      </c>
      <c r="BZ11" s="119">
        <v>14392595</v>
      </c>
      <c r="CA11" s="113">
        <v>133014</v>
      </c>
      <c r="CB11" s="117">
        <v>279784</v>
      </c>
      <c r="CC11" s="116">
        <v>412798</v>
      </c>
      <c r="CD11" s="113">
        <v>0</v>
      </c>
      <c r="CE11" s="117">
        <v>11659770</v>
      </c>
      <c r="CF11" s="117">
        <v>10163663</v>
      </c>
      <c r="CG11" s="117">
        <v>7364438</v>
      </c>
      <c r="CH11" s="117">
        <v>8170698</v>
      </c>
      <c r="CI11" s="117">
        <v>2921963</v>
      </c>
      <c r="CJ11" s="116">
        <v>40280532</v>
      </c>
      <c r="CK11" s="119">
        <v>40693330</v>
      </c>
      <c r="CL11" s="113">
        <v>0</v>
      </c>
      <c r="CM11" s="117">
        <v>0</v>
      </c>
      <c r="CN11" s="116">
        <v>0</v>
      </c>
      <c r="CO11" s="114">
        <v>0</v>
      </c>
      <c r="CP11" s="117">
        <v>9812681</v>
      </c>
      <c r="CQ11" s="117">
        <v>7279945</v>
      </c>
      <c r="CR11" s="117">
        <v>5513584</v>
      </c>
      <c r="CS11" s="117">
        <v>5626226</v>
      </c>
      <c r="CT11" s="117">
        <v>2190447</v>
      </c>
      <c r="CU11" s="116">
        <v>30422883</v>
      </c>
      <c r="CV11" s="119">
        <v>30422883</v>
      </c>
      <c r="CW11" s="113">
        <v>133014</v>
      </c>
      <c r="CX11" s="117">
        <v>279784</v>
      </c>
      <c r="CY11" s="116">
        <v>412798</v>
      </c>
      <c r="CZ11" s="113">
        <v>0</v>
      </c>
      <c r="DA11" s="117">
        <v>1847089</v>
      </c>
      <c r="DB11" s="117">
        <v>2883718</v>
      </c>
      <c r="DC11" s="117">
        <v>1850854</v>
      </c>
      <c r="DD11" s="117">
        <v>2544472</v>
      </c>
      <c r="DE11" s="117">
        <v>731516</v>
      </c>
      <c r="DF11" s="116">
        <v>9857649</v>
      </c>
      <c r="DG11" s="119">
        <v>10270447</v>
      </c>
      <c r="DH11" s="113">
        <v>32101</v>
      </c>
      <c r="DI11" s="117">
        <v>0</v>
      </c>
      <c r="DJ11" s="115">
        <v>32101</v>
      </c>
      <c r="DK11" s="114">
        <v>0</v>
      </c>
      <c r="DL11" s="117">
        <v>873371</v>
      </c>
      <c r="DM11" s="117">
        <v>1177322</v>
      </c>
      <c r="DN11" s="117">
        <v>3141126</v>
      </c>
      <c r="DO11" s="117">
        <v>2637653</v>
      </c>
      <c r="DP11" s="117">
        <v>1546136</v>
      </c>
      <c r="DQ11" s="116">
        <v>9375608</v>
      </c>
      <c r="DR11" s="119">
        <v>9407709</v>
      </c>
      <c r="DS11" s="113">
        <v>32101</v>
      </c>
      <c r="DT11" s="117">
        <v>0</v>
      </c>
      <c r="DU11" s="116">
        <v>32101</v>
      </c>
      <c r="DV11" s="113">
        <v>0</v>
      </c>
      <c r="DW11" s="117">
        <v>630643</v>
      </c>
      <c r="DX11" s="117">
        <v>898309</v>
      </c>
      <c r="DY11" s="117">
        <v>2569191</v>
      </c>
      <c r="DZ11" s="117">
        <v>1917162</v>
      </c>
      <c r="EA11" s="117">
        <v>1235303</v>
      </c>
      <c r="EB11" s="116">
        <v>7250608</v>
      </c>
      <c r="EC11" s="119">
        <v>7282709</v>
      </c>
      <c r="ED11" s="113">
        <v>0</v>
      </c>
      <c r="EE11" s="115">
        <v>0</v>
      </c>
      <c r="EF11" s="116">
        <v>0</v>
      </c>
      <c r="EG11" s="113">
        <v>0</v>
      </c>
      <c r="EH11" s="117">
        <v>242728</v>
      </c>
      <c r="EI11" s="117">
        <v>279013</v>
      </c>
      <c r="EJ11" s="117">
        <v>571935</v>
      </c>
      <c r="EK11" s="117">
        <v>720491</v>
      </c>
      <c r="EL11" s="117">
        <v>310833</v>
      </c>
      <c r="EM11" s="115">
        <v>2125000</v>
      </c>
      <c r="EN11" s="119">
        <v>2125000</v>
      </c>
      <c r="EO11" s="113">
        <v>0</v>
      </c>
      <c r="EP11" s="117">
        <v>0</v>
      </c>
      <c r="EQ11" s="115">
        <v>0</v>
      </c>
      <c r="ER11" s="114">
        <v>0</v>
      </c>
      <c r="ES11" s="117">
        <v>0</v>
      </c>
      <c r="ET11" s="117">
        <v>0</v>
      </c>
      <c r="EU11" s="117">
        <v>0</v>
      </c>
      <c r="EV11" s="117">
        <v>0</v>
      </c>
      <c r="EW11" s="117">
        <v>0</v>
      </c>
      <c r="EX11" s="116">
        <v>0</v>
      </c>
      <c r="EY11" s="119">
        <v>0</v>
      </c>
      <c r="EZ11" s="113">
        <v>0</v>
      </c>
      <c r="FA11" s="117">
        <v>0</v>
      </c>
      <c r="FB11" s="115">
        <v>0</v>
      </c>
      <c r="FC11" s="387"/>
      <c r="FD11" s="117">
        <v>0</v>
      </c>
      <c r="FE11" s="117">
        <v>0</v>
      </c>
      <c r="FF11" s="117">
        <v>0</v>
      </c>
      <c r="FG11" s="117">
        <v>0</v>
      </c>
      <c r="FH11" s="117">
        <v>0</v>
      </c>
      <c r="FI11" s="116">
        <v>0</v>
      </c>
      <c r="FJ11" s="119">
        <v>0</v>
      </c>
      <c r="FK11" s="113">
        <v>406616</v>
      </c>
      <c r="FL11" s="117">
        <v>1060419</v>
      </c>
      <c r="FM11" s="116">
        <v>1467035</v>
      </c>
      <c r="FN11" s="113">
        <v>0</v>
      </c>
      <c r="FO11" s="117">
        <v>2251157</v>
      </c>
      <c r="FP11" s="117">
        <v>4317932</v>
      </c>
      <c r="FQ11" s="117">
        <v>3669053</v>
      </c>
      <c r="FR11" s="117">
        <v>3579065</v>
      </c>
      <c r="FS11" s="117">
        <v>1937754</v>
      </c>
      <c r="FT11" s="116">
        <v>15754961</v>
      </c>
      <c r="FU11" s="119">
        <v>17221996</v>
      </c>
      <c r="FV11" s="118">
        <v>361039</v>
      </c>
      <c r="FW11" s="117">
        <v>772317</v>
      </c>
      <c r="FX11" s="115">
        <v>1133356</v>
      </c>
      <c r="FY11" s="114">
        <v>0</v>
      </c>
      <c r="FZ11" s="117">
        <v>1817319</v>
      </c>
      <c r="GA11" s="117">
        <v>3974488</v>
      </c>
      <c r="GB11" s="117">
        <v>3241378</v>
      </c>
      <c r="GC11" s="117">
        <v>3367623</v>
      </c>
      <c r="GD11" s="117">
        <v>1937754</v>
      </c>
      <c r="GE11" s="116">
        <v>14338562</v>
      </c>
      <c r="GF11" s="351">
        <v>15471918</v>
      </c>
      <c r="GG11" s="118">
        <v>45577</v>
      </c>
      <c r="GH11" s="117">
        <v>47162</v>
      </c>
      <c r="GI11" s="115">
        <v>92739</v>
      </c>
      <c r="GJ11" s="114">
        <v>0</v>
      </c>
      <c r="GK11" s="117">
        <v>111982</v>
      </c>
      <c r="GL11" s="117">
        <v>105654</v>
      </c>
      <c r="GM11" s="117">
        <v>255335</v>
      </c>
      <c r="GN11" s="117">
        <v>107842</v>
      </c>
      <c r="GO11" s="117">
        <v>0</v>
      </c>
      <c r="GP11" s="116">
        <v>580813</v>
      </c>
      <c r="GQ11" s="119">
        <v>673552</v>
      </c>
      <c r="GR11" s="113">
        <v>0</v>
      </c>
      <c r="GS11" s="117">
        <v>240940</v>
      </c>
      <c r="GT11" s="116">
        <v>240940</v>
      </c>
      <c r="GU11" s="113">
        <v>0</v>
      </c>
      <c r="GV11" s="117">
        <v>321856</v>
      </c>
      <c r="GW11" s="117">
        <v>237790</v>
      </c>
      <c r="GX11" s="117">
        <v>172340</v>
      </c>
      <c r="GY11" s="117">
        <v>103600</v>
      </c>
      <c r="GZ11" s="117">
        <v>0</v>
      </c>
      <c r="HA11" s="115">
        <v>835586</v>
      </c>
      <c r="HB11" s="119">
        <v>1076526</v>
      </c>
      <c r="HC11" s="113">
        <v>1502334</v>
      </c>
      <c r="HD11" s="117">
        <v>1802042</v>
      </c>
      <c r="HE11" s="115">
        <v>3304376</v>
      </c>
      <c r="HF11" s="114">
        <v>0</v>
      </c>
      <c r="HG11" s="117">
        <v>12262750</v>
      </c>
      <c r="HH11" s="117">
        <v>14056875</v>
      </c>
      <c r="HI11" s="117">
        <v>15240498</v>
      </c>
      <c r="HJ11" s="117">
        <v>20387071</v>
      </c>
      <c r="HK11" s="117">
        <v>16638907</v>
      </c>
      <c r="HL11" s="116">
        <v>78586101</v>
      </c>
      <c r="HM11" s="112">
        <v>81890477</v>
      </c>
      <c r="HN11" s="367"/>
      <c r="HO11" s="368"/>
      <c r="HP11" s="369"/>
      <c r="HQ11" s="370"/>
      <c r="HR11" s="368"/>
      <c r="HS11" s="368"/>
      <c r="HT11" s="368"/>
      <c r="HU11" s="368"/>
      <c r="HV11" s="368"/>
      <c r="HW11" s="371"/>
      <c r="HX11" s="372"/>
      <c r="HY11" s="149">
        <v>70729</v>
      </c>
      <c r="HZ11" s="150">
        <v>262018</v>
      </c>
      <c r="IA11" s="151">
        <v>332747</v>
      </c>
      <c r="IB11" s="164">
        <v>0</v>
      </c>
      <c r="IC11" s="150">
        <v>10970209</v>
      </c>
      <c r="ID11" s="165">
        <v>13825418</v>
      </c>
      <c r="IE11" s="151">
        <v>14672977</v>
      </c>
      <c r="IF11" s="150">
        <v>11588115</v>
      </c>
      <c r="IG11" s="151">
        <v>7534248</v>
      </c>
      <c r="IH11" s="166">
        <v>58590967</v>
      </c>
      <c r="II11" s="157">
        <v>58923714</v>
      </c>
      <c r="IJ11" s="262">
        <v>0</v>
      </c>
      <c r="IK11" s="269">
        <v>0</v>
      </c>
      <c r="IL11" s="270">
        <v>0</v>
      </c>
      <c r="IM11" s="158"/>
      <c r="IN11" s="123">
        <v>609480</v>
      </c>
      <c r="IO11" s="123">
        <v>785818</v>
      </c>
      <c r="IP11" s="123">
        <v>631052</v>
      </c>
      <c r="IQ11" s="123">
        <v>1781368</v>
      </c>
      <c r="IR11" s="123">
        <v>1328863</v>
      </c>
      <c r="IS11" s="159">
        <v>5136581</v>
      </c>
      <c r="IT11" s="354">
        <v>5136581</v>
      </c>
      <c r="IU11" s="160">
        <v>0</v>
      </c>
      <c r="IV11" s="123">
        <v>0</v>
      </c>
      <c r="IW11" s="124">
        <v>0</v>
      </c>
      <c r="IX11" s="162"/>
      <c r="IY11" s="123">
        <v>39151</v>
      </c>
      <c r="IZ11" s="123">
        <v>75019</v>
      </c>
      <c r="JA11" s="123">
        <v>90570</v>
      </c>
      <c r="JB11" s="123">
        <v>107928</v>
      </c>
      <c r="JC11" s="123">
        <v>306975</v>
      </c>
      <c r="JD11" s="124">
        <v>619643</v>
      </c>
      <c r="JE11" s="125">
        <v>619643</v>
      </c>
      <c r="JF11" s="160">
        <v>0</v>
      </c>
      <c r="JG11" s="123">
        <v>0</v>
      </c>
      <c r="JH11" s="159">
        <v>0</v>
      </c>
      <c r="JI11" s="122">
        <v>0</v>
      </c>
      <c r="JJ11" s="123">
        <v>4692221</v>
      </c>
      <c r="JK11" s="123">
        <v>3493583</v>
      </c>
      <c r="JL11" s="123">
        <v>2813867</v>
      </c>
      <c r="JM11" s="123">
        <v>1487208</v>
      </c>
      <c r="JN11" s="123">
        <v>705178</v>
      </c>
      <c r="JO11" s="124">
        <v>13192057</v>
      </c>
      <c r="JP11" s="354">
        <v>13192057</v>
      </c>
      <c r="JQ11" s="160">
        <v>0</v>
      </c>
      <c r="JR11" s="123">
        <v>0</v>
      </c>
      <c r="JS11" s="159">
        <v>0</v>
      </c>
      <c r="JT11" s="122">
        <v>0</v>
      </c>
      <c r="JU11" s="123">
        <v>584154</v>
      </c>
      <c r="JV11" s="123">
        <v>1251261</v>
      </c>
      <c r="JW11" s="123">
        <v>1516884</v>
      </c>
      <c r="JX11" s="123">
        <v>323829</v>
      </c>
      <c r="JY11" s="123">
        <v>486734</v>
      </c>
      <c r="JZ11" s="124">
        <v>4162862</v>
      </c>
      <c r="KA11" s="354">
        <v>4162862</v>
      </c>
      <c r="KB11" s="265">
        <v>70729</v>
      </c>
      <c r="KC11" s="259">
        <v>262018</v>
      </c>
      <c r="KD11" s="124">
        <v>332747</v>
      </c>
      <c r="KE11" s="122">
        <v>0</v>
      </c>
      <c r="KF11" s="123">
        <v>1399100</v>
      </c>
      <c r="KG11" s="123">
        <v>1205579</v>
      </c>
      <c r="KH11" s="123">
        <v>1723234</v>
      </c>
      <c r="KI11" s="123">
        <v>1095923</v>
      </c>
      <c r="KJ11" s="123">
        <v>154650</v>
      </c>
      <c r="KK11" s="124">
        <v>5578486</v>
      </c>
      <c r="KL11" s="161">
        <v>5911233</v>
      </c>
      <c r="KM11" s="262">
        <v>0</v>
      </c>
      <c r="KN11" s="269">
        <v>0</v>
      </c>
      <c r="KO11" s="270">
        <v>0</v>
      </c>
      <c r="KP11" s="158">
        <v>0</v>
      </c>
      <c r="KQ11" s="123">
        <v>3164362</v>
      </c>
      <c r="KR11" s="123">
        <v>5991971</v>
      </c>
      <c r="KS11" s="123">
        <v>5877050</v>
      </c>
      <c r="KT11" s="123">
        <v>2788393</v>
      </c>
      <c r="KU11" s="123">
        <v>3401358</v>
      </c>
      <c r="KV11" s="124">
        <v>21223134</v>
      </c>
      <c r="KW11" s="354">
        <v>21223134</v>
      </c>
      <c r="KX11" s="160">
        <v>0</v>
      </c>
      <c r="KY11" s="123">
        <v>0</v>
      </c>
      <c r="KZ11" s="124">
        <v>0</v>
      </c>
      <c r="LA11" s="163">
        <v>0</v>
      </c>
      <c r="LB11" s="123">
        <v>0</v>
      </c>
      <c r="LC11" s="123">
        <v>0</v>
      </c>
      <c r="LD11" s="123">
        <v>0</v>
      </c>
      <c r="LE11" s="123">
        <v>0</v>
      </c>
      <c r="LF11" s="123">
        <v>0</v>
      </c>
      <c r="LG11" s="124">
        <v>0</v>
      </c>
      <c r="LH11" s="125">
        <v>0</v>
      </c>
      <c r="LI11" s="160">
        <v>0</v>
      </c>
      <c r="LJ11" s="123">
        <v>0</v>
      </c>
      <c r="LK11" s="124">
        <v>0</v>
      </c>
      <c r="LL11" s="163"/>
      <c r="LM11" s="123">
        <v>188230</v>
      </c>
      <c r="LN11" s="123">
        <v>0</v>
      </c>
      <c r="LO11" s="123">
        <v>1162997</v>
      </c>
      <c r="LP11" s="123">
        <v>2017266</v>
      </c>
      <c r="LQ11" s="123">
        <v>285947</v>
      </c>
      <c r="LR11" s="124">
        <v>3654440</v>
      </c>
      <c r="LS11" s="354">
        <v>3654440</v>
      </c>
      <c r="LT11" s="160">
        <v>0</v>
      </c>
      <c r="LU11" s="123">
        <v>0</v>
      </c>
      <c r="LV11" s="124">
        <v>0</v>
      </c>
      <c r="LW11" s="163"/>
      <c r="LX11" s="123">
        <v>293511</v>
      </c>
      <c r="LY11" s="123">
        <v>1022187</v>
      </c>
      <c r="LZ11" s="123">
        <v>857323</v>
      </c>
      <c r="MA11" s="123">
        <v>1986200</v>
      </c>
      <c r="MB11" s="123">
        <v>864543</v>
      </c>
      <c r="MC11" s="124">
        <v>5023764</v>
      </c>
      <c r="MD11" s="125">
        <v>5023764</v>
      </c>
      <c r="ME11" s="160">
        <v>0</v>
      </c>
      <c r="MF11" s="123">
        <v>0</v>
      </c>
      <c r="MG11" s="124">
        <v>0</v>
      </c>
      <c r="MH11" s="163"/>
      <c r="MI11" s="123">
        <v>1591726</v>
      </c>
      <c r="MJ11" s="123">
        <v>5418168</v>
      </c>
      <c r="MK11" s="123">
        <v>11379464</v>
      </c>
      <c r="ML11" s="123">
        <v>23947829</v>
      </c>
      <c r="MM11" s="123">
        <v>14636575</v>
      </c>
      <c r="MN11" s="124">
        <v>56973762</v>
      </c>
      <c r="MO11" s="161">
        <v>56973762</v>
      </c>
      <c r="MP11" s="160">
        <v>0</v>
      </c>
      <c r="MQ11" s="123">
        <v>0</v>
      </c>
      <c r="MR11" s="124">
        <v>0</v>
      </c>
      <c r="MS11" s="163"/>
      <c r="MT11" s="123">
        <v>0</v>
      </c>
      <c r="MU11" s="123">
        <v>1413748</v>
      </c>
      <c r="MV11" s="123">
        <v>6473461</v>
      </c>
      <c r="MW11" s="123">
        <v>10997805</v>
      </c>
      <c r="MX11" s="123">
        <v>8029982</v>
      </c>
      <c r="MY11" s="124">
        <v>26914996</v>
      </c>
      <c r="MZ11" s="161">
        <v>26914996</v>
      </c>
      <c r="NA11" s="160">
        <v>0</v>
      </c>
      <c r="NB11" s="123">
        <v>0</v>
      </c>
      <c r="NC11" s="124">
        <v>0</v>
      </c>
      <c r="ND11" s="163"/>
      <c r="NE11" s="123">
        <v>1591726</v>
      </c>
      <c r="NF11" s="123">
        <v>4004420</v>
      </c>
      <c r="NG11" s="123">
        <v>4833551</v>
      </c>
      <c r="NH11" s="123">
        <v>10177768</v>
      </c>
      <c r="NI11" s="123">
        <v>4351699</v>
      </c>
      <c r="NJ11" s="124">
        <v>24959164</v>
      </c>
      <c r="NK11" s="354">
        <v>24959164</v>
      </c>
      <c r="NL11" s="160">
        <v>0</v>
      </c>
      <c r="NM11" s="123">
        <v>0</v>
      </c>
      <c r="NN11" s="124">
        <v>0</v>
      </c>
      <c r="NO11" s="163"/>
      <c r="NP11" s="123">
        <v>0</v>
      </c>
      <c r="NQ11" s="123">
        <v>0</v>
      </c>
      <c r="NR11" s="123">
        <v>72452</v>
      </c>
      <c r="NS11" s="123">
        <v>2461748</v>
      </c>
      <c r="NT11" s="123">
        <v>2254894</v>
      </c>
      <c r="NU11" s="124">
        <v>4789094</v>
      </c>
      <c r="NV11" s="125">
        <v>4789094</v>
      </c>
      <c r="NW11" s="160">
        <v>0</v>
      </c>
      <c r="NX11" s="123">
        <v>0</v>
      </c>
      <c r="NY11" s="124">
        <v>0</v>
      </c>
      <c r="NZ11" s="163"/>
      <c r="OA11" s="123">
        <v>0</v>
      </c>
      <c r="OB11" s="123">
        <v>0</v>
      </c>
      <c r="OC11" s="123">
        <v>0</v>
      </c>
      <c r="OD11" s="123">
        <v>310508</v>
      </c>
      <c r="OE11" s="123">
        <v>0</v>
      </c>
      <c r="OF11" s="124">
        <v>310508</v>
      </c>
      <c r="OG11" s="125">
        <v>310508</v>
      </c>
      <c r="OH11" s="160">
        <v>3308138</v>
      </c>
      <c r="OI11" s="123">
        <v>5706140</v>
      </c>
      <c r="OJ11" s="159">
        <v>9014278</v>
      </c>
      <c r="OK11" s="122">
        <v>0</v>
      </c>
      <c r="OL11" s="123">
        <v>54769435</v>
      </c>
      <c r="OM11" s="123">
        <v>67880740</v>
      </c>
      <c r="ON11" s="123">
        <v>71258073</v>
      </c>
      <c r="OO11" s="123">
        <v>89745765</v>
      </c>
      <c r="OP11" s="123">
        <v>60585648</v>
      </c>
      <c r="OQ11" s="124">
        <v>344239661</v>
      </c>
      <c r="OR11" s="161">
        <v>353253939</v>
      </c>
    </row>
    <row r="12" spans="1:408" ht="20.25" customHeight="1" x14ac:dyDescent="0.2">
      <c r="A12" s="130" t="s">
        <v>14</v>
      </c>
      <c r="B12" s="113">
        <v>922985</v>
      </c>
      <c r="C12" s="117">
        <v>2764091</v>
      </c>
      <c r="D12" s="116">
        <v>3687076</v>
      </c>
      <c r="E12" s="112">
        <v>0</v>
      </c>
      <c r="F12" s="117">
        <v>12165333</v>
      </c>
      <c r="G12" s="117">
        <v>16397544</v>
      </c>
      <c r="H12" s="117">
        <v>17084243</v>
      </c>
      <c r="I12" s="117">
        <v>18690985</v>
      </c>
      <c r="J12" s="117">
        <v>12057637</v>
      </c>
      <c r="K12" s="115">
        <v>76395742</v>
      </c>
      <c r="L12" s="119">
        <v>80082818</v>
      </c>
      <c r="M12" s="113">
        <v>229473</v>
      </c>
      <c r="N12" s="117">
        <v>861126</v>
      </c>
      <c r="O12" s="116">
        <v>1090599</v>
      </c>
      <c r="P12" s="113">
        <v>0</v>
      </c>
      <c r="Q12" s="117">
        <v>3766458</v>
      </c>
      <c r="R12" s="117">
        <v>4729793</v>
      </c>
      <c r="S12" s="117">
        <v>5872437</v>
      </c>
      <c r="T12" s="117">
        <v>6701935</v>
      </c>
      <c r="U12" s="117">
        <v>6266879</v>
      </c>
      <c r="V12" s="116">
        <v>27337502</v>
      </c>
      <c r="W12" s="119">
        <v>28428101</v>
      </c>
      <c r="X12" s="113">
        <v>0</v>
      </c>
      <c r="Y12" s="117">
        <v>0</v>
      </c>
      <c r="Z12" s="116">
        <v>0</v>
      </c>
      <c r="AA12" s="113">
        <v>0</v>
      </c>
      <c r="AB12" s="117">
        <v>1769226</v>
      </c>
      <c r="AC12" s="117">
        <v>2004645</v>
      </c>
      <c r="AD12" s="117">
        <v>3242103</v>
      </c>
      <c r="AE12" s="117">
        <v>3142652</v>
      </c>
      <c r="AF12" s="117">
        <v>3160482</v>
      </c>
      <c r="AG12" s="116">
        <v>13319108</v>
      </c>
      <c r="AH12" s="119">
        <v>13319108</v>
      </c>
      <c r="AI12" s="113">
        <v>0</v>
      </c>
      <c r="AJ12" s="117">
        <v>0</v>
      </c>
      <c r="AK12" s="116">
        <v>0</v>
      </c>
      <c r="AL12" s="113">
        <v>0</v>
      </c>
      <c r="AM12" s="117">
        <v>0</v>
      </c>
      <c r="AN12" s="117">
        <v>0</v>
      </c>
      <c r="AO12" s="117">
        <v>124926</v>
      </c>
      <c r="AP12" s="117">
        <v>656914</v>
      </c>
      <c r="AQ12" s="117">
        <v>988028</v>
      </c>
      <c r="AR12" s="116">
        <v>1769868</v>
      </c>
      <c r="AS12" s="119">
        <v>1769868</v>
      </c>
      <c r="AT12" s="113">
        <v>81437</v>
      </c>
      <c r="AU12" s="117">
        <v>543203</v>
      </c>
      <c r="AV12" s="116">
        <v>624640</v>
      </c>
      <c r="AW12" s="113">
        <v>0</v>
      </c>
      <c r="AX12" s="117">
        <v>1284936</v>
      </c>
      <c r="AY12" s="117">
        <v>1869639</v>
      </c>
      <c r="AZ12" s="117">
        <v>1472503</v>
      </c>
      <c r="BA12" s="117">
        <v>1737321</v>
      </c>
      <c r="BB12" s="117">
        <v>1435464</v>
      </c>
      <c r="BC12" s="116">
        <v>7799863</v>
      </c>
      <c r="BD12" s="119">
        <v>8424503</v>
      </c>
      <c r="BE12" s="113">
        <v>0</v>
      </c>
      <c r="BF12" s="117">
        <v>69528</v>
      </c>
      <c r="BG12" s="115">
        <v>69528</v>
      </c>
      <c r="BH12" s="114">
        <v>0</v>
      </c>
      <c r="BI12" s="117">
        <v>38238</v>
      </c>
      <c r="BJ12" s="117">
        <v>115525</v>
      </c>
      <c r="BK12" s="117">
        <v>193094</v>
      </c>
      <c r="BL12" s="117">
        <v>73784</v>
      </c>
      <c r="BM12" s="117">
        <v>18200</v>
      </c>
      <c r="BN12" s="116">
        <v>438841</v>
      </c>
      <c r="BO12" s="119">
        <v>508369</v>
      </c>
      <c r="BP12" s="113">
        <v>148036</v>
      </c>
      <c r="BQ12" s="117">
        <v>248395</v>
      </c>
      <c r="BR12" s="116">
        <v>396431</v>
      </c>
      <c r="BS12" s="113">
        <v>0</v>
      </c>
      <c r="BT12" s="117">
        <v>674058</v>
      </c>
      <c r="BU12" s="117">
        <v>739984</v>
      </c>
      <c r="BV12" s="117">
        <v>839811</v>
      </c>
      <c r="BW12" s="117">
        <v>1091264</v>
      </c>
      <c r="BX12" s="117">
        <v>664705</v>
      </c>
      <c r="BY12" s="116">
        <v>4009822</v>
      </c>
      <c r="BZ12" s="119">
        <v>4406253</v>
      </c>
      <c r="CA12" s="113">
        <v>55499</v>
      </c>
      <c r="CB12" s="117">
        <v>166384</v>
      </c>
      <c r="CC12" s="116">
        <v>221883</v>
      </c>
      <c r="CD12" s="113">
        <v>0</v>
      </c>
      <c r="CE12" s="117">
        <v>4596422</v>
      </c>
      <c r="CF12" s="117">
        <v>4646148</v>
      </c>
      <c r="CG12" s="117">
        <v>3627837</v>
      </c>
      <c r="CH12" s="117">
        <v>2831675</v>
      </c>
      <c r="CI12" s="117">
        <v>1068444</v>
      </c>
      <c r="CJ12" s="116">
        <v>16770526</v>
      </c>
      <c r="CK12" s="119">
        <v>16992409</v>
      </c>
      <c r="CL12" s="113">
        <v>0</v>
      </c>
      <c r="CM12" s="117">
        <v>0</v>
      </c>
      <c r="CN12" s="116">
        <v>0</v>
      </c>
      <c r="CO12" s="114">
        <v>0</v>
      </c>
      <c r="CP12" s="117">
        <v>4339871</v>
      </c>
      <c r="CQ12" s="117">
        <v>3791484</v>
      </c>
      <c r="CR12" s="117">
        <v>3145481</v>
      </c>
      <c r="CS12" s="117">
        <v>2001416</v>
      </c>
      <c r="CT12" s="117">
        <v>963844</v>
      </c>
      <c r="CU12" s="116">
        <v>14242096</v>
      </c>
      <c r="CV12" s="119">
        <v>14242096</v>
      </c>
      <c r="CW12" s="113">
        <v>55499</v>
      </c>
      <c r="CX12" s="117">
        <v>166384</v>
      </c>
      <c r="CY12" s="116">
        <v>221883</v>
      </c>
      <c r="CZ12" s="113">
        <v>0</v>
      </c>
      <c r="DA12" s="117">
        <v>256551</v>
      </c>
      <c r="DB12" s="117">
        <v>854664</v>
      </c>
      <c r="DC12" s="117">
        <v>482356</v>
      </c>
      <c r="DD12" s="117">
        <v>830259</v>
      </c>
      <c r="DE12" s="117">
        <v>104600</v>
      </c>
      <c r="DF12" s="116">
        <v>2528430</v>
      </c>
      <c r="DG12" s="119">
        <v>2750313</v>
      </c>
      <c r="DH12" s="113">
        <v>28503</v>
      </c>
      <c r="DI12" s="117">
        <v>0</v>
      </c>
      <c r="DJ12" s="115">
        <v>28503</v>
      </c>
      <c r="DK12" s="114">
        <v>0</v>
      </c>
      <c r="DL12" s="117">
        <v>241280</v>
      </c>
      <c r="DM12" s="117">
        <v>1162353</v>
      </c>
      <c r="DN12" s="117">
        <v>1425355</v>
      </c>
      <c r="DO12" s="117">
        <v>1731499</v>
      </c>
      <c r="DP12" s="117">
        <v>948683</v>
      </c>
      <c r="DQ12" s="116">
        <v>5509170</v>
      </c>
      <c r="DR12" s="119">
        <v>5537673</v>
      </c>
      <c r="DS12" s="113">
        <v>28503</v>
      </c>
      <c r="DT12" s="117">
        <v>0</v>
      </c>
      <c r="DU12" s="116">
        <v>28503</v>
      </c>
      <c r="DV12" s="113">
        <v>0</v>
      </c>
      <c r="DW12" s="117">
        <v>241280</v>
      </c>
      <c r="DX12" s="117">
        <v>1123506</v>
      </c>
      <c r="DY12" s="117">
        <v>1281492</v>
      </c>
      <c r="DZ12" s="117">
        <v>1646284</v>
      </c>
      <c r="EA12" s="117">
        <v>818560</v>
      </c>
      <c r="EB12" s="116">
        <v>5111122</v>
      </c>
      <c r="EC12" s="119">
        <v>5139625</v>
      </c>
      <c r="ED12" s="113">
        <v>0</v>
      </c>
      <c r="EE12" s="115">
        <v>0</v>
      </c>
      <c r="EF12" s="116">
        <v>0</v>
      </c>
      <c r="EG12" s="113">
        <v>0</v>
      </c>
      <c r="EH12" s="117">
        <v>0</v>
      </c>
      <c r="EI12" s="117">
        <v>38847</v>
      </c>
      <c r="EJ12" s="117">
        <v>143863</v>
      </c>
      <c r="EK12" s="117">
        <v>85215</v>
      </c>
      <c r="EL12" s="117">
        <v>130123</v>
      </c>
      <c r="EM12" s="115">
        <v>398048</v>
      </c>
      <c r="EN12" s="119">
        <v>398048</v>
      </c>
      <c r="EO12" s="113">
        <v>0</v>
      </c>
      <c r="EP12" s="117">
        <v>0</v>
      </c>
      <c r="EQ12" s="115">
        <v>0</v>
      </c>
      <c r="ER12" s="114">
        <v>0</v>
      </c>
      <c r="ES12" s="117">
        <v>0</v>
      </c>
      <c r="ET12" s="117">
        <v>0</v>
      </c>
      <c r="EU12" s="117">
        <v>0</v>
      </c>
      <c r="EV12" s="117">
        <v>0</v>
      </c>
      <c r="EW12" s="117">
        <v>0</v>
      </c>
      <c r="EX12" s="116">
        <v>0</v>
      </c>
      <c r="EY12" s="119">
        <v>0</v>
      </c>
      <c r="EZ12" s="113">
        <v>0</v>
      </c>
      <c r="FA12" s="117">
        <v>0</v>
      </c>
      <c r="FB12" s="115">
        <v>0</v>
      </c>
      <c r="FC12" s="387"/>
      <c r="FD12" s="117">
        <v>0</v>
      </c>
      <c r="FE12" s="117">
        <v>0</v>
      </c>
      <c r="FF12" s="117">
        <v>0</v>
      </c>
      <c r="FG12" s="117">
        <v>0</v>
      </c>
      <c r="FH12" s="117">
        <v>0</v>
      </c>
      <c r="FI12" s="116">
        <v>0</v>
      </c>
      <c r="FJ12" s="119">
        <v>0</v>
      </c>
      <c r="FK12" s="113">
        <v>160167</v>
      </c>
      <c r="FL12" s="117">
        <v>458179</v>
      </c>
      <c r="FM12" s="116">
        <v>618346</v>
      </c>
      <c r="FN12" s="113">
        <v>0</v>
      </c>
      <c r="FO12" s="117">
        <v>533407</v>
      </c>
      <c r="FP12" s="117">
        <v>1585717</v>
      </c>
      <c r="FQ12" s="117">
        <v>1422750</v>
      </c>
      <c r="FR12" s="117">
        <v>1647246</v>
      </c>
      <c r="FS12" s="117">
        <v>1064451</v>
      </c>
      <c r="FT12" s="116">
        <v>6253571</v>
      </c>
      <c r="FU12" s="119">
        <v>6871917</v>
      </c>
      <c r="FV12" s="118">
        <v>137389</v>
      </c>
      <c r="FW12" s="117">
        <v>425243</v>
      </c>
      <c r="FX12" s="115">
        <v>562632</v>
      </c>
      <c r="FY12" s="114">
        <v>0</v>
      </c>
      <c r="FZ12" s="117">
        <v>402619</v>
      </c>
      <c r="GA12" s="117">
        <v>1509487</v>
      </c>
      <c r="GB12" s="117">
        <v>1327270</v>
      </c>
      <c r="GC12" s="117">
        <v>1401854</v>
      </c>
      <c r="GD12" s="117">
        <v>966661</v>
      </c>
      <c r="GE12" s="116">
        <v>5607891</v>
      </c>
      <c r="GF12" s="351">
        <v>6170523</v>
      </c>
      <c r="GG12" s="118">
        <v>0</v>
      </c>
      <c r="GH12" s="117">
        <v>32936</v>
      </c>
      <c r="GI12" s="115">
        <v>32936</v>
      </c>
      <c r="GJ12" s="114">
        <v>0</v>
      </c>
      <c r="GK12" s="117">
        <v>16450</v>
      </c>
      <c r="GL12" s="117">
        <v>26530</v>
      </c>
      <c r="GM12" s="117">
        <v>63280</v>
      </c>
      <c r="GN12" s="117">
        <v>150892</v>
      </c>
      <c r="GO12" s="117">
        <v>0</v>
      </c>
      <c r="GP12" s="116">
        <v>257152</v>
      </c>
      <c r="GQ12" s="119">
        <v>290088</v>
      </c>
      <c r="GR12" s="113">
        <v>22778</v>
      </c>
      <c r="GS12" s="117">
        <v>0</v>
      </c>
      <c r="GT12" s="116">
        <v>22778</v>
      </c>
      <c r="GU12" s="113">
        <v>0</v>
      </c>
      <c r="GV12" s="117">
        <v>114338</v>
      </c>
      <c r="GW12" s="117">
        <v>49700</v>
      </c>
      <c r="GX12" s="117">
        <v>32200</v>
      </c>
      <c r="GY12" s="117">
        <v>94500</v>
      </c>
      <c r="GZ12" s="117">
        <v>97790</v>
      </c>
      <c r="HA12" s="115">
        <v>388528</v>
      </c>
      <c r="HB12" s="119">
        <v>411306</v>
      </c>
      <c r="HC12" s="113">
        <v>449343</v>
      </c>
      <c r="HD12" s="117">
        <v>1278402</v>
      </c>
      <c r="HE12" s="115">
        <v>1727745</v>
      </c>
      <c r="HF12" s="114">
        <v>0</v>
      </c>
      <c r="HG12" s="117">
        <v>3027766</v>
      </c>
      <c r="HH12" s="117">
        <v>4273533</v>
      </c>
      <c r="HI12" s="117">
        <v>4735864</v>
      </c>
      <c r="HJ12" s="117">
        <v>5778630</v>
      </c>
      <c r="HK12" s="117">
        <v>2709180</v>
      </c>
      <c r="HL12" s="116">
        <v>20524973</v>
      </c>
      <c r="HM12" s="112">
        <v>22252718</v>
      </c>
      <c r="HN12" s="367"/>
      <c r="HO12" s="368"/>
      <c r="HP12" s="369"/>
      <c r="HQ12" s="370"/>
      <c r="HR12" s="368"/>
      <c r="HS12" s="368"/>
      <c r="HT12" s="368"/>
      <c r="HU12" s="368"/>
      <c r="HV12" s="368"/>
      <c r="HW12" s="371"/>
      <c r="HX12" s="372"/>
      <c r="HY12" s="149">
        <v>0</v>
      </c>
      <c r="HZ12" s="150">
        <v>0</v>
      </c>
      <c r="IA12" s="151">
        <v>0</v>
      </c>
      <c r="IB12" s="152">
        <v>0</v>
      </c>
      <c r="IC12" s="153">
        <v>3756720</v>
      </c>
      <c r="ID12" s="154">
        <v>5409177</v>
      </c>
      <c r="IE12" s="155">
        <v>5388212</v>
      </c>
      <c r="IF12" s="153">
        <v>4123103</v>
      </c>
      <c r="IG12" s="155">
        <v>1772216</v>
      </c>
      <c r="IH12" s="156">
        <v>20449428</v>
      </c>
      <c r="II12" s="157">
        <v>20449428</v>
      </c>
      <c r="IJ12" s="262">
        <v>0</v>
      </c>
      <c r="IK12" s="269">
        <v>0</v>
      </c>
      <c r="IL12" s="270">
        <v>0</v>
      </c>
      <c r="IM12" s="158"/>
      <c r="IN12" s="123">
        <v>0</v>
      </c>
      <c r="IO12" s="123">
        <v>108523</v>
      </c>
      <c r="IP12" s="123">
        <v>169667</v>
      </c>
      <c r="IQ12" s="123">
        <v>204936</v>
      </c>
      <c r="IR12" s="123">
        <v>624407</v>
      </c>
      <c r="IS12" s="159">
        <v>1107533</v>
      </c>
      <c r="IT12" s="354">
        <v>1107533</v>
      </c>
      <c r="IU12" s="160">
        <v>0</v>
      </c>
      <c r="IV12" s="123">
        <v>0</v>
      </c>
      <c r="IW12" s="124">
        <v>0</v>
      </c>
      <c r="IX12" s="162"/>
      <c r="IY12" s="123">
        <v>0</v>
      </c>
      <c r="IZ12" s="123">
        <v>8839</v>
      </c>
      <c r="JA12" s="123">
        <v>0</v>
      </c>
      <c r="JB12" s="123">
        <v>8839</v>
      </c>
      <c r="JC12" s="123">
        <v>0</v>
      </c>
      <c r="JD12" s="124">
        <v>17678</v>
      </c>
      <c r="JE12" s="125">
        <v>17678</v>
      </c>
      <c r="JF12" s="160">
        <v>0</v>
      </c>
      <c r="JG12" s="123">
        <v>0</v>
      </c>
      <c r="JH12" s="159">
        <v>0</v>
      </c>
      <c r="JI12" s="122">
        <v>0</v>
      </c>
      <c r="JJ12" s="123">
        <v>1556036</v>
      </c>
      <c r="JK12" s="123">
        <v>1704277</v>
      </c>
      <c r="JL12" s="123">
        <v>2063823</v>
      </c>
      <c r="JM12" s="123">
        <v>365769</v>
      </c>
      <c r="JN12" s="123">
        <v>120958</v>
      </c>
      <c r="JO12" s="124">
        <v>5810863</v>
      </c>
      <c r="JP12" s="354">
        <v>5810863</v>
      </c>
      <c r="JQ12" s="160">
        <v>0</v>
      </c>
      <c r="JR12" s="123">
        <v>0</v>
      </c>
      <c r="JS12" s="159">
        <v>0</v>
      </c>
      <c r="JT12" s="122">
        <v>0</v>
      </c>
      <c r="JU12" s="123">
        <v>83238</v>
      </c>
      <c r="JV12" s="123">
        <v>44420</v>
      </c>
      <c r="JW12" s="123">
        <v>33235</v>
      </c>
      <c r="JX12" s="123">
        <v>71179</v>
      </c>
      <c r="JY12" s="123">
        <v>106997</v>
      </c>
      <c r="JZ12" s="124">
        <v>339069</v>
      </c>
      <c r="KA12" s="354">
        <v>339069</v>
      </c>
      <c r="KB12" s="265">
        <v>0</v>
      </c>
      <c r="KC12" s="259">
        <v>0</v>
      </c>
      <c r="KD12" s="124">
        <v>0</v>
      </c>
      <c r="KE12" s="122">
        <v>0</v>
      </c>
      <c r="KF12" s="123">
        <v>173505</v>
      </c>
      <c r="KG12" s="123">
        <v>1129420</v>
      </c>
      <c r="KH12" s="123">
        <v>941276</v>
      </c>
      <c r="KI12" s="123">
        <v>620656</v>
      </c>
      <c r="KJ12" s="123">
        <v>249603</v>
      </c>
      <c r="KK12" s="124">
        <v>3114460</v>
      </c>
      <c r="KL12" s="161">
        <v>3114460</v>
      </c>
      <c r="KM12" s="262">
        <v>0</v>
      </c>
      <c r="KN12" s="269">
        <v>0</v>
      </c>
      <c r="KO12" s="270">
        <v>0</v>
      </c>
      <c r="KP12" s="158">
        <v>0</v>
      </c>
      <c r="KQ12" s="123">
        <v>1823923</v>
      </c>
      <c r="KR12" s="123">
        <v>1895761</v>
      </c>
      <c r="KS12" s="123">
        <v>2180211</v>
      </c>
      <c r="KT12" s="123">
        <v>2242677</v>
      </c>
      <c r="KU12" s="123">
        <v>670251</v>
      </c>
      <c r="KV12" s="124">
        <v>8812823</v>
      </c>
      <c r="KW12" s="354">
        <v>8812823</v>
      </c>
      <c r="KX12" s="160">
        <v>0</v>
      </c>
      <c r="KY12" s="123">
        <v>0</v>
      </c>
      <c r="KZ12" s="124">
        <v>0</v>
      </c>
      <c r="LA12" s="163">
        <v>0</v>
      </c>
      <c r="LB12" s="123">
        <v>0</v>
      </c>
      <c r="LC12" s="123">
        <v>0</v>
      </c>
      <c r="LD12" s="123">
        <v>0</v>
      </c>
      <c r="LE12" s="123">
        <v>0</v>
      </c>
      <c r="LF12" s="123">
        <v>0</v>
      </c>
      <c r="LG12" s="124">
        <v>0</v>
      </c>
      <c r="LH12" s="125">
        <v>0</v>
      </c>
      <c r="LI12" s="160">
        <v>0</v>
      </c>
      <c r="LJ12" s="123">
        <v>0</v>
      </c>
      <c r="LK12" s="124">
        <v>0</v>
      </c>
      <c r="LL12" s="163"/>
      <c r="LM12" s="123">
        <v>0</v>
      </c>
      <c r="LN12" s="123">
        <v>182059</v>
      </c>
      <c r="LO12" s="123">
        <v>0</v>
      </c>
      <c r="LP12" s="123">
        <v>0</v>
      </c>
      <c r="LQ12" s="123">
        <v>0</v>
      </c>
      <c r="LR12" s="124">
        <v>182059</v>
      </c>
      <c r="LS12" s="354">
        <v>182059</v>
      </c>
      <c r="LT12" s="160">
        <v>0</v>
      </c>
      <c r="LU12" s="123">
        <v>0</v>
      </c>
      <c r="LV12" s="124">
        <v>0</v>
      </c>
      <c r="LW12" s="163"/>
      <c r="LX12" s="123">
        <v>120018</v>
      </c>
      <c r="LY12" s="123">
        <v>335878</v>
      </c>
      <c r="LZ12" s="123">
        <v>0</v>
      </c>
      <c r="MA12" s="123">
        <v>609047</v>
      </c>
      <c r="MB12" s="123">
        <v>0</v>
      </c>
      <c r="MC12" s="124">
        <v>1064943</v>
      </c>
      <c r="MD12" s="125">
        <v>1064943</v>
      </c>
      <c r="ME12" s="160">
        <v>0</v>
      </c>
      <c r="MF12" s="123">
        <v>0</v>
      </c>
      <c r="MG12" s="124">
        <v>0</v>
      </c>
      <c r="MH12" s="163"/>
      <c r="MI12" s="123">
        <v>678109</v>
      </c>
      <c r="MJ12" s="123">
        <v>1370183</v>
      </c>
      <c r="MK12" s="123">
        <v>6290905</v>
      </c>
      <c r="ML12" s="123">
        <v>10127267</v>
      </c>
      <c r="MM12" s="123">
        <v>5746851</v>
      </c>
      <c r="MN12" s="124">
        <v>24213315</v>
      </c>
      <c r="MO12" s="161">
        <v>24213315</v>
      </c>
      <c r="MP12" s="160">
        <v>0</v>
      </c>
      <c r="MQ12" s="123">
        <v>0</v>
      </c>
      <c r="MR12" s="124">
        <v>0</v>
      </c>
      <c r="MS12" s="163"/>
      <c r="MT12" s="123">
        <v>0</v>
      </c>
      <c r="MU12" s="123">
        <v>0</v>
      </c>
      <c r="MV12" s="123">
        <v>3514951</v>
      </c>
      <c r="MW12" s="123">
        <v>7054803</v>
      </c>
      <c r="MX12" s="123">
        <v>4316979</v>
      </c>
      <c r="MY12" s="124">
        <v>14886733</v>
      </c>
      <c r="MZ12" s="161">
        <v>14886733</v>
      </c>
      <c r="NA12" s="160">
        <v>0</v>
      </c>
      <c r="NB12" s="123">
        <v>0</v>
      </c>
      <c r="NC12" s="124">
        <v>0</v>
      </c>
      <c r="ND12" s="163"/>
      <c r="NE12" s="123">
        <v>678109</v>
      </c>
      <c r="NF12" s="123">
        <v>1370183</v>
      </c>
      <c r="NG12" s="123">
        <v>2477759</v>
      </c>
      <c r="NH12" s="123">
        <v>2713304</v>
      </c>
      <c r="NI12" s="123">
        <v>1075072</v>
      </c>
      <c r="NJ12" s="124">
        <v>8314427</v>
      </c>
      <c r="NK12" s="354">
        <v>8314427</v>
      </c>
      <c r="NL12" s="160">
        <v>0</v>
      </c>
      <c r="NM12" s="123">
        <v>0</v>
      </c>
      <c r="NN12" s="124">
        <v>0</v>
      </c>
      <c r="NO12" s="163"/>
      <c r="NP12" s="123">
        <v>0</v>
      </c>
      <c r="NQ12" s="123">
        <v>0</v>
      </c>
      <c r="NR12" s="123">
        <v>0</v>
      </c>
      <c r="NS12" s="123">
        <v>43781</v>
      </c>
      <c r="NT12" s="123">
        <v>0</v>
      </c>
      <c r="NU12" s="124">
        <v>43781</v>
      </c>
      <c r="NV12" s="125">
        <v>43781</v>
      </c>
      <c r="NW12" s="160">
        <v>0</v>
      </c>
      <c r="NX12" s="123">
        <v>0</v>
      </c>
      <c r="NY12" s="124">
        <v>0</v>
      </c>
      <c r="NZ12" s="163"/>
      <c r="OA12" s="123">
        <v>0</v>
      </c>
      <c r="OB12" s="123">
        <v>0</v>
      </c>
      <c r="OC12" s="123">
        <v>298195</v>
      </c>
      <c r="OD12" s="123">
        <v>315379</v>
      </c>
      <c r="OE12" s="123">
        <v>354800</v>
      </c>
      <c r="OF12" s="124">
        <v>968374</v>
      </c>
      <c r="OG12" s="125">
        <v>968374</v>
      </c>
      <c r="OH12" s="160">
        <v>922985</v>
      </c>
      <c r="OI12" s="123">
        <v>2764091</v>
      </c>
      <c r="OJ12" s="159">
        <v>3687076</v>
      </c>
      <c r="OK12" s="122">
        <v>0</v>
      </c>
      <c r="OL12" s="123">
        <v>16600162</v>
      </c>
      <c r="OM12" s="123">
        <v>23176904</v>
      </c>
      <c r="ON12" s="123">
        <v>28763360</v>
      </c>
      <c r="OO12" s="123">
        <v>32941355</v>
      </c>
      <c r="OP12" s="123">
        <v>19576704</v>
      </c>
      <c r="OQ12" s="124">
        <v>121058485</v>
      </c>
      <c r="OR12" s="161">
        <v>124745561</v>
      </c>
    </row>
    <row r="13" spans="1:408" ht="20.25" customHeight="1" x14ac:dyDescent="0.2">
      <c r="A13" s="130" t="s">
        <v>7</v>
      </c>
      <c r="B13" s="113">
        <v>1021727</v>
      </c>
      <c r="C13" s="117">
        <v>673888</v>
      </c>
      <c r="D13" s="116">
        <v>1695615</v>
      </c>
      <c r="E13" s="112">
        <v>0</v>
      </c>
      <c r="F13" s="117">
        <v>11274384</v>
      </c>
      <c r="G13" s="117">
        <v>11459950</v>
      </c>
      <c r="H13" s="117">
        <v>9658368</v>
      </c>
      <c r="I13" s="117">
        <v>7402225</v>
      </c>
      <c r="J13" s="117">
        <v>6218968</v>
      </c>
      <c r="K13" s="112">
        <v>46013895</v>
      </c>
      <c r="L13" s="119">
        <v>47709510</v>
      </c>
      <c r="M13" s="113">
        <v>138579</v>
      </c>
      <c r="N13" s="117">
        <v>91568</v>
      </c>
      <c r="O13" s="116">
        <v>230147</v>
      </c>
      <c r="P13" s="113">
        <v>0</v>
      </c>
      <c r="Q13" s="117">
        <v>3161877</v>
      </c>
      <c r="R13" s="117">
        <v>4195449</v>
      </c>
      <c r="S13" s="117">
        <v>3027627</v>
      </c>
      <c r="T13" s="117">
        <v>1862206</v>
      </c>
      <c r="U13" s="117">
        <v>3214558</v>
      </c>
      <c r="V13" s="116">
        <v>15461717</v>
      </c>
      <c r="W13" s="119">
        <v>15691864</v>
      </c>
      <c r="X13" s="113">
        <v>0</v>
      </c>
      <c r="Y13" s="117">
        <v>0</v>
      </c>
      <c r="Z13" s="116">
        <v>0</v>
      </c>
      <c r="AA13" s="113">
        <v>0</v>
      </c>
      <c r="AB13" s="117">
        <v>1297893</v>
      </c>
      <c r="AC13" s="117">
        <v>1748224</v>
      </c>
      <c r="AD13" s="117">
        <v>2133033</v>
      </c>
      <c r="AE13" s="117">
        <v>996732</v>
      </c>
      <c r="AF13" s="117">
        <v>1568128</v>
      </c>
      <c r="AG13" s="116">
        <v>7744010</v>
      </c>
      <c r="AH13" s="119">
        <v>7744010</v>
      </c>
      <c r="AI13" s="113">
        <v>0</v>
      </c>
      <c r="AJ13" s="117">
        <v>0</v>
      </c>
      <c r="AK13" s="116">
        <v>0</v>
      </c>
      <c r="AL13" s="113">
        <v>0</v>
      </c>
      <c r="AM13" s="117">
        <v>121516</v>
      </c>
      <c r="AN13" s="117">
        <v>91137</v>
      </c>
      <c r="AO13" s="117">
        <v>20252</v>
      </c>
      <c r="AP13" s="117">
        <v>50632</v>
      </c>
      <c r="AQ13" s="117">
        <v>547617</v>
      </c>
      <c r="AR13" s="116">
        <v>831154</v>
      </c>
      <c r="AS13" s="119">
        <v>831154</v>
      </c>
      <c r="AT13" s="113">
        <v>0</v>
      </c>
      <c r="AU13" s="117">
        <v>33650</v>
      </c>
      <c r="AV13" s="116">
        <v>33650</v>
      </c>
      <c r="AW13" s="113">
        <v>0</v>
      </c>
      <c r="AX13" s="117">
        <v>1019436</v>
      </c>
      <c r="AY13" s="117">
        <v>1553388</v>
      </c>
      <c r="AZ13" s="117">
        <v>400368</v>
      </c>
      <c r="BA13" s="117">
        <v>385977</v>
      </c>
      <c r="BB13" s="117">
        <v>750417</v>
      </c>
      <c r="BC13" s="116">
        <v>4109586</v>
      </c>
      <c r="BD13" s="119">
        <v>4143236</v>
      </c>
      <c r="BE13" s="113">
        <v>0</v>
      </c>
      <c r="BF13" s="117">
        <v>0</v>
      </c>
      <c r="BG13" s="115">
        <v>0</v>
      </c>
      <c r="BH13" s="114">
        <v>0</v>
      </c>
      <c r="BI13" s="117">
        <v>119723</v>
      </c>
      <c r="BJ13" s="117">
        <v>194596</v>
      </c>
      <c r="BK13" s="117">
        <v>32736</v>
      </c>
      <c r="BL13" s="117">
        <v>60098</v>
      </c>
      <c r="BM13" s="117">
        <v>46612</v>
      </c>
      <c r="BN13" s="116">
        <v>453765</v>
      </c>
      <c r="BO13" s="119">
        <v>453765</v>
      </c>
      <c r="BP13" s="113">
        <v>138579</v>
      </c>
      <c r="BQ13" s="117">
        <v>57918</v>
      </c>
      <c r="BR13" s="116">
        <v>196497</v>
      </c>
      <c r="BS13" s="113">
        <v>0</v>
      </c>
      <c r="BT13" s="117">
        <v>603309</v>
      </c>
      <c r="BU13" s="117">
        <v>608104</v>
      </c>
      <c r="BV13" s="117">
        <v>441238</v>
      </c>
      <c r="BW13" s="117">
        <v>368767</v>
      </c>
      <c r="BX13" s="117">
        <v>301784</v>
      </c>
      <c r="BY13" s="116">
        <v>2323202</v>
      </c>
      <c r="BZ13" s="119">
        <v>2519699</v>
      </c>
      <c r="CA13" s="113">
        <v>19230</v>
      </c>
      <c r="CB13" s="117">
        <v>100640</v>
      </c>
      <c r="CC13" s="116">
        <v>119870</v>
      </c>
      <c r="CD13" s="113">
        <v>0</v>
      </c>
      <c r="CE13" s="117">
        <v>3325532</v>
      </c>
      <c r="CF13" s="117">
        <v>2315366</v>
      </c>
      <c r="CG13" s="117">
        <v>1373557</v>
      </c>
      <c r="CH13" s="117">
        <v>504408</v>
      </c>
      <c r="CI13" s="117">
        <v>382131</v>
      </c>
      <c r="CJ13" s="116">
        <v>7900994</v>
      </c>
      <c r="CK13" s="119">
        <v>8020864</v>
      </c>
      <c r="CL13" s="113">
        <v>0</v>
      </c>
      <c r="CM13" s="117">
        <v>0</v>
      </c>
      <c r="CN13" s="116">
        <v>0</v>
      </c>
      <c r="CO13" s="114">
        <v>0</v>
      </c>
      <c r="CP13" s="117">
        <v>2442188</v>
      </c>
      <c r="CQ13" s="117">
        <v>1688234</v>
      </c>
      <c r="CR13" s="117">
        <v>685660</v>
      </c>
      <c r="CS13" s="117">
        <v>363252</v>
      </c>
      <c r="CT13" s="117">
        <v>200501</v>
      </c>
      <c r="CU13" s="116">
        <v>5379835</v>
      </c>
      <c r="CV13" s="119">
        <v>5379835</v>
      </c>
      <c r="CW13" s="113">
        <v>19230</v>
      </c>
      <c r="CX13" s="117">
        <v>100640</v>
      </c>
      <c r="CY13" s="116">
        <v>119870</v>
      </c>
      <c r="CZ13" s="113">
        <v>0</v>
      </c>
      <c r="DA13" s="117">
        <v>883344</v>
      </c>
      <c r="DB13" s="117">
        <v>627132</v>
      </c>
      <c r="DC13" s="117">
        <v>687897</v>
      </c>
      <c r="DD13" s="117">
        <v>141156</v>
      </c>
      <c r="DE13" s="117">
        <v>181630</v>
      </c>
      <c r="DF13" s="116">
        <v>2521159</v>
      </c>
      <c r="DG13" s="119">
        <v>2641029</v>
      </c>
      <c r="DH13" s="113">
        <v>0</v>
      </c>
      <c r="DI13" s="117">
        <v>0</v>
      </c>
      <c r="DJ13" s="115">
        <v>0</v>
      </c>
      <c r="DK13" s="114">
        <v>0</v>
      </c>
      <c r="DL13" s="117">
        <v>325830</v>
      </c>
      <c r="DM13" s="117">
        <v>551951</v>
      </c>
      <c r="DN13" s="117">
        <v>846002</v>
      </c>
      <c r="DO13" s="117">
        <v>730471</v>
      </c>
      <c r="DP13" s="117">
        <v>177815</v>
      </c>
      <c r="DQ13" s="116">
        <v>2632069</v>
      </c>
      <c r="DR13" s="119">
        <v>2632069</v>
      </c>
      <c r="DS13" s="113">
        <v>0</v>
      </c>
      <c r="DT13" s="117">
        <v>0</v>
      </c>
      <c r="DU13" s="116">
        <v>0</v>
      </c>
      <c r="DV13" s="113">
        <v>0</v>
      </c>
      <c r="DW13" s="117">
        <v>301293</v>
      </c>
      <c r="DX13" s="117">
        <v>403567</v>
      </c>
      <c r="DY13" s="117">
        <v>846002</v>
      </c>
      <c r="DZ13" s="117">
        <v>730471</v>
      </c>
      <c r="EA13" s="117">
        <v>131111</v>
      </c>
      <c r="EB13" s="116">
        <v>2412444</v>
      </c>
      <c r="EC13" s="119">
        <v>2412444</v>
      </c>
      <c r="ED13" s="113">
        <v>0</v>
      </c>
      <c r="EE13" s="115">
        <v>0</v>
      </c>
      <c r="EF13" s="116">
        <v>0</v>
      </c>
      <c r="EG13" s="113">
        <v>0</v>
      </c>
      <c r="EH13" s="117">
        <v>24537</v>
      </c>
      <c r="EI13" s="117">
        <v>148384</v>
      </c>
      <c r="EJ13" s="117">
        <v>0</v>
      </c>
      <c r="EK13" s="117">
        <v>0</v>
      </c>
      <c r="EL13" s="117">
        <v>46704</v>
      </c>
      <c r="EM13" s="115">
        <v>219625</v>
      </c>
      <c r="EN13" s="119">
        <v>219625</v>
      </c>
      <c r="EO13" s="113">
        <v>0</v>
      </c>
      <c r="EP13" s="117">
        <v>0</v>
      </c>
      <c r="EQ13" s="115">
        <v>0</v>
      </c>
      <c r="ER13" s="114">
        <v>0</v>
      </c>
      <c r="ES13" s="117">
        <v>0</v>
      </c>
      <c r="ET13" s="117">
        <v>0</v>
      </c>
      <c r="EU13" s="117">
        <v>0</v>
      </c>
      <c r="EV13" s="117">
        <v>0</v>
      </c>
      <c r="EW13" s="117">
        <v>0</v>
      </c>
      <c r="EX13" s="116">
        <v>0</v>
      </c>
      <c r="EY13" s="119">
        <v>0</v>
      </c>
      <c r="EZ13" s="113">
        <v>0</v>
      </c>
      <c r="FA13" s="117">
        <v>0</v>
      </c>
      <c r="FB13" s="115">
        <v>0</v>
      </c>
      <c r="FC13" s="387"/>
      <c r="FD13" s="117">
        <v>0</v>
      </c>
      <c r="FE13" s="117">
        <v>0</v>
      </c>
      <c r="FF13" s="117">
        <v>0</v>
      </c>
      <c r="FG13" s="117">
        <v>0</v>
      </c>
      <c r="FH13" s="117">
        <v>0</v>
      </c>
      <c r="FI13" s="116">
        <v>0</v>
      </c>
      <c r="FJ13" s="119">
        <v>0</v>
      </c>
      <c r="FK13" s="113">
        <v>291410</v>
      </c>
      <c r="FL13" s="117">
        <v>86394</v>
      </c>
      <c r="FM13" s="116">
        <v>377804</v>
      </c>
      <c r="FN13" s="113">
        <v>0</v>
      </c>
      <c r="FO13" s="117">
        <v>552048</v>
      </c>
      <c r="FP13" s="117">
        <v>1076311</v>
      </c>
      <c r="FQ13" s="117">
        <v>540337</v>
      </c>
      <c r="FR13" s="117">
        <v>414120</v>
      </c>
      <c r="FS13" s="117">
        <v>367416</v>
      </c>
      <c r="FT13" s="116">
        <v>2950232</v>
      </c>
      <c r="FU13" s="119">
        <v>3328036</v>
      </c>
      <c r="FV13" s="118">
        <v>53620</v>
      </c>
      <c r="FW13" s="117">
        <v>86394</v>
      </c>
      <c r="FX13" s="115">
        <v>140014</v>
      </c>
      <c r="FY13" s="114">
        <v>0</v>
      </c>
      <c r="FZ13" s="117">
        <v>367388</v>
      </c>
      <c r="GA13" s="117">
        <v>1015525</v>
      </c>
      <c r="GB13" s="117">
        <v>509537</v>
      </c>
      <c r="GC13" s="117">
        <v>384090</v>
      </c>
      <c r="GD13" s="117">
        <v>324142</v>
      </c>
      <c r="GE13" s="116">
        <v>2600682</v>
      </c>
      <c r="GF13" s="351">
        <v>2740696</v>
      </c>
      <c r="GG13" s="118">
        <v>0</v>
      </c>
      <c r="GH13" s="117">
        <v>0</v>
      </c>
      <c r="GI13" s="115">
        <v>0</v>
      </c>
      <c r="GJ13" s="114">
        <v>0</v>
      </c>
      <c r="GK13" s="117">
        <v>44660</v>
      </c>
      <c r="GL13" s="117">
        <v>46786</v>
      </c>
      <c r="GM13" s="117">
        <v>30800</v>
      </c>
      <c r="GN13" s="117">
        <v>0</v>
      </c>
      <c r="GO13" s="117">
        <v>16324</v>
      </c>
      <c r="GP13" s="116">
        <v>138570</v>
      </c>
      <c r="GQ13" s="119">
        <v>138570</v>
      </c>
      <c r="GR13" s="113">
        <v>237790</v>
      </c>
      <c r="GS13" s="117">
        <v>0</v>
      </c>
      <c r="GT13" s="116">
        <v>237790</v>
      </c>
      <c r="GU13" s="113">
        <v>0</v>
      </c>
      <c r="GV13" s="117">
        <v>140000</v>
      </c>
      <c r="GW13" s="117">
        <v>14000</v>
      </c>
      <c r="GX13" s="117">
        <v>0</v>
      </c>
      <c r="GY13" s="117">
        <v>30030</v>
      </c>
      <c r="GZ13" s="117">
        <v>26950</v>
      </c>
      <c r="HA13" s="115">
        <v>210980</v>
      </c>
      <c r="HB13" s="119">
        <v>448770</v>
      </c>
      <c r="HC13" s="113">
        <v>572508</v>
      </c>
      <c r="HD13" s="117">
        <v>395286</v>
      </c>
      <c r="HE13" s="115">
        <v>967794</v>
      </c>
      <c r="HF13" s="114">
        <v>0</v>
      </c>
      <c r="HG13" s="117">
        <v>3909097</v>
      </c>
      <c r="HH13" s="117">
        <v>3320873</v>
      </c>
      <c r="HI13" s="117">
        <v>3870845</v>
      </c>
      <c r="HJ13" s="117">
        <v>3891020</v>
      </c>
      <c r="HK13" s="117">
        <v>2077048</v>
      </c>
      <c r="HL13" s="116">
        <v>17068883</v>
      </c>
      <c r="HM13" s="112">
        <v>18036677</v>
      </c>
      <c r="HN13" s="367"/>
      <c r="HO13" s="368"/>
      <c r="HP13" s="369"/>
      <c r="HQ13" s="370"/>
      <c r="HR13" s="368"/>
      <c r="HS13" s="368"/>
      <c r="HT13" s="368"/>
      <c r="HU13" s="368"/>
      <c r="HV13" s="368"/>
      <c r="HW13" s="371"/>
      <c r="HX13" s="372"/>
      <c r="HY13" s="149">
        <v>0</v>
      </c>
      <c r="HZ13" s="150">
        <v>0</v>
      </c>
      <c r="IA13" s="151">
        <v>0</v>
      </c>
      <c r="IB13" s="164">
        <v>0</v>
      </c>
      <c r="IC13" s="150">
        <v>1677866</v>
      </c>
      <c r="ID13" s="165">
        <v>1472662</v>
      </c>
      <c r="IE13" s="151">
        <v>2965557</v>
      </c>
      <c r="IF13" s="150">
        <v>1613194</v>
      </c>
      <c r="IG13" s="151">
        <v>662550</v>
      </c>
      <c r="IH13" s="166">
        <v>8391829</v>
      </c>
      <c r="II13" s="157">
        <v>8391829</v>
      </c>
      <c r="IJ13" s="262">
        <v>0</v>
      </c>
      <c r="IK13" s="269">
        <v>0</v>
      </c>
      <c r="IL13" s="270">
        <v>0</v>
      </c>
      <c r="IM13" s="158"/>
      <c r="IN13" s="123">
        <v>0</v>
      </c>
      <c r="IO13" s="123">
        <v>0</v>
      </c>
      <c r="IP13" s="123">
        <v>174050</v>
      </c>
      <c r="IQ13" s="123">
        <v>0</v>
      </c>
      <c r="IR13" s="123">
        <v>0</v>
      </c>
      <c r="IS13" s="159">
        <v>174050</v>
      </c>
      <c r="IT13" s="354">
        <v>174050</v>
      </c>
      <c r="IU13" s="160">
        <v>0</v>
      </c>
      <c r="IV13" s="123">
        <v>0</v>
      </c>
      <c r="IW13" s="124">
        <v>0</v>
      </c>
      <c r="IX13" s="162"/>
      <c r="IY13" s="123">
        <v>0</v>
      </c>
      <c r="IZ13" s="123">
        <v>0</v>
      </c>
      <c r="JA13" s="123">
        <v>0</v>
      </c>
      <c r="JB13" s="123">
        <v>0</v>
      </c>
      <c r="JC13" s="123">
        <v>0</v>
      </c>
      <c r="JD13" s="124">
        <v>0</v>
      </c>
      <c r="JE13" s="125">
        <v>0</v>
      </c>
      <c r="JF13" s="160">
        <v>0</v>
      </c>
      <c r="JG13" s="123">
        <v>0</v>
      </c>
      <c r="JH13" s="159">
        <v>0</v>
      </c>
      <c r="JI13" s="122">
        <v>0</v>
      </c>
      <c r="JJ13" s="123">
        <v>738540</v>
      </c>
      <c r="JK13" s="123">
        <v>515579</v>
      </c>
      <c r="JL13" s="123">
        <v>966495</v>
      </c>
      <c r="JM13" s="123">
        <v>526179</v>
      </c>
      <c r="JN13" s="123">
        <v>129446</v>
      </c>
      <c r="JO13" s="124">
        <v>2876239</v>
      </c>
      <c r="JP13" s="354">
        <v>2876239</v>
      </c>
      <c r="JQ13" s="160">
        <v>0</v>
      </c>
      <c r="JR13" s="123">
        <v>0</v>
      </c>
      <c r="JS13" s="159">
        <v>0</v>
      </c>
      <c r="JT13" s="122">
        <v>0</v>
      </c>
      <c r="JU13" s="123">
        <v>315936</v>
      </c>
      <c r="JV13" s="123">
        <v>249367</v>
      </c>
      <c r="JW13" s="123">
        <v>302532</v>
      </c>
      <c r="JX13" s="123">
        <v>413260</v>
      </c>
      <c r="JY13" s="123">
        <v>0</v>
      </c>
      <c r="JZ13" s="124">
        <v>1281095</v>
      </c>
      <c r="KA13" s="354">
        <v>1281095</v>
      </c>
      <c r="KB13" s="265">
        <v>0</v>
      </c>
      <c r="KC13" s="259">
        <v>0</v>
      </c>
      <c r="KD13" s="124">
        <v>0</v>
      </c>
      <c r="KE13" s="122">
        <v>0</v>
      </c>
      <c r="KF13" s="123">
        <v>0</v>
      </c>
      <c r="KG13" s="123">
        <v>274794</v>
      </c>
      <c r="KH13" s="123">
        <v>0</v>
      </c>
      <c r="KI13" s="123">
        <v>197097</v>
      </c>
      <c r="KJ13" s="123">
        <v>0</v>
      </c>
      <c r="KK13" s="124">
        <v>471891</v>
      </c>
      <c r="KL13" s="161">
        <v>471891</v>
      </c>
      <c r="KM13" s="262">
        <v>0</v>
      </c>
      <c r="KN13" s="269">
        <v>0</v>
      </c>
      <c r="KO13" s="270">
        <v>0</v>
      </c>
      <c r="KP13" s="158">
        <v>0</v>
      </c>
      <c r="KQ13" s="123">
        <v>623390</v>
      </c>
      <c r="KR13" s="123">
        <v>432922</v>
      </c>
      <c r="KS13" s="123">
        <v>1522480</v>
      </c>
      <c r="KT13" s="123">
        <v>231322</v>
      </c>
      <c r="KU13" s="123">
        <v>222455</v>
      </c>
      <c r="KV13" s="124">
        <v>3032569</v>
      </c>
      <c r="KW13" s="354">
        <v>3032569</v>
      </c>
      <c r="KX13" s="160">
        <v>0</v>
      </c>
      <c r="KY13" s="123">
        <v>0</v>
      </c>
      <c r="KZ13" s="124">
        <v>0</v>
      </c>
      <c r="LA13" s="163">
        <v>0</v>
      </c>
      <c r="LB13" s="123">
        <v>0</v>
      </c>
      <c r="LC13" s="123">
        <v>0</v>
      </c>
      <c r="LD13" s="123">
        <v>0</v>
      </c>
      <c r="LE13" s="123">
        <v>0</v>
      </c>
      <c r="LF13" s="123">
        <v>0</v>
      </c>
      <c r="LG13" s="124">
        <v>0</v>
      </c>
      <c r="LH13" s="125">
        <v>0</v>
      </c>
      <c r="LI13" s="160">
        <v>0</v>
      </c>
      <c r="LJ13" s="123">
        <v>0</v>
      </c>
      <c r="LK13" s="124">
        <v>0</v>
      </c>
      <c r="LL13" s="163"/>
      <c r="LM13" s="123">
        <v>0</v>
      </c>
      <c r="LN13" s="123">
        <v>0</v>
      </c>
      <c r="LO13" s="123">
        <v>0</v>
      </c>
      <c r="LP13" s="123">
        <v>0</v>
      </c>
      <c r="LQ13" s="123">
        <v>0</v>
      </c>
      <c r="LR13" s="124">
        <v>0</v>
      </c>
      <c r="LS13" s="354">
        <v>0</v>
      </c>
      <c r="LT13" s="160">
        <v>0</v>
      </c>
      <c r="LU13" s="123">
        <v>0</v>
      </c>
      <c r="LV13" s="124">
        <v>0</v>
      </c>
      <c r="LW13" s="163"/>
      <c r="LX13" s="123">
        <v>0</v>
      </c>
      <c r="LY13" s="123">
        <v>0</v>
      </c>
      <c r="LZ13" s="123">
        <v>0</v>
      </c>
      <c r="MA13" s="123">
        <v>245336</v>
      </c>
      <c r="MB13" s="123">
        <v>310649</v>
      </c>
      <c r="MC13" s="124">
        <v>555985</v>
      </c>
      <c r="MD13" s="125">
        <v>555985</v>
      </c>
      <c r="ME13" s="160">
        <v>0</v>
      </c>
      <c r="MF13" s="123">
        <v>0</v>
      </c>
      <c r="MG13" s="124">
        <v>0</v>
      </c>
      <c r="MH13" s="163"/>
      <c r="MI13" s="123">
        <v>0</v>
      </c>
      <c r="MJ13" s="123">
        <v>1603622</v>
      </c>
      <c r="MK13" s="123">
        <v>1695347</v>
      </c>
      <c r="ML13" s="123">
        <v>5069781</v>
      </c>
      <c r="MM13" s="123">
        <v>4101749</v>
      </c>
      <c r="MN13" s="124">
        <v>12470499</v>
      </c>
      <c r="MO13" s="161">
        <v>12470499</v>
      </c>
      <c r="MP13" s="160">
        <v>0</v>
      </c>
      <c r="MQ13" s="123">
        <v>0</v>
      </c>
      <c r="MR13" s="124">
        <v>0</v>
      </c>
      <c r="MS13" s="163"/>
      <c r="MT13" s="123">
        <v>0</v>
      </c>
      <c r="MU13" s="123">
        <v>197864</v>
      </c>
      <c r="MV13" s="123">
        <v>406917</v>
      </c>
      <c r="MW13" s="123">
        <v>4109669</v>
      </c>
      <c r="MX13" s="123">
        <v>3558228</v>
      </c>
      <c r="MY13" s="124">
        <v>8272678</v>
      </c>
      <c r="MZ13" s="161">
        <v>8272678</v>
      </c>
      <c r="NA13" s="160">
        <v>0</v>
      </c>
      <c r="NB13" s="123">
        <v>0</v>
      </c>
      <c r="NC13" s="124">
        <v>0</v>
      </c>
      <c r="ND13" s="163"/>
      <c r="NE13" s="123">
        <v>0</v>
      </c>
      <c r="NF13" s="123">
        <v>1405758</v>
      </c>
      <c r="NG13" s="123">
        <v>1288430</v>
      </c>
      <c r="NH13" s="123">
        <v>960112</v>
      </c>
      <c r="NI13" s="123">
        <v>543521</v>
      </c>
      <c r="NJ13" s="124">
        <v>4197821</v>
      </c>
      <c r="NK13" s="354">
        <v>4197821</v>
      </c>
      <c r="NL13" s="160">
        <v>0</v>
      </c>
      <c r="NM13" s="123">
        <v>0</v>
      </c>
      <c r="NN13" s="124">
        <v>0</v>
      </c>
      <c r="NO13" s="163"/>
      <c r="NP13" s="123">
        <v>0</v>
      </c>
      <c r="NQ13" s="123">
        <v>0</v>
      </c>
      <c r="NR13" s="123">
        <v>0</v>
      </c>
      <c r="NS13" s="123">
        <v>0</v>
      </c>
      <c r="NT13" s="123">
        <v>0</v>
      </c>
      <c r="NU13" s="124">
        <v>0</v>
      </c>
      <c r="NV13" s="125">
        <v>0</v>
      </c>
      <c r="NW13" s="160">
        <v>0</v>
      </c>
      <c r="NX13" s="123">
        <v>0</v>
      </c>
      <c r="NY13" s="124">
        <v>0</v>
      </c>
      <c r="NZ13" s="163"/>
      <c r="OA13" s="123">
        <v>0</v>
      </c>
      <c r="OB13" s="123">
        <v>0</v>
      </c>
      <c r="OC13" s="123">
        <v>0</v>
      </c>
      <c r="OD13" s="123">
        <v>0</v>
      </c>
      <c r="OE13" s="123">
        <v>0</v>
      </c>
      <c r="OF13" s="124">
        <v>0</v>
      </c>
      <c r="OG13" s="125">
        <v>0</v>
      </c>
      <c r="OH13" s="160">
        <v>1021727</v>
      </c>
      <c r="OI13" s="123">
        <v>673888</v>
      </c>
      <c r="OJ13" s="159">
        <v>1695615</v>
      </c>
      <c r="OK13" s="122">
        <v>0</v>
      </c>
      <c r="OL13" s="123">
        <v>12952250</v>
      </c>
      <c r="OM13" s="123">
        <v>14536234</v>
      </c>
      <c r="ON13" s="123">
        <v>14319272</v>
      </c>
      <c r="OO13" s="123">
        <v>14085200</v>
      </c>
      <c r="OP13" s="123">
        <v>10983267</v>
      </c>
      <c r="OQ13" s="124">
        <v>66876223</v>
      </c>
      <c r="OR13" s="161">
        <v>68571838</v>
      </c>
    </row>
    <row r="14" spans="1:408" ht="20.25" customHeight="1" x14ac:dyDescent="0.2">
      <c r="A14" s="130" t="s">
        <v>8</v>
      </c>
      <c r="B14" s="113">
        <v>421623</v>
      </c>
      <c r="C14" s="117">
        <v>278507</v>
      </c>
      <c r="D14" s="116">
        <v>700130</v>
      </c>
      <c r="E14" s="112">
        <v>0</v>
      </c>
      <c r="F14" s="117">
        <v>4004099</v>
      </c>
      <c r="G14" s="117">
        <v>6308503</v>
      </c>
      <c r="H14" s="117">
        <v>3881628</v>
      </c>
      <c r="I14" s="117">
        <v>6092523</v>
      </c>
      <c r="J14" s="117">
        <v>3856348</v>
      </c>
      <c r="K14" s="112">
        <v>24143101</v>
      </c>
      <c r="L14" s="119">
        <v>24843231</v>
      </c>
      <c r="M14" s="113">
        <v>89842</v>
      </c>
      <c r="N14" s="117">
        <v>83056</v>
      </c>
      <c r="O14" s="116">
        <v>172898</v>
      </c>
      <c r="P14" s="113">
        <v>0</v>
      </c>
      <c r="Q14" s="117">
        <v>781886</v>
      </c>
      <c r="R14" s="117">
        <v>1855238</v>
      </c>
      <c r="S14" s="117">
        <v>843710</v>
      </c>
      <c r="T14" s="117">
        <v>2131583</v>
      </c>
      <c r="U14" s="117">
        <v>1454897</v>
      </c>
      <c r="V14" s="116">
        <v>7067314</v>
      </c>
      <c r="W14" s="119">
        <v>7240212</v>
      </c>
      <c r="X14" s="113">
        <v>0</v>
      </c>
      <c r="Y14" s="117">
        <v>0</v>
      </c>
      <c r="Z14" s="116">
        <v>0</v>
      </c>
      <c r="AA14" s="113">
        <v>0</v>
      </c>
      <c r="AB14" s="117">
        <v>521235</v>
      </c>
      <c r="AC14" s="117">
        <v>1032087</v>
      </c>
      <c r="AD14" s="117">
        <v>256481</v>
      </c>
      <c r="AE14" s="117">
        <v>916422</v>
      </c>
      <c r="AF14" s="117">
        <v>908109</v>
      </c>
      <c r="AG14" s="116">
        <v>3634334</v>
      </c>
      <c r="AH14" s="119">
        <v>3634334</v>
      </c>
      <c r="AI14" s="113">
        <v>0</v>
      </c>
      <c r="AJ14" s="117">
        <v>0</v>
      </c>
      <c r="AK14" s="116">
        <v>0</v>
      </c>
      <c r="AL14" s="113">
        <v>0</v>
      </c>
      <c r="AM14" s="117">
        <v>0</v>
      </c>
      <c r="AN14" s="117">
        <v>64457</v>
      </c>
      <c r="AO14" s="117">
        <v>11826</v>
      </c>
      <c r="AP14" s="117">
        <v>377680</v>
      </c>
      <c r="AQ14" s="117">
        <v>121516</v>
      </c>
      <c r="AR14" s="116">
        <v>575479</v>
      </c>
      <c r="AS14" s="119">
        <v>575479</v>
      </c>
      <c r="AT14" s="113">
        <v>30685</v>
      </c>
      <c r="AU14" s="117">
        <v>38123</v>
      </c>
      <c r="AV14" s="116">
        <v>68808</v>
      </c>
      <c r="AW14" s="113">
        <v>0</v>
      </c>
      <c r="AX14" s="117">
        <v>191750</v>
      </c>
      <c r="AY14" s="117">
        <v>424688</v>
      </c>
      <c r="AZ14" s="117">
        <v>221852</v>
      </c>
      <c r="BA14" s="117">
        <v>440309</v>
      </c>
      <c r="BB14" s="117">
        <v>194886</v>
      </c>
      <c r="BC14" s="116">
        <v>1473485</v>
      </c>
      <c r="BD14" s="119">
        <v>1542293</v>
      </c>
      <c r="BE14" s="113">
        <v>0</v>
      </c>
      <c r="BF14" s="117">
        <v>32361</v>
      </c>
      <c r="BG14" s="115">
        <v>32361</v>
      </c>
      <c r="BH14" s="114">
        <v>0</v>
      </c>
      <c r="BI14" s="117">
        <v>0</v>
      </c>
      <c r="BJ14" s="117">
        <v>101774</v>
      </c>
      <c r="BK14" s="117">
        <v>232010</v>
      </c>
      <c r="BL14" s="117">
        <v>79309</v>
      </c>
      <c r="BM14" s="117">
        <v>58711</v>
      </c>
      <c r="BN14" s="116">
        <v>471804</v>
      </c>
      <c r="BO14" s="119">
        <v>504165</v>
      </c>
      <c r="BP14" s="113">
        <v>59157</v>
      </c>
      <c r="BQ14" s="117">
        <v>12572</v>
      </c>
      <c r="BR14" s="116">
        <v>71729</v>
      </c>
      <c r="BS14" s="113">
        <v>0</v>
      </c>
      <c r="BT14" s="117">
        <v>68901</v>
      </c>
      <c r="BU14" s="117">
        <v>232232</v>
      </c>
      <c r="BV14" s="117">
        <v>121541</v>
      </c>
      <c r="BW14" s="117">
        <v>317863</v>
      </c>
      <c r="BX14" s="117">
        <v>171675</v>
      </c>
      <c r="BY14" s="116">
        <v>912212</v>
      </c>
      <c r="BZ14" s="119">
        <v>983941</v>
      </c>
      <c r="CA14" s="113">
        <v>16822</v>
      </c>
      <c r="CB14" s="117">
        <v>133816</v>
      </c>
      <c r="CC14" s="116">
        <v>150638</v>
      </c>
      <c r="CD14" s="113">
        <v>0</v>
      </c>
      <c r="CE14" s="117">
        <v>1641046</v>
      </c>
      <c r="CF14" s="117">
        <v>1731026</v>
      </c>
      <c r="CG14" s="117">
        <v>605044</v>
      </c>
      <c r="CH14" s="117">
        <v>1706354</v>
      </c>
      <c r="CI14" s="117">
        <v>221220</v>
      </c>
      <c r="CJ14" s="116">
        <v>5904690</v>
      </c>
      <c r="CK14" s="119">
        <v>6055328</v>
      </c>
      <c r="CL14" s="113">
        <v>0</v>
      </c>
      <c r="CM14" s="117">
        <v>0</v>
      </c>
      <c r="CN14" s="116">
        <v>0</v>
      </c>
      <c r="CO14" s="114">
        <v>0</v>
      </c>
      <c r="CP14" s="117">
        <v>937305</v>
      </c>
      <c r="CQ14" s="117">
        <v>1302741</v>
      </c>
      <c r="CR14" s="117">
        <v>329395</v>
      </c>
      <c r="CS14" s="117">
        <v>1251138</v>
      </c>
      <c r="CT14" s="117">
        <v>101135</v>
      </c>
      <c r="CU14" s="116">
        <v>3921714</v>
      </c>
      <c r="CV14" s="119">
        <v>3921714</v>
      </c>
      <c r="CW14" s="113">
        <v>16822</v>
      </c>
      <c r="CX14" s="117">
        <v>133816</v>
      </c>
      <c r="CY14" s="116">
        <v>150638</v>
      </c>
      <c r="CZ14" s="113">
        <v>0</v>
      </c>
      <c r="DA14" s="117">
        <v>703741</v>
      </c>
      <c r="DB14" s="117">
        <v>428285</v>
      </c>
      <c r="DC14" s="117">
        <v>275649</v>
      </c>
      <c r="DD14" s="117">
        <v>455216</v>
      </c>
      <c r="DE14" s="117">
        <v>120085</v>
      </c>
      <c r="DF14" s="116">
        <v>1982976</v>
      </c>
      <c r="DG14" s="119">
        <v>2133614</v>
      </c>
      <c r="DH14" s="113">
        <v>0</v>
      </c>
      <c r="DI14" s="117">
        <v>0</v>
      </c>
      <c r="DJ14" s="115">
        <v>0</v>
      </c>
      <c r="DK14" s="114">
        <v>0</v>
      </c>
      <c r="DL14" s="117">
        <v>103550</v>
      </c>
      <c r="DM14" s="117">
        <v>610482</v>
      </c>
      <c r="DN14" s="117">
        <v>201682</v>
      </c>
      <c r="DO14" s="117">
        <v>481959</v>
      </c>
      <c r="DP14" s="117">
        <v>269905</v>
      </c>
      <c r="DQ14" s="116">
        <v>1667578</v>
      </c>
      <c r="DR14" s="119">
        <v>1667578</v>
      </c>
      <c r="DS14" s="113">
        <v>0</v>
      </c>
      <c r="DT14" s="117">
        <v>0</v>
      </c>
      <c r="DU14" s="116">
        <v>0</v>
      </c>
      <c r="DV14" s="113">
        <v>0</v>
      </c>
      <c r="DW14" s="117">
        <v>103550</v>
      </c>
      <c r="DX14" s="117">
        <v>549110</v>
      </c>
      <c r="DY14" s="117">
        <v>186004</v>
      </c>
      <c r="DZ14" s="117">
        <v>481959</v>
      </c>
      <c r="EA14" s="117">
        <v>269905</v>
      </c>
      <c r="EB14" s="116">
        <v>1590528</v>
      </c>
      <c r="EC14" s="119">
        <v>1590528</v>
      </c>
      <c r="ED14" s="113">
        <v>0</v>
      </c>
      <c r="EE14" s="115">
        <v>0</v>
      </c>
      <c r="EF14" s="116">
        <v>0</v>
      </c>
      <c r="EG14" s="113">
        <v>0</v>
      </c>
      <c r="EH14" s="117">
        <v>0</v>
      </c>
      <c r="EI14" s="117">
        <v>61372</v>
      </c>
      <c r="EJ14" s="117">
        <v>15678</v>
      </c>
      <c r="EK14" s="117">
        <v>0</v>
      </c>
      <c r="EL14" s="117">
        <v>0</v>
      </c>
      <c r="EM14" s="115">
        <v>77050</v>
      </c>
      <c r="EN14" s="119">
        <v>77050</v>
      </c>
      <c r="EO14" s="113">
        <v>0</v>
      </c>
      <c r="EP14" s="117">
        <v>0</v>
      </c>
      <c r="EQ14" s="115">
        <v>0</v>
      </c>
      <c r="ER14" s="114">
        <v>0</v>
      </c>
      <c r="ES14" s="117">
        <v>0</v>
      </c>
      <c r="ET14" s="117">
        <v>0</v>
      </c>
      <c r="EU14" s="117">
        <v>0</v>
      </c>
      <c r="EV14" s="117">
        <v>0</v>
      </c>
      <c r="EW14" s="117">
        <v>0</v>
      </c>
      <c r="EX14" s="116">
        <v>0</v>
      </c>
      <c r="EY14" s="119">
        <v>0</v>
      </c>
      <c r="EZ14" s="113">
        <v>0</v>
      </c>
      <c r="FA14" s="117">
        <v>0</v>
      </c>
      <c r="FB14" s="115">
        <v>0</v>
      </c>
      <c r="FC14" s="387"/>
      <c r="FD14" s="117">
        <v>0</v>
      </c>
      <c r="FE14" s="117">
        <v>0</v>
      </c>
      <c r="FF14" s="117">
        <v>0</v>
      </c>
      <c r="FG14" s="117">
        <v>0</v>
      </c>
      <c r="FH14" s="117">
        <v>0</v>
      </c>
      <c r="FI14" s="116">
        <v>0</v>
      </c>
      <c r="FJ14" s="119">
        <v>0</v>
      </c>
      <c r="FK14" s="113">
        <v>73626</v>
      </c>
      <c r="FL14" s="117">
        <v>61635</v>
      </c>
      <c r="FM14" s="116">
        <v>135261</v>
      </c>
      <c r="FN14" s="113">
        <v>0</v>
      </c>
      <c r="FO14" s="117">
        <v>225498</v>
      </c>
      <c r="FP14" s="117">
        <v>615465</v>
      </c>
      <c r="FQ14" s="117">
        <v>333410</v>
      </c>
      <c r="FR14" s="117">
        <v>549843</v>
      </c>
      <c r="FS14" s="117">
        <v>164262</v>
      </c>
      <c r="FT14" s="116">
        <v>1888478</v>
      </c>
      <c r="FU14" s="119">
        <v>2023739</v>
      </c>
      <c r="FV14" s="118">
        <v>49602</v>
      </c>
      <c r="FW14" s="117">
        <v>51135</v>
      </c>
      <c r="FX14" s="115">
        <v>100737</v>
      </c>
      <c r="FY14" s="114">
        <v>0</v>
      </c>
      <c r="FZ14" s="117">
        <v>200501</v>
      </c>
      <c r="GA14" s="117">
        <v>525616</v>
      </c>
      <c r="GB14" s="117">
        <v>255010</v>
      </c>
      <c r="GC14" s="117">
        <v>454839</v>
      </c>
      <c r="GD14" s="117">
        <v>164262</v>
      </c>
      <c r="GE14" s="116">
        <v>1600228</v>
      </c>
      <c r="GF14" s="351">
        <v>1700965</v>
      </c>
      <c r="GG14" s="118">
        <v>24024</v>
      </c>
      <c r="GH14" s="117">
        <v>0</v>
      </c>
      <c r="GI14" s="115">
        <v>24024</v>
      </c>
      <c r="GJ14" s="114">
        <v>0</v>
      </c>
      <c r="GK14" s="117">
        <v>0</v>
      </c>
      <c r="GL14" s="117">
        <v>42599</v>
      </c>
      <c r="GM14" s="117">
        <v>0</v>
      </c>
      <c r="GN14" s="117">
        <v>42504</v>
      </c>
      <c r="GO14" s="117">
        <v>0</v>
      </c>
      <c r="GP14" s="116">
        <v>85103</v>
      </c>
      <c r="GQ14" s="119">
        <v>109127</v>
      </c>
      <c r="GR14" s="113">
        <v>0</v>
      </c>
      <c r="GS14" s="117">
        <v>10500</v>
      </c>
      <c r="GT14" s="116">
        <v>10500</v>
      </c>
      <c r="GU14" s="113">
        <v>0</v>
      </c>
      <c r="GV14" s="117">
        <v>24997</v>
      </c>
      <c r="GW14" s="117">
        <v>47250</v>
      </c>
      <c r="GX14" s="117">
        <v>78400</v>
      </c>
      <c r="GY14" s="117">
        <v>52500</v>
      </c>
      <c r="GZ14" s="117">
        <v>0</v>
      </c>
      <c r="HA14" s="115">
        <v>203147</v>
      </c>
      <c r="HB14" s="119">
        <v>213647</v>
      </c>
      <c r="HC14" s="113">
        <v>241333</v>
      </c>
      <c r="HD14" s="117">
        <v>0</v>
      </c>
      <c r="HE14" s="115">
        <v>241333</v>
      </c>
      <c r="HF14" s="114">
        <v>0</v>
      </c>
      <c r="HG14" s="117">
        <v>1252119</v>
      </c>
      <c r="HH14" s="117">
        <v>1496292</v>
      </c>
      <c r="HI14" s="117">
        <v>1897782</v>
      </c>
      <c r="HJ14" s="117">
        <v>1222784</v>
      </c>
      <c r="HK14" s="117">
        <v>1746064</v>
      </c>
      <c r="HL14" s="116">
        <v>7615041</v>
      </c>
      <c r="HM14" s="112">
        <v>7856374</v>
      </c>
      <c r="HN14" s="367"/>
      <c r="HO14" s="368"/>
      <c r="HP14" s="369"/>
      <c r="HQ14" s="370"/>
      <c r="HR14" s="368"/>
      <c r="HS14" s="368"/>
      <c r="HT14" s="368"/>
      <c r="HU14" s="368"/>
      <c r="HV14" s="368"/>
      <c r="HW14" s="371"/>
      <c r="HX14" s="372"/>
      <c r="HY14" s="149">
        <v>0</v>
      </c>
      <c r="HZ14" s="150">
        <v>0</v>
      </c>
      <c r="IA14" s="151">
        <v>0</v>
      </c>
      <c r="IB14" s="152">
        <v>0</v>
      </c>
      <c r="IC14" s="153">
        <v>980718</v>
      </c>
      <c r="ID14" s="154">
        <v>1840855</v>
      </c>
      <c r="IE14" s="155">
        <v>882391</v>
      </c>
      <c r="IF14" s="153">
        <v>2556405</v>
      </c>
      <c r="IG14" s="155">
        <v>318054</v>
      </c>
      <c r="IH14" s="156">
        <v>6578423</v>
      </c>
      <c r="II14" s="157">
        <v>6578423</v>
      </c>
      <c r="IJ14" s="262">
        <v>0</v>
      </c>
      <c r="IK14" s="269">
        <v>0</v>
      </c>
      <c r="IL14" s="270">
        <v>0</v>
      </c>
      <c r="IM14" s="158"/>
      <c r="IN14" s="123">
        <v>0</v>
      </c>
      <c r="IO14" s="123">
        <v>117622</v>
      </c>
      <c r="IP14" s="123">
        <v>0</v>
      </c>
      <c r="IQ14" s="123">
        <v>212828</v>
      </c>
      <c r="IR14" s="123">
        <v>0</v>
      </c>
      <c r="IS14" s="159">
        <v>330450</v>
      </c>
      <c r="IT14" s="354">
        <v>330450</v>
      </c>
      <c r="IU14" s="160">
        <v>0</v>
      </c>
      <c r="IV14" s="123">
        <v>0</v>
      </c>
      <c r="IW14" s="124">
        <v>0</v>
      </c>
      <c r="IX14" s="162"/>
      <c r="IY14" s="123">
        <v>0</v>
      </c>
      <c r="IZ14" s="123">
        <v>0</v>
      </c>
      <c r="JA14" s="123">
        <v>0</v>
      </c>
      <c r="JB14" s="123">
        <v>0</v>
      </c>
      <c r="JC14" s="123">
        <v>0</v>
      </c>
      <c r="JD14" s="124">
        <v>0</v>
      </c>
      <c r="JE14" s="125">
        <v>0</v>
      </c>
      <c r="JF14" s="160">
        <v>0</v>
      </c>
      <c r="JG14" s="123">
        <v>0</v>
      </c>
      <c r="JH14" s="159">
        <v>0</v>
      </c>
      <c r="JI14" s="122">
        <v>0</v>
      </c>
      <c r="JJ14" s="123">
        <v>792106</v>
      </c>
      <c r="JK14" s="123">
        <v>1020849</v>
      </c>
      <c r="JL14" s="123">
        <v>668965</v>
      </c>
      <c r="JM14" s="123">
        <v>320400</v>
      </c>
      <c r="JN14" s="123">
        <v>53508</v>
      </c>
      <c r="JO14" s="124">
        <v>2855828</v>
      </c>
      <c r="JP14" s="354">
        <v>2855828</v>
      </c>
      <c r="JQ14" s="160">
        <v>0</v>
      </c>
      <c r="JR14" s="123">
        <v>0</v>
      </c>
      <c r="JS14" s="159">
        <v>0</v>
      </c>
      <c r="JT14" s="122">
        <v>0</v>
      </c>
      <c r="JU14" s="123">
        <v>0</v>
      </c>
      <c r="JV14" s="123">
        <v>124680</v>
      </c>
      <c r="JW14" s="123">
        <v>0</v>
      </c>
      <c r="JX14" s="123">
        <v>0</v>
      </c>
      <c r="JY14" s="123">
        <v>0</v>
      </c>
      <c r="JZ14" s="124">
        <v>124680</v>
      </c>
      <c r="KA14" s="354">
        <v>124680</v>
      </c>
      <c r="KB14" s="265">
        <v>0</v>
      </c>
      <c r="KC14" s="259">
        <v>0</v>
      </c>
      <c r="KD14" s="124">
        <v>0</v>
      </c>
      <c r="KE14" s="122">
        <v>0</v>
      </c>
      <c r="KF14" s="123">
        <v>188612</v>
      </c>
      <c r="KG14" s="123">
        <v>0</v>
      </c>
      <c r="KH14" s="123">
        <v>213426</v>
      </c>
      <c r="KI14" s="123">
        <v>0</v>
      </c>
      <c r="KJ14" s="123">
        <v>0</v>
      </c>
      <c r="KK14" s="124">
        <v>402038</v>
      </c>
      <c r="KL14" s="161">
        <v>402038</v>
      </c>
      <c r="KM14" s="262">
        <v>0</v>
      </c>
      <c r="KN14" s="269">
        <v>0</v>
      </c>
      <c r="KO14" s="270">
        <v>0</v>
      </c>
      <c r="KP14" s="158">
        <v>0</v>
      </c>
      <c r="KQ14" s="123">
        <v>0</v>
      </c>
      <c r="KR14" s="123">
        <v>425980</v>
      </c>
      <c r="KS14" s="123">
        <v>0</v>
      </c>
      <c r="KT14" s="123">
        <v>1338515</v>
      </c>
      <c r="KU14" s="123">
        <v>0</v>
      </c>
      <c r="KV14" s="124">
        <v>1764495</v>
      </c>
      <c r="KW14" s="354">
        <v>1764495</v>
      </c>
      <c r="KX14" s="160">
        <v>0</v>
      </c>
      <c r="KY14" s="123">
        <v>0</v>
      </c>
      <c r="KZ14" s="124">
        <v>0</v>
      </c>
      <c r="LA14" s="163">
        <v>0</v>
      </c>
      <c r="LB14" s="123">
        <v>0</v>
      </c>
      <c r="LC14" s="123">
        <v>0</v>
      </c>
      <c r="LD14" s="123">
        <v>0</v>
      </c>
      <c r="LE14" s="123">
        <v>189179</v>
      </c>
      <c r="LF14" s="123">
        <v>0</v>
      </c>
      <c r="LG14" s="124">
        <v>189179</v>
      </c>
      <c r="LH14" s="125">
        <v>189179</v>
      </c>
      <c r="LI14" s="160">
        <v>0</v>
      </c>
      <c r="LJ14" s="123">
        <v>0</v>
      </c>
      <c r="LK14" s="124">
        <v>0</v>
      </c>
      <c r="LL14" s="163"/>
      <c r="LM14" s="123">
        <v>0</v>
      </c>
      <c r="LN14" s="123">
        <v>0</v>
      </c>
      <c r="LO14" s="123">
        <v>0</v>
      </c>
      <c r="LP14" s="123">
        <v>247429</v>
      </c>
      <c r="LQ14" s="123">
        <v>264546</v>
      </c>
      <c r="LR14" s="124">
        <v>511975</v>
      </c>
      <c r="LS14" s="354">
        <v>511975</v>
      </c>
      <c r="LT14" s="160">
        <v>0</v>
      </c>
      <c r="LU14" s="123">
        <v>0</v>
      </c>
      <c r="LV14" s="124">
        <v>0</v>
      </c>
      <c r="LW14" s="163"/>
      <c r="LX14" s="123">
        <v>0</v>
      </c>
      <c r="LY14" s="123">
        <v>151724</v>
      </c>
      <c r="LZ14" s="123">
        <v>0</v>
      </c>
      <c r="MA14" s="123">
        <v>248054</v>
      </c>
      <c r="MB14" s="123">
        <v>0</v>
      </c>
      <c r="MC14" s="124">
        <v>399778</v>
      </c>
      <c r="MD14" s="125">
        <v>399778</v>
      </c>
      <c r="ME14" s="160">
        <v>0</v>
      </c>
      <c r="MF14" s="123">
        <v>0</v>
      </c>
      <c r="MG14" s="124">
        <v>0</v>
      </c>
      <c r="MH14" s="163"/>
      <c r="MI14" s="123">
        <v>0</v>
      </c>
      <c r="MJ14" s="123">
        <v>683606</v>
      </c>
      <c r="MK14" s="123">
        <v>1250767</v>
      </c>
      <c r="ML14" s="123">
        <v>3770727</v>
      </c>
      <c r="MM14" s="123">
        <v>1488036</v>
      </c>
      <c r="MN14" s="124">
        <v>7193136</v>
      </c>
      <c r="MO14" s="161">
        <v>7193136</v>
      </c>
      <c r="MP14" s="160">
        <v>0</v>
      </c>
      <c r="MQ14" s="123">
        <v>0</v>
      </c>
      <c r="MR14" s="124">
        <v>0</v>
      </c>
      <c r="MS14" s="163"/>
      <c r="MT14" s="123">
        <v>0</v>
      </c>
      <c r="MU14" s="123">
        <v>186356</v>
      </c>
      <c r="MV14" s="123">
        <v>197432</v>
      </c>
      <c r="MW14" s="123">
        <v>2243201</v>
      </c>
      <c r="MX14" s="123">
        <v>1233811</v>
      </c>
      <c r="MY14" s="124">
        <v>3860800</v>
      </c>
      <c r="MZ14" s="161">
        <v>3860800</v>
      </c>
      <c r="NA14" s="160">
        <v>0</v>
      </c>
      <c r="NB14" s="123">
        <v>0</v>
      </c>
      <c r="NC14" s="124">
        <v>0</v>
      </c>
      <c r="ND14" s="163"/>
      <c r="NE14" s="123">
        <v>0</v>
      </c>
      <c r="NF14" s="123">
        <v>497250</v>
      </c>
      <c r="NG14" s="123">
        <v>1053335</v>
      </c>
      <c r="NH14" s="123">
        <v>1527526</v>
      </c>
      <c r="NI14" s="123">
        <v>254225</v>
      </c>
      <c r="NJ14" s="124">
        <v>3332336</v>
      </c>
      <c r="NK14" s="354">
        <v>3332336</v>
      </c>
      <c r="NL14" s="160">
        <v>0</v>
      </c>
      <c r="NM14" s="123">
        <v>0</v>
      </c>
      <c r="NN14" s="124">
        <v>0</v>
      </c>
      <c r="NO14" s="163"/>
      <c r="NP14" s="123">
        <v>0</v>
      </c>
      <c r="NQ14" s="123">
        <v>0</v>
      </c>
      <c r="NR14" s="123">
        <v>0</v>
      </c>
      <c r="NS14" s="123">
        <v>0</v>
      </c>
      <c r="NT14" s="123">
        <v>0</v>
      </c>
      <c r="NU14" s="124">
        <v>0</v>
      </c>
      <c r="NV14" s="125">
        <v>0</v>
      </c>
      <c r="NW14" s="160">
        <v>0</v>
      </c>
      <c r="NX14" s="123">
        <v>0</v>
      </c>
      <c r="NY14" s="124">
        <v>0</v>
      </c>
      <c r="NZ14" s="163"/>
      <c r="OA14" s="123">
        <v>0</v>
      </c>
      <c r="OB14" s="123">
        <v>0</v>
      </c>
      <c r="OC14" s="123">
        <v>0</v>
      </c>
      <c r="OD14" s="123">
        <v>0</v>
      </c>
      <c r="OE14" s="123">
        <v>0</v>
      </c>
      <c r="OF14" s="124">
        <v>0</v>
      </c>
      <c r="OG14" s="125">
        <v>0</v>
      </c>
      <c r="OH14" s="160">
        <v>421623</v>
      </c>
      <c r="OI14" s="123">
        <v>278507</v>
      </c>
      <c r="OJ14" s="159">
        <v>700130</v>
      </c>
      <c r="OK14" s="122">
        <v>0</v>
      </c>
      <c r="OL14" s="123">
        <v>4984817</v>
      </c>
      <c r="OM14" s="123">
        <v>8832964</v>
      </c>
      <c r="ON14" s="123">
        <v>6014786</v>
      </c>
      <c r="OO14" s="123">
        <v>12419655</v>
      </c>
      <c r="OP14" s="123">
        <v>5662438</v>
      </c>
      <c r="OQ14" s="124">
        <v>37914660</v>
      </c>
      <c r="OR14" s="161">
        <v>38614790</v>
      </c>
    </row>
    <row r="15" spans="1:408" ht="20.25" customHeight="1" x14ac:dyDescent="0.2">
      <c r="A15" s="130" t="s">
        <v>9</v>
      </c>
      <c r="B15" s="113">
        <v>1532835</v>
      </c>
      <c r="C15" s="117">
        <v>1210091</v>
      </c>
      <c r="D15" s="116">
        <v>2742926</v>
      </c>
      <c r="E15" s="114">
        <v>0</v>
      </c>
      <c r="F15" s="117">
        <v>10351192</v>
      </c>
      <c r="G15" s="117">
        <v>12197906</v>
      </c>
      <c r="H15" s="117">
        <v>12294549</v>
      </c>
      <c r="I15" s="117">
        <v>14214790</v>
      </c>
      <c r="J15" s="117">
        <v>13299482</v>
      </c>
      <c r="K15" s="112">
        <v>62357919</v>
      </c>
      <c r="L15" s="119">
        <v>65100845</v>
      </c>
      <c r="M15" s="113">
        <v>302725</v>
      </c>
      <c r="N15" s="117">
        <v>223629</v>
      </c>
      <c r="O15" s="116">
        <v>526354</v>
      </c>
      <c r="P15" s="113">
        <v>0</v>
      </c>
      <c r="Q15" s="117">
        <v>4075386</v>
      </c>
      <c r="R15" s="117">
        <v>4358712</v>
      </c>
      <c r="S15" s="117">
        <v>5620613</v>
      </c>
      <c r="T15" s="117">
        <v>6437842</v>
      </c>
      <c r="U15" s="117">
        <v>7256421</v>
      </c>
      <c r="V15" s="116">
        <v>27748974</v>
      </c>
      <c r="W15" s="119">
        <v>28275328</v>
      </c>
      <c r="X15" s="113">
        <v>0</v>
      </c>
      <c r="Y15" s="117">
        <v>0</v>
      </c>
      <c r="Z15" s="116">
        <v>0</v>
      </c>
      <c r="AA15" s="113">
        <v>0</v>
      </c>
      <c r="AB15" s="117">
        <v>1783984</v>
      </c>
      <c r="AC15" s="117">
        <v>2054515</v>
      </c>
      <c r="AD15" s="117">
        <v>2917776</v>
      </c>
      <c r="AE15" s="117">
        <v>3900502</v>
      </c>
      <c r="AF15" s="117">
        <v>4553989</v>
      </c>
      <c r="AG15" s="116">
        <v>15210766</v>
      </c>
      <c r="AH15" s="119">
        <v>15210766</v>
      </c>
      <c r="AI15" s="113">
        <v>0</v>
      </c>
      <c r="AJ15" s="117">
        <v>0</v>
      </c>
      <c r="AK15" s="116">
        <v>0</v>
      </c>
      <c r="AL15" s="113">
        <v>0</v>
      </c>
      <c r="AM15" s="117">
        <v>209152</v>
      </c>
      <c r="AN15" s="117">
        <v>0</v>
      </c>
      <c r="AO15" s="117">
        <v>172115</v>
      </c>
      <c r="AP15" s="117">
        <v>177779</v>
      </c>
      <c r="AQ15" s="117">
        <v>895745</v>
      </c>
      <c r="AR15" s="116">
        <v>1454791</v>
      </c>
      <c r="AS15" s="119">
        <v>1454791</v>
      </c>
      <c r="AT15" s="113">
        <v>107462</v>
      </c>
      <c r="AU15" s="117">
        <v>174069</v>
      </c>
      <c r="AV15" s="116">
        <v>281531</v>
      </c>
      <c r="AW15" s="113">
        <v>0</v>
      </c>
      <c r="AX15" s="117">
        <v>1483694</v>
      </c>
      <c r="AY15" s="117">
        <v>1326717</v>
      </c>
      <c r="AZ15" s="117">
        <v>1429856</v>
      </c>
      <c r="BA15" s="117">
        <v>1252762</v>
      </c>
      <c r="BB15" s="117">
        <v>891815</v>
      </c>
      <c r="BC15" s="116">
        <v>6384844</v>
      </c>
      <c r="BD15" s="119">
        <v>6666375</v>
      </c>
      <c r="BE15" s="113">
        <v>18618</v>
      </c>
      <c r="BF15" s="117">
        <v>0</v>
      </c>
      <c r="BG15" s="115">
        <v>18618</v>
      </c>
      <c r="BH15" s="114">
        <v>0</v>
      </c>
      <c r="BI15" s="117">
        <v>159201</v>
      </c>
      <c r="BJ15" s="117">
        <v>307762</v>
      </c>
      <c r="BK15" s="117">
        <v>319526</v>
      </c>
      <c r="BL15" s="117">
        <v>280589</v>
      </c>
      <c r="BM15" s="117">
        <v>273840</v>
      </c>
      <c r="BN15" s="116">
        <v>1340918</v>
      </c>
      <c r="BO15" s="119">
        <v>1359536</v>
      </c>
      <c r="BP15" s="113">
        <v>176645</v>
      </c>
      <c r="BQ15" s="117">
        <v>49560</v>
      </c>
      <c r="BR15" s="116">
        <v>226205</v>
      </c>
      <c r="BS15" s="113">
        <v>0</v>
      </c>
      <c r="BT15" s="117">
        <v>439355</v>
      </c>
      <c r="BU15" s="117">
        <v>669718</v>
      </c>
      <c r="BV15" s="117">
        <v>781340</v>
      </c>
      <c r="BW15" s="117">
        <v>826210</v>
      </c>
      <c r="BX15" s="117">
        <v>641032</v>
      </c>
      <c r="BY15" s="116">
        <v>3357655</v>
      </c>
      <c r="BZ15" s="119">
        <v>3583860</v>
      </c>
      <c r="CA15" s="113">
        <v>53876</v>
      </c>
      <c r="CB15" s="117">
        <v>197600</v>
      </c>
      <c r="CC15" s="116">
        <v>251476</v>
      </c>
      <c r="CD15" s="113">
        <v>0</v>
      </c>
      <c r="CE15" s="117">
        <v>1906929</v>
      </c>
      <c r="CF15" s="117">
        <v>2586919</v>
      </c>
      <c r="CG15" s="117">
        <v>1784884</v>
      </c>
      <c r="CH15" s="117">
        <v>1417903</v>
      </c>
      <c r="CI15" s="117">
        <v>491725</v>
      </c>
      <c r="CJ15" s="116">
        <v>8188360</v>
      </c>
      <c r="CK15" s="119">
        <v>8439836</v>
      </c>
      <c r="CL15" s="113">
        <v>0</v>
      </c>
      <c r="CM15" s="117">
        <v>0</v>
      </c>
      <c r="CN15" s="116">
        <v>0</v>
      </c>
      <c r="CO15" s="114">
        <v>0</v>
      </c>
      <c r="CP15" s="117">
        <v>1544786</v>
      </c>
      <c r="CQ15" s="117">
        <v>1866754</v>
      </c>
      <c r="CR15" s="117">
        <v>1258233</v>
      </c>
      <c r="CS15" s="117">
        <v>799701</v>
      </c>
      <c r="CT15" s="117">
        <v>419040</v>
      </c>
      <c r="CU15" s="116">
        <v>5888514</v>
      </c>
      <c r="CV15" s="119">
        <v>5888514</v>
      </c>
      <c r="CW15" s="113">
        <v>53876</v>
      </c>
      <c r="CX15" s="117">
        <v>197600</v>
      </c>
      <c r="CY15" s="116">
        <v>251476</v>
      </c>
      <c r="CZ15" s="113">
        <v>0</v>
      </c>
      <c r="DA15" s="117">
        <v>362143</v>
      </c>
      <c r="DB15" s="117">
        <v>720165</v>
      </c>
      <c r="DC15" s="117">
        <v>526651</v>
      </c>
      <c r="DD15" s="117">
        <v>618202</v>
      </c>
      <c r="DE15" s="117">
        <v>72685</v>
      </c>
      <c r="DF15" s="116">
        <v>2299846</v>
      </c>
      <c r="DG15" s="119">
        <v>2551322</v>
      </c>
      <c r="DH15" s="113">
        <v>0</v>
      </c>
      <c r="DI15" s="117">
        <v>0</v>
      </c>
      <c r="DJ15" s="115">
        <v>0</v>
      </c>
      <c r="DK15" s="114">
        <v>0</v>
      </c>
      <c r="DL15" s="117">
        <v>176976</v>
      </c>
      <c r="DM15" s="117">
        <v>608277</v>
      </c>
      <c r="DN15" s="117">
        <v>965159</v>
      </c>
      <c r="DO15" s="117">
        <v>693729</v>
      </c>
      <c r="DP15" s="117">
        <v>861647</v>
      </c>
      <c r="DQ15" s="116">
        <v>3305788</v>
      </c>
      <c r="DR15" s="119">
        <v>3305788</v>
      </c>
      <c r="DS15" s="113">
        <v>0</v>
      </c>
      <c r="DT15" s="117">
        <v>0</v>
      </c>
      <c r="DU15" s="116">
        <v>0</v>
      </c>
      <c r="DV15" s="113">
        <v>0</v>
      </c>
      <c r="DW15" s="117">
        <v>121931</v>
      </c>
      <c r="DX15" s="117">
        <v>580571</v>
      </c>
      <c r="DY15" s="117">
        <v>717100</v>
      </c>
      <c r="DZ15" s="117">
        <v>648799</v>
      </c>
      <c r="EA15" s="117">
        <v>626113</v>
      </c>
      <c r="EB15" s="116">
        <v>2694514</v>
      </c>
      <c r="EC15" s="119">
        <v>2694514</v>
      </c>
      <c r="ED15" s="113">
        <v>0</v>
      </c>
      <c r="EE15" s="115">
        <v>0</v>
      </c>
      <c r="EF15" s="116">
        <v>0</v>
      </c>
      <c r="EG15" s="113">
        <v>0</v>
      </c>
      <c r="EH15" s="117">
        <v>55045</v>
      </c>
      <c r="EI15" s="117">
        <v>27706</v>
      </c>
      <c r="EJ15" s="117">
        <v>248059</v>
      </c>
      <c r="EK15" s="117">
        <v>44930</v>
      </c>
      <c r="EL15" s="117">
        <v>235534</v>
      </c>
      <c r="EM15" s="115">
        <v>611274</v>
      </c>
      <c r="EN15" s="119">
        <v>611274</v>
      </c>
      <c r="EO15" s="113">
        <v>0</v>
      </c>
      <c r="EP15" s="117">
        <v>0</v>
      </c>
      <c r="EQ15" s="115">
        <v>0</v>
      </c>
      <c r="ER15" s="114">
        <v>0</v>
      </c>
      <c r="ES15" s="117">
        <v>0</v>
      </c>
      <c r="ET15" s="117">
        <v>0</v>
      </c>
      <c r="EU15" s="117">
        <v>0</v>
      </c>
      <c r="EV15" s="117">
        <v>0</v>
      </c>
      <c r="EW15" s="117">
        <v>0</v>
      </c>
      <c r="EX15" s="116">
        <v>0</v>
      </c>
      <c r="EY15" s="119">
        <v>0</v>
      </c>
      <c r="EZ15" s="113">
        <v>0</v>
      </c>
      <c r="FA15" s="117">
        <v>0</v>
      </c>
      <c r="FB15" s="115">
        <v>0</v>
      </c>
      <c r="FC15" s="387"/>
      <c r="FD15" s="117">
        <v>0</v>
      </c>
      <c r="FE15" s="117">
        <v>0</v>
      </c>
      <c r="FF15" s="117">
        <v>0</v>
      </c>
      <c r="FG15" s="117">
        <v>0</v>
      </c>
      <c r="FH15" s="117">
        <v>0</v>
      </c>
      <c r="FI15" s="116">
        <v>0</v>
      </c>
      <c r="FJ15" s="119">
        <v>0</v>
      </c>
      <c r="FK15" s="113">
        <v>443193</v>
      </c>
      <c r="FL15" s="117">
        <v>217504</v>
      </c>
      <c r="FM15" s="116">
        <v>660697</v>
      </c>
      <c r="FN15" s="113">
        <v>0</v>
      </c>
      <c r="FO15" s="117">
        <v>1062680</v>
      </c>
      <c r="FP15" s="117">
        <v>1408050</v>
      </c>
      <c r="FQ15" s="117">
        <v>1056832</v>
      </c>
      <c r="FR15" s="117">
        <v>1086799</v>
      </c>
      <c r="FS15" s="117">
        <v>862246</v>
      </c>
      <c r="FT15" s="116">
        <v>5476607</v>
      </c>
      <c r="FU15" s="119">
        <v>6137304</v>
      </c>
      <c r="FV15" s="118">
        <v>141498</v>
      </c>
      <c r="FW15" s="117">
        <v>210224</v>
      </c>
      <c r="FX15" s="115">
        <v>351722</v>
      </c>
      <c r="FY15" s="114">
        <v>0</v>
      </c>
      <c r="FZ15" s="117">
        <v>556577</v>
      </c>
      <c r="GA15" s="117">
        <v>1202390</v>
      </c>
      <c r="GB15" s="117">
        <v>1056832</v>
      </c>
      <c r="GC15" s="117">
        <v>1014265</v>
      </c>
      <c r="GD15" s="117">
        <v>862246</v>
      </c>
      <c r="GE15" s="116">
        <v>4692310</v>
      </c>
      <c r="GF15" s="351">
        <v>5044032</v>
      </c>
      <c r="GG15" s="118">
        <v>0</v>
      </c>
      <c r="GH15" s="117">
        <v>7280</v>
      </c>
      <c r="GI15" s="115">
        <v>7280</v>
      </c>
      <c r="GJ15" s="114">
        <v>0</v>
      </c>
      <c r="GK15" s="117">
        <v>70686</v>
      </c>
      <c r="GL15" s="117">
        <v>10360</v>
      </c>
      <c r="GM15" s="117">
        <v>0</v>
      </c>
      <c r="GN15" s="117">
        <v>39424</v>
      </c>
      <c r="GO15" s="117">
        <v>0</v>
      </c>
      <c r="GP15" s="116">
        <v>120470</v>
      </c>
      <c r="GQ15" s="119">
        <v>127750</v>
      </c>
      <c r="GR15" s="113">
        <v>301695</v>
      </c>
      <c r="GS15" s="117">
        <v>0</v>
      </c>
      <c r="GT15" s="116">
        <v>301695</v>
      </c>
      <c r="GU15" s="113">
        <v>0</v>
      </c>
      <c r="GV15" s="117">
        <v>435417</v>
      </c>
      <c r="GW15" s="117">
        <v>195300</v>
      </c>
      <c r="GX15" s="117">
        <v>0</v>
      </c>
      <c r="GY15" s="117">
        <v>33110</v>
      </c>
      <c r="GZ15" s="117">
        <v>0</v>
      </c>
      <c r="HA15" s="115">
        <v>663827</v>
      </c>
      <c r="HB15" s="119">
        <v>965522</v>
      </c>
      <c r="HC15" s="113">
        <v>733041</v>
      </c>
      <c r="HD15" s="117">
        <v>571358</v>
      </c>
      <c r="HE15" s="115">
        <v>1304399</v>
      </c>
      <c r="HF15" s="114">
        <v>0</v>
      </c>
      <c r="HG15" s="117">
        <v>3129221</v>
      </c>
      <c r="HH15" s="117">
        <v>3235948</v>
      </c>
      <c r="HI15" s="117">
        <v>2867061</v>
      </c>
      <c r="HJ15" s="117">
        <v>4578517</v>
      </c>
      <c r="HK15" s="117">
        <v>3827443</v>
      </c>
      <c r="HL15" s="116">
        <v>17638190</v>
      </c>
      <c r="HM15" s="112">
        <v>18942589</v>
      </c>
      <c r="HN15" s="367"/>
      <c r="HO15" s="368"/>
      <c r="HP15" s="369"/>
      <c r="HQ15" s="370"/>
      <c r="HR15" s="368"/>
      <c r="HS15" s="368"/>
      <c r="HT15" s="368"/>
      <c r="HU15" s="368"/>
      <c r="HV15" s="368"/>
      <c r="HW15" s="371"/>
      <c r="HX15" s="372"/>
      <c r="HY15" s="132">
        <v>37821</v>
      </c>
      <c r="HZ15" s="167">
        <v>70078</v>
      </c>
      <c r="IA15" s="134">
        <v>107899</v>
      </c>
      <c r="IB15" s="164">
        <v>0</v>
      </c>
      <c r="IC15" s="150">
        <v>1474103</v>
      </c>
      <c r="ID15" s="165">
        <v>3572214</v>
      </c>
      <c r="IE15" s="151">
        <v>2782281</v>
      </c>
      <c r="IF15" s="150">
        <v>3420521</v>
      </c>
      <c r="IG15" s="151">
        <v>1384557</v>
      </c>
      <c r="IH15" s="166">
        <v>12633676</v>
      </c>
      <c r="II15" s="138">
        <v>12741575</v>
      </c>
      <c r="IJ15" s="262">
        <v>0</v>
      </c>
      <c r="IK15" s="269">
        <v>0</v>
      </c>
      <c r="IL15" s="270">
        <v>0</v>
      </c>
      <c r="IM15" s="158"/>
      <c r="IN15" s="123">
        <v>0</v>
      </c>
      <c r="IO15" s="123">
        <v>101846</v>
      </c>
      <c r="IP15" s="123">
        <v>0</v>
      </c>
      <c r="IQ15" s="123">
        <v>612270</v>
      </c>
      <c r="IR15" s="123">
        <v>257581</v>
      </c>
      <c r="IS15" s="159">
        <v>971697</v>
      </c>
      <c r="IT15" s="354">
        <v>971697</v>
      </c>
      <c r="IU15" s="160">
        <v>0</v>
      </c>
      <c r="IV15" s="123">
        <v>0</v>
      </c>
      <c r="IW15" s="124">
        <v>0</v>
      </c>
      <c r="IX15" s="162"/>
      <c r="IY15" s="123">
        <v>0</v>
      </c>
      <c r="IZ15" s="123">
        <v>0</v>
      </c>
      <c r="JA15" s="123">
        <v>0</v>
      </c>
      <c r="JB15" s="123">
        <v>0</v>
      </c>
      <c r="JC15" s="123">
        <v>0</v>
      </c>
      <c r="JD15" s="124">
        <v>0</v>
      </c>
      <c r="JE15" s="125">
        <v>0</v>
      </c>
      <c r="JF15" s="160">
        <v>0</v>
      </c>
      <c r="JG15" s="123">
        <v>0</v>
      </c>
      <c r="JH15" s="159">
        <v>0</v>
      </c>
      <c r="JI15" s="122">
        <v>0</v>
      </c>
      <c r="JJ15" s="123">
        <v>1082760</v>
      </c>
      <c r="JK15" s="123">
        <v>1361374</v>
      </c>
      <c r="JL15" s="123">
        <v>992616</v>
      </c>
      <c r="JM15" s="123">
        <v>635909</v>
      </c>
      <c r="JN15" s="123">
        <v>41977</v>
      </c>
      <c r="JO15" s="124">
        <v>4114636</v>
      </c>
      <c r="JP15" s="354">
        <v>4114636</v>
      </c>
      <c r="JQ15" s="160">
        <v>0</v>
      </c>
      <c r="JR15" s="123">
        <v>0</v>
      </c>
      <c r="JS15" s="159">
        <v>0</v>
      </c>
      <c r="JT15" s="122">
        <v>0</v>
      </c>
      <c r="JU15" s="123">
        <v>97945</v>
      </c>
      <c r="JV15" s="123">
        <v>0</v>
      </c>
      <c r="JW15" s="123">
        <v>100470</v>
      </c>
      <c r="JX15" s="123">
        <v>0</v>
      </c>
      <c r="JY15" s="123">
        <v>55325</v>
      </c>
      <c r="JZ15" s="124">
        <v>253740</v>
      </c>
      <c r="KA15" s="354">
        <v>253740</v>
      </c>
      <c r="KB15" s="265">
        <v>37821</v>
      </c>
      <c r="KC15" s="259">
        <v>70078</v>
      </c>
      <c r="KD15" s="124">
        <v>107899</v>
      </c>
      <c r="KE15" s="122">
        <v>0</v>
      </c>
      <c r="KF15" s="123">
        <v>293398</v>
      </c>
      <c r="KG15" s="123">
        <v>560484</v>
      </c>
      <c r="KH15" s="123">
        <v>605887</v>
      </c>
      <c r="KI15" s="123">
        <v>669871</v>
      </c>
      <c r="KJ15" s="123">
        <v>243509</v>
      </c>
      <c r="KK15" s="124">
        <v>2373149</v>
      </c>
      <c r="KL15" s="161">
        <v>2481048</v>
      </c>
      <c r="KM15" s="262">
        <v>0</v>
      </c>
      <c r="KN15" s="269">
        <v>0</v>
      </c>
      <c r="KO15" s="270">
        <v>0</v>
      </c>
      <c r="KP15" s="158">
        <v>0</v>
      </c>
      <c r="KQ15" s="123">
        <v>0</v>
      </c>
      <c r="KR15" s="123">
        <v>1070911</v>
      </c>
      <c r="KS15" s="123">
        <v>646455</v>
      </c>
      <c r="KT15" s="123">
        <v>1024289</v>
      </c>
      <c r="KU15" s="123">
        <v>232398</v>
      </c>
      <c r="KV15" s="124">
        <v>2974053</v>
      </c>
      <c r="KW15" s="354">
        <v>2974053</v>
      </c>
      <c r="KX15" s="160">
        <v>0</v>
      </c>
      <c r="KY15" s="123">
        <v>0</v>
      </c>
      <c r="KZ15" s="124">
        <v>0</v>
      </c>
      <c r="LA15" s="163">
        <v>0</v>
      </c>
      <c r="LB15" s="123">
        <v>0</v>
      </c>
      <c r="LC15" s="123">
        <v>315844</v>
      </c>
      <c r="LD15" s="123">
        <v>0</v>
      </c>
      <c r="LE15" s="123">
        <v>192155</v>
      </c>
      <c r="LF15" s="123">
        <v>0</v>
      </c>
      <c r="LG15" s="124">
        <v>507999</v>
      </c>
      <c r="LH15" s="125">
        <v>507999</v>
      </c>
      <c r="LI15" s="160">
        <v>0</v>
      </c>
      <c r="LJ15" s="123">
        <v>0</v>
      </c>
      <c r="LK15" s="124">
        <v>0</v>
      </c>
      <c r="LL15" s="163"/>
      <c r="LM15" s="123">
        <v>0</v>
      </c>
      <c r="LN15" s="123">
        <v>0</v>
      </c>
      <c r="LO15" s="123">
        <v>0</v>
      </c>
      <c r="LP15" s="123">
        <v>0</v>
      </c>
      <c r="LQ15" s="123">
        <v>0</v>
      </c>
      <c r="LR15" s="124">
        <v>0</v>
      </c>
      <c r="LS15" s="354">
        <v>0</v>
      </c>
      <c r="LT15" s="160">
        <v>0</v>
      </c>
      <c r="LU15" s="123">
        <v>0</v>
      </c>
      <c r="LV15" s="124">
        <v>0</v>
      </c>
      <c r="LW15" s="163"/>
      <c r="LX15" s="123">
        <v>0</v>
      </c>
      <c r="LY15" s="123">
        <v>161755</v>
      </c>
      <c r="LZ15" s="123">
        <v>436853</v>
      </c>
      <c r="MA15" s="123">
        <v>286027</v>
      </c>
      <c r="MB15" s="123">
        <v>553767</v>
      </c>
      <c r="MC15" s="124">
        <v>1438402</v>
      </c>
      <c r="MD15" s="125">
        <v>1438402</v>
      </c>
      <c r="ME15" s="160">
        <v>0</v>
      </c>
      <c r="MF15" s="123">
        <v>0</v>
      </c>
      <c r="MG15" s="124">
        <v>0</v>
      </c>
      <c r="MH15" s="163"/>
      <c r="MI15" s="123">
        <v>484323</v>
      </c>
      <c r="MJ15" s="123">
        <v>422019</v>
      </c>
      <c r="MK15" s="123">
        <v>3553676</v>
      </c>
      <c r="ML15" s="123">
        <v>5436376</v>
      </c>
      <c r="MM15" s="123">
        <v>5387277</v>
      </c>
      <c r="MN15" s="124">
        <v>15283671</v>
      </c>
      <c r="MO15" s="161">
        <v>15283671</v>
      </c>
      <c r="MP15" s="160">
        <v>0</v>
      </c>
      <c r="MQ15" s="123">
        <v>0</v>
      </c>
      <c r="MR15" s="124">
        <v>0</v>
      </c>
      <c r="MS15" s="163"/>
      <c r="MT15" s="123">
        <v>0</v>
      </c>
      <c r="MU15" s="123">
        <v>0</v>
      </c>
      <c r="MV15" s="123">
        <v>1158079</v>
      </c>
      <c r="MW15" s="123">
        <v>3736192</v>
      </c>
      <c r="MX15" s="123">
        <v>3711782</v>
      </c>
      <c r="MY15" s="124">
        <v>8606053</v>
      </c>
      <c r="MZ15" s="161">
        <v>8606053</v>
      </c>
      <c r="NA15" s="160">
        <v>0</v>
      </c>
      <c r="NB15" s="123">
        <v>0</v>
      </c>
      <c r="NC15" s="124">
        <v>0</v>
      </c>
      <c r="ND15" s="163"/>
      <c r="NE15" s="123">
        <v>484323</v>
      </c>
      <c r="NF15" s="123">
        <v>422019</v>
      </c>
      <c r="NG15" s="123">
        <v>2395597</v>
      </c>
      <c r="NH15" s="123">
        <v>1700184</v>
      </c>
      <c r="NI15" s="123">
        <v>1675495</v>
      </c>
      <c r="NJ15" s="124">
        <v>6677618</v>
      </c>
      <c r="NK15" s="354">
        <v>6677618</v>
      </c>
      <c r="NL15" s="160">
        <v>0</v>
      </c>
      <c r="NM15" s="123">
        <v>0</v>
      </c>
      <c r="NN15" s="124">
        <v>0</v>
      </c>
      <c r="NO15" s="163"/>
      <c r="NP15" s="123">
        <v>0</v>
      </c>
      <c r="NQ15" s="123">
        <v>0</v>
      </c>
      <c r="NR15" s="123">
        <v>0</v>
      </c>
      <c r="NS15" s="123">
        <v>0</v>
      </c>
      <c r="NT15" s="123">
        <v>0</v>
      </c>
      <c r="NU15" s="124">
        <v>0</v>
      </c>
      <c r="NV15" s="125">
        <v>0</v>
      </c>
      <c r="NW15" s="160">
        <v>0</v>
      </c>
      <c r="NX15" s="123">
        <v>0</v>
      </c>
      <c r="NY15" s="124">
        <v>0</v>
      </c>
      <c r="NZ15" s="163"/>
      <c r="OA15" s="123">
        <v>0</v>
      </c>
      <c r="OB15" s="123">
        <v>0</v>
      </c>
      <c r="OC15" s="123">
        <v>0</v>
      </c>
      <c r="OD15" s="123">
        <v>0</v>
      </c>
      <c r="OE15" s="123">
        <v>0</v>
      </c>
      <c r="OF15" s="124">
        <v>0</v>
      </c>
      <c r="OG15" s="125">
        <v>0</v>
      </c>
      <c r="OH15" s="160">
        <v>1570656</v>
      </c>
      <c r="OI15" s="123">
        <v>1280169</v>
      </c>
      <c r="OJ15" s="159">
        <v>2850825</v>
      </c>
      <c r="OK15" s="122">
        <v>0</v>
      </c>
      <c r="OL15" s="123">
        <v>12309618</v>
      </c>
      <c r="OM15" s="123">
        <v>16192139</v>
      </c>
      <c r="ON15" s="123">
        <v>18630506</v>
      </c>
      <c r="OO15" s="123">
        <v>23071687</v>
      </c>
      <c r="OP15" s="123">
        <v>20071316</v>
      </c>
      <c r="OQ15" s="124">
        <v>90275266</v>
      </c>
      <c r="OR15" s="161">
        <v>93126091</v>
      </c>
    </row>
    <row r="16" spans="1:408" ht="20.25" customHeight="1" x14ac:dyDescent="0.2">
      <c r="A16" s="130" t="s">
        <v>10</v>
      </c>
      <c r="B16" s="113">
        <v>1303938</v>
      </c>
      <c r="C16" s="117">
        <v>2478654</v>
      </c>
      <c r="D16" s="116">
        <v>3782592</v>
      </c>
      <c r="E16" s="191">
        <v>0</v>
      </c>
      <c r="F16" s="117">
        <v>17361217</v>
      </c>
      <c r="G16" s="117">
        <v>13794120</v>
      </c>
      <c r="H16" s="117">
        <v>12086189</v>
      </c>
      <c r="I16" s="117">
        <v>15532680</v>
      </c>
      <c r="J16" s="117">
        <v>11664532</v>
      </c>
      <c r="K16" s="112">
        <v>70438738</v>
      </c>
      <c r="L16" s="119">
        <v>74221330</v>
      </c>
      <c r="M16" s="113">
        <v>399486</v>
      </c>
      <c r="N16" s="117">
        <v>1059866</v>
      </c>
      <c r="O16" s="116">
        <v>1459352</v>
      </c>
      <c r="P16" s="113">
        <v>0</v>
      </c>
      <c r="Q16" s="117">
        <v>5959488</v>
      </c>
      <c r="R16" s="117">
        <v>4214761</v>
      </c>
      <c r="S16" s="117">
        <v>4086178</v>
      </c>
      <c r="T16" s="117">
        <v>6743584</v>
      </c>
      <c r="U16" s="117">
        <v>5523711</v>
      </c>
      <c r="V16" s="116">
        <v>26527722</v>
      </c>
      <c r="W16" s="119">
        <v>27987074</v>
      </c>
      <c r="X16" s="113">
        <v>0</v>
      </c>
      <c r="Y16" s="117">
        <v>0</v>
      </c>
      <c r="Z16" s="116">
        <v>0</v>
      </c>
      <c r="AA16" s="113">
        <v>0</v>
      </c>
      <c r="AB16" s="117">
        <v>2729307</v>
      </c>
      <c r="AC16" s="117">
        <v>1972535</v>
      </c>
      <c r="AD16" s="117">
        <v>2061131</v>
      </c>
      <c r="AE16" s="117">
        <v>4506565</v>
      </c>
      <c r="AF16" s="117">
        <v>2662800</v>
      </c>
      <c r="AG16" s="116">
        <v>13932338</v>
      </c>
      <c r="AH16" s="119">
        <v>13932338</v>
      </c>
      <c r="AI16" s="113">
        <v>0</v>
      </c>
      <c r="AJ16" s="117">
        <v>0</v>
      </c>
      <c r="AK16" s="116">
        <v>0</v>
      </c>
      <c r="AL16" s="113">
        <v>0</v>
      </c>
      <c r="AM16" s="117">
        <v>92330</v>
      </c>
      <c r="AN16" s="117">
        <v>60453</v>
      </c>
      <c r="AO16" s="117">
        <v>51294</v>
      </c>
      <c r="AP16" s="117">
        <v>127780</v>
      </c>
      <c r="AQ16" s="117">
        <v>724341</v>
      </c>
      <c r="AR16" s="116">
        <v>1056198</v>
      </c>
      <c r="AS16" s="119">
        <v>1056198</v>
      </c>
      <c r="AT16" s="113">
        <v>182818</v>
      </c>
      <c r="AU16" s="117">
        <v>700676</v>
      </c>
      <c r="AV16" s="116">
        <v>883494</v>
      </c>
      <c r="AW16" s="113">
        <v>0</v>
      </c>
      <c r="AX16" s="117">
        <v>1997826</v>
      </c>
      <c r="AY16" s="117">
        <v>1136150</v>
      </c>
      <c r="AZ16" s="117">
        <v>999239</v>
      </c>
      <c r="BA16" s="117">
        <v>1050951</v>
      </c>
      <c r="BB16" s="117">
        <v>1134051</v>
      </c>
      <c r="BC16" s="116">
        <v>6318217</v>
      </c>
      <c r="BD16" s="119">
        <v>7201711</v>
      </c>
      <c r="BE16" s="113">
        <v>49494</v>
      </c>
      <c r="BF16" s="117">
        <v>151892</v>
      </c>
      <c r="BG16" s="115">
        <v>201386</v>
      </c>
      <c r="BH16" s="114">
        <v>0</v>
      </c>
      <c r="BI16" s="117">
        <v>118872</v>
      </c>
      <c r="BJ16" s="117">
        <v>121476</v>
      </c>
      <c r="BK16" s="117">
        <v>180728</v>
      </c>
      <c r="BL16" s="117">
        <v>62111</v>
      </c>
      <c r="BM16" s="117">
        <v>41986</v>
      </c>
      <c r="BN16" s="116">
        <v>525173</v>
      </c>
      <c r="BO16" s="119">
        <v>726559</v>
      </c>
      <c r="BP16" s="113">
        <v>167174</v>
      </c>
      <c r="BQ16" s="117">
        <v>207298</v>
      </c>
      <c r="BR16" s="116">
        <v>374472</v>
      </c>
      <c r="BS16" s="113">
        <v>0</v>
      </c>
      <c r="BT16" s="117">
        <v>1021153</v>
      </c>
      <c r="BU16" s="117">
        <v>924147</v>
      </c>
      <c r="BV16" s="117">
        <v>793786</v>
      </c>
      <c r="BW16" s="117">
        <v>996177</v>
      </c>
      <c r="BX16" s="117">
        <v>960533</v>
      </c>
      <c r="BY16" s="116">
        <v>4695796</v>
      </c>
      <c r="BZ16" s="119">
        <v>5070268</v>
      </c>
      <c r="CA16" s="113">
        <v>123817</v>
      </c>
      <c r="CB16" s="117">
        <v>67082</v>
      </c>
      <c r="CC16" s="116">
        <v>190899</v>
      </c>
      <c r="CD16" s="113">
        <v>0</v>
      </c>
      <c r="CE16" s="117">
        <v>5532975</v>
      </c>
      <c r="CF16" s="117">
        <v>3979689</v>
      </c>
      <c r="CG16" s="117">
        <v>2038107</v>
      </c>
      <c r="CH16" s="117">
        <v>1404348</v>
      </c>
      <c r="CI16" s="117">
        <v>408078</v>
      </c>
      <c r="CJ16" s="116">
        <v>13363197</v>
      </c>
      <c r="CK16" s="119">
        <v>13554096</v>
      </c>
      <c r="CL16" s="113">
        <v>0</v>
      </c>
      <c r="CM16" s="117">
        <v>0</v>
      </c>
      <c r="CN16" s="116">
        <v>0</v>
      </c>
      <c r="CO16" s="114">
        <v>0</v>
      </c>
      <c r="CP16" s="117">
        <v>4957909</v>
      </c>
      <c r="CQ16" s="117">
        <v>3527283</v>
      </c>
      <c r="CR16" s="117">
        <v>1675596</v>
      </c>
      <c r="CS16" s="117">
        <v>1158250</v>
      </c>
      <c r="CT16" s="117">
        <v>309156</v>
      </c>
      <c r="CU16" s="116">
        <v>11628194</v>
      </c>
      <c r="CV16" s="119">
        <v>11628194</v>
      </c>
      <c r="CW16" s="113">
        <v>123817</v>
      </c>
      <c r="CX16" s="117">
        <v>67082</v>
      </c>
      <c r="CY16" s="116">
        <v>190899</v>
      </c>
      <c r="CZ16" s="113">
        <v>0</v>
      </c>
      <c r="DA16" s="117">
        <v>575066</v>
      </c>
      <c r="DB16" s="117">
        <v>452406</v>
      </c>
      <c r="DC16" s="117">
        <v>362511</v>
      </c>
      <c r="DD16" s="117">
        <v>246098</v>
      </c>
      <c r="DE16" s="117">
        <v>98922</v>
      </c>
      <c r="DF16" s="116">
        <v>1735003</v>
      </c>
      <c r="DG16" s="119">
        <v>1925902</v>
      </c>
      <c r="DH16" s="113">
        <v>73275</v>
      </c>
      <c r="DI16" s="117">
        <v>161511</v>
      </c>
      <c r="DJ16" s="115">
        <v>234786</v>
      </c>
      <c r="DK16" s="114">
        <v>0</v>
      </c>
      <c r="DL16" s="117">
        <v>503590</v>
      </c>
      <c r="DM16" s="117">
        <v>407012</v>
      </c>
      <c r="DN16" s="117">
        <v>1415359</v>
      </c>
      <c r="DO16" s="117">
        <v>1142341</v>
      </c>
      <c r="DP16" s="117">
        <v>283135</v>
      </c>
      <c r="DQ16" s="116">
        <v>3751437</v>
      </c>
      <c r="DR16" s="119">
        <v>3986223</v>
      </c>
      <c r="DS16" s="113">
        <v>73275</v>
      </c>
      <c r="DT16" s="117">
        <v>161511</v>
      </c>
      <c r="DU16" s="116">
        <v>234786</v>
      </c>
      <c r="DV16" s="113">
        <v>0</v>
      </c>
      <c r="DW16" s="117">
        <v>503590</v>
      </c>
      <c r="DX16" s="117">
        <v>203410</v>
      </c>
      <c r="DY16" s="117">
        <v>1415359</v>
      </c>
      <c r="DZ16" s="117">
        <v>1119300</v>
      </c>
      <c r="EA16" s="117">
        <v>283135</v>
      </c>
      <c r="EB16" s="116">
        <v>3524794</v>
      </c>
      <c r="EC16" s="119">
        <v>3759580</v>
      </c>
      <c r="ED16" s="113">
        <v>0</v>
      </c>
      <c r="EE16" s="115">
        <v>0</v>
      </c>
      <c r="EF16" s="116">
        <v>0</v>
      </c>
      <c r="EG16" s="113">
        <v>0</v>
      </c>
      <c r="EH16" s="117">
        <v>0</v>
      </c>
      <c r="EI16" s="117">
        <v>203602</v>
      </c>
      <c r="EJ16" s="117">
        <v>0</v>
      </c>
      <c r="EK16" s="117">
        <v>23041</v>
      </c>
      <c r="EL16" s="117">
        <v>0</v>
      </c>
      <c r="EM16" s="115">
        <v>226643</v>
      </c>
      <c r="EN16" s="119">
        <v>226643</v>
      </c>
      <c r="EO16" s="113">
        <v>0</v>
      </c>
      <c r="EP16" s="117">
        <v>0</v>
      </c>
      <c r="EQ16" s="115">
        <v>0</v>
      </c>
      <c r="ER16" s="114">
        <v>0</v>
      </c>
      <c r="ES16" s="117">
        <v>0</v>
      </c>
      <c r="ET16" s="117">
        <v>0</v>
      </c>
      <c r="EU16" s="117">
        <v>0</v>
      </c>
      <c r="EV16" s="117">
        <v>0</v>
      </c>
      <c r="EW16" s="117">
        <v>0</v>
      </c>
      <c r="EX16" s="116">
        <v>0</v>
      </c>
      <c r="EY16" s="119">
        <v>0</v>
      </c>
      <c r="EZ16" s="113">
        <v>0</v>
      </c>
      <c r="FA16" s="117">
        <v>0</v>
      </c>
      <c r="FB16" s="115">
        <v>0</v>
      </c>
      <c r="FC16" s="387"/>
      <c r="FD16" s="117">
        <v>0</v>
      </c>
      <c r="FE16" s="117">
        <v>0</v>
      </c>
      <c r="FF16" s="117">
        <v>0</v>
      </c>
      <c r="FG16" s="117">
        <v>0</v>
      </c>
      <c r="FH16" s="117">
        <v>0</v>
      </c>
      <c r="FI16" s="116">
        <v>0</v>
      </c>
      <c r="FJ16" s="119">
        <v>0</v>
      </c>
      <c r="FK16" s="113">
        <v>270585</v>
      </c>
      <c r="FL16" s="117">
        <v>479367</v>
      </c>
      <c r="FM16" s="116">
        <v>749952</v>
      </c>
      <c r="FN16" s="113">
        <v>0</v>
      </c>
      <c r="FO16" s="117">
        <v>835079</v>
      </c>
      <c r="FP16" s="117">
        <v>1425690</v>
      </c>
      <c r="FQ16" s="117">
        <v>750477</v>
      </c>
      <c r="FR16" s="117">
        <v>858515</v>
      </c>
      <c r="FS16" s="117">
        <v>816634</v>
      </c>
      <c r="FT16" s="116">
        <v>4686395</v>
      </c>
      <c r="FU16" s="119">
        <v>5436347</v>
      </c>
      <c r="FV16" s="118">
        <v>163030</v>
      </c>
      <c r="FW16" s="117">
        <v>382655</v>
      </c>
      <c r="FX16" s="115">
        <v>545685</v>
      </c>
      <c r="FY16" s="114">
        <v>0</v>
      </c>
      <c r="FZ16" s="117">
        <v>727391</v>
      </c>
      <c r="GA16" s="117">
        <v>1277990</v>
      </c>
      <c r="GB16" s="117">
        <v>740117</v>
      </c>
      <c r="GC16" s="117">
        <v>858515</v>
      </c>
      <c r="GD16" s="117">
        <v>816634</v>
      </c>
      <c r="GE16" s="116">
        <v>4420647</v>
      </c>
      <c r="GF16" s="351">
        <v>4966332</v>
      </c>
      <c r="GG16" s="118">
        <v>0</v>
      </c>
      <c r="GH16" s="117">
        <v>13552</v>
      </c>
      <c r="GI16" s="115">
        <v>13552</v>
      </c>
      <c r="GJ16" s="114">
        <v>0</v>
      </c>
      <c r="GK16" s="117">
        <v>46088</v>
      </c>
      <c r="GL16" s="117">
        <v>0</v>
      </c>
      <c r="GM16" s="117">
        <v>10360</v>
      </c>
      <c r="GN16" s="117">
        <v>0</v>
      </c>
      <c r="GO16" s="117">
        <v>0</v>
      </c>
      <c r="GP16" s="116">
        <v>56448</v>
      </c>
      <c r="GQ16" s="119">
        <v>70000</v>
      </c>
      <c r="GR16" s="113">
        <v>107555</v>
      </c>
      <c r="GS16" s="117">
        <v>83160</v>
      </c>
      <c r="GT16" s="116">
        <v>190715</v>
      </c>
      <c r="GU16" s="113">
        <v>0</v>
      </c>
      <c r="GV16" s="117">
        <v>61600</v>
      </c>
      <c r="GW16" s="117">
        <v>147700</v>
      </c>
      <c r="GX16" s="117">
        <v>0</v>
      </c>
      <c r="GY16" s="117">
        <v>0</v>
      </c>
      <c r="GZ16" s="117">
        <v>0</v>
      </c>
      <c r="HA16" s="115">
        <v>209300</v>
      </c>
      <c r="HB16" s="119">
        <v>400015</v>
      </c>
      <c r="HC16" s="113">
        <v>436775</v>
      </c>
      <c r="HD16" s="117">
        <v>710828</v>
      </c>
      <c r="HE16" s="115">
        <v>1147603</v>
      </c>
      <c r="HF16" s="114">
        <v>0</v>
      </c>
      <c r="HG16" s="117">
        <v>4530085</v>
      </c>
      <c r="HH16" s="117">
        <v>3766968</v>
      </c>
      <c r="HI16" s="117">
        <v>3796068</v>
      </c>
      <c r="HJ16" s="117">
        <v>5383892</v>
      </c>
      <c r="HK16" s="117">
        <v>4632974</v>
      </c>
      <c r="HL16" s="116">
        <v>22109987</v>
      </c>
      <c r="HM16" s="112">
        <v>23257590</v>
      </c>
      <c r="HN16" s="367"/>
      <c r="HO16" s="368"/>
      <c r="HP16" s="369"/>
      <c r="HQ16" s="370"/>
      <c r="HR16" s="368"/>
      <c r="HS16" s="368"/>
      <c r="HT16" s="368"/>
      <c r="HU16" s="368"/>
      <c r="HV16" s="368"/>
      <c r="HW16" s="371"/>
      <c r="HX16" s="372"/>
      <c r="HY16" s="168">
        <v>79887</v>
      </c>
      <c r="HZ16" s="153">
        <v>137956</v>
      </c>
      <c r="IA16" s="168">
        <v>217843</v>
      </c>
      <c r="IB16" s="152">
        <v>0</v>
      </c>
      <c r="IC16" s="153">
        <v>2908696</v>
      </c>
      <c r="ID16" s="154">
        <v>3337813</v>
      </c>
      <c r="IE16" s="155">
        <v>3863037</v>
      </c>
      <c r="IF16" s="153">
        <v>3756043</v>
      </c>
      <c r="IG16" s="155">
        <v>3701802</v>
      </c>
      <c r="IH16" s="156">
        <v>17567391</v>
      </c>
      <c r="II16" s="168">
        <v>17785234</v>
      </c>
      <c r="IJ16" s="262">
        <v>0</v>
      </c>
      <c r="IK16" s="269">
        <v>0</v>
      </c>
      <c r="IL16" s="270">
        <v>0</v>
      </c>
      <c r="IM16" s="158"/>
      <c r="IN16" s="123">
        <v>73428</v>
      </c>
      <c r="IO16" s="123">
        <v>212380</v>
      </c>
      <c r="IP16" s="123">
        <v>0</v>
      </c>
      <c r="IQ16" s="123">
        <v>269372</v>
      </c>
      <c r="IR16" s="123">
        <v>0</v>
      </c>
      <c r="IS16" s="159">
        <v>555180</v>
      </c>
      <c r="IT16" s="354">
        <v>555180</v>
      </c>
      <c r="IU16" s="160">
        <v>0</v>
      </c>
      <c r="IV16" s="123">
        <v>0</v>
      </c>
      <c r="IW16" s="124">
        <v>0</v>
      </c>
      <c r="IX16" s="162"/>
      <c r="IY16" s="123">
        <v>0</v>
      </c>
      <c r="IZ16" s="123">
        <v>0</v>
      </c>
      <c r="JA16" s="123">
        <v>9165</v>
      </c>
      <c r="JB16" s="123">
        <v>16457</v>
      </c>
      <c r="JC16" s="123">
        <v>18330</v>
      </c>
      <c r="JD16" s="124">
        <v>43952</v>
      </c>
      <c r="JE16" s="125">
        <v>43952</v>
      </c>
      <c r="JF16" s="160">
        <v>0</v>
      </c>
      <c r="JG16" s="123">
        <v>0</v>
      </c>
      <c r="JH16" s="159">
        <v>0</v>
      </c>
      <c r="JI16" s="122">
        <v>0</v>
      </c>
      <c r="JJ16" s="123">
        <v>1283937</v>
      </c>
      <c r="JK16" s="123">
        <v>409634</v>
      </c>
      <c r="JL16" s="123">
        <v>597773</v>
      </c>
      <c r="JM16" s="123">
        <v>112872</v>
      </c>
      <c r="JN16" s="123">
        <v>41493</v>
      </c>
      <c r="JO16" s="124">
        <v>2445709</v>
      </c>
      <c r="JP16" s="354">
        <v>2445709</v>
      </c>
      <c r="JQ16" s="160">
        <v>0</v>
      </c>
      <c r="JR16" s="123">
        <v>0</v>
      </c>
      <c r="JS16" s="159">
        <v>0</v>
      </c>
      <c r="JT16" s="122">
        <v>0</v>
      </c>
      <c r="JU16" s="123">
        <v>95751</v>
      </c>
      <c r="JV16" s="123">
        <v>245513</v>
      </c>
      <c r="JW16" s="123">
        <v>129152</v>
      </c>
      <c r="JX16" s="123">
        <v>81932</v>
      </c>
      <c r="JY16" s="123">
        <v>19714</v>
      </c>
      <c r="JZ16" s="124">
        <v>572062</v>
      </c>
      <c r="KA16" s="354">
        <v>572062</v>
      </c>
      <c r="KB16" s="265">
        <v>79887</v>
      </c>
      <c r="KC16" s="259">
        <v>137956</v>
      </c>
      <c r="KD16" s="124">
        <v>217843</v>
      </c>
      <c r="KE16" s="122">
        <v>0</v>
      </c>
      <c r="KF16" s="123">
        <v>489361</v>
      </c>
      <c r="KG16" s="123">
        <v>308993</v>
      </c>
      <c r="KH16" s="123">
        <v>613509</v>
      </c>
      <c r="KI16" s="123">
        <v>440287</v>
      </c>
      <c r="KJ16" s="123">
        <v>746744</v>
      </c>
      <c r="KK16" s="124">
        <v>2598894</v>
      </c>
      <c r="KL16" s="161">
        <v>2816737</v>
      </c>
      <c r="KM16" s="262">
        <v>0</v>
      </c>
      <c r="KN16" s="269">
        <v>0</v>
      </c>
      <c r="KO16" s="270">
        <v>0</v>
      </c>
      <c r="KP16" s="158">
        <v>0</v>
      </c>
      <c r="KQ16" s="123">
        <v>829712</v>
      </c>
      <c r="KR16" s="123">
        <v>1548687</v>
      </c>
      <c r="KS16" s="123">
        <v>1105405</v>
      </c>
      <c r="KT16" s="123">
        <v>1357978</v>
      </c>
      <c r="KU16" s="123">
        <v>1607432</v>
      </c>
      <c r="KV16" s="124">
        <v>6449214</v>
      </c>
      <c r="KW16" s="354">
        <v>6449214</v>
      </c>
      <c r="KX16" s="160">
        <v>0</v>
      </c>
      <c r="KY16" s="123">
        <v>0</v>
      </c>
      <c r="KZ16" s="124">
        <v>0</v>
      </c>
      <c r="LA16" s="163">
        <v>0</v>
      </c>
      <c r="LB16" s="123">
        <v>136507</v>
      </c>
      <c r="LC16" s="123">
        <v>612606</v>
      </c>
      <c r="LD16" s="123">
        <v>1170839</v>
      </c>
      <c r="LE16" s="123">
        <v>563175</v>
      </c>
      <c r="LF16" s="123">
        <v>1031315</v>
      </c>
      <c r="LG16" s="124">
        <v>3514442</v>
      </c>
      <c r="LH16" s="125">
        <v>3514442</v>
      </c>
      <c r="LI16" s="160">
        <v>0</v>
      </c>
      <c r="LJ16" s="123">
        <v>0</v>
      </c>
      <c r="LK16" s="124">
        <v>0</v>
      </c>
      <c r="LL16" s="163"/>
      <c r="LM16" s="123">
        <v>0</v>
      </c>
      <c r="LN16" s="123">
        <v>0</v>
      </c>
      <c r="LO16" s="123">
        <v>0</v>
      </c>
      <c r="LP16" s="123">
        <v>913970</v>
      </c>
      <c r="LQ16" s="123">
        <v>236774</v>
      </c>
      <c r="LR16" s="124">
        <v>1150744</v>
      </c>
      <c r="LS16" s="354">
        <v>1150744</v>
      </c>
      <c r="LT16" s="160">
        <v>0</v>
      </c>
      <c r="LU16" s="123">
        <v>0</v>
      </c>
      <c r="LV16" s="124">
        <v>0</v>
      </c>
      <c r="LW16" s="163"/>
      <c r="LX16" s="123">
        <v>0</v>
      </c>
      <c r="LY16" s="123">
        <v>0</v>
      </c>
      <c r="LZ16" s="123">
        <v>237194</v>
      </c>
      <c r="MA16" s="123">
        <v>0</v>
      </c>
      <c r="MB16" s="123">
        <v>0</v>
      </c>
      <c r="MC16" s="124">
        <v>237194</v>
      </c>
      <c r="MD16" s="125">
        <v>237194</v>
      </c>
      <c r="ME16" s="160">
        <v>0</v>
      </c>
      <c r="MF16" s="123">
        <v>0</v>
      </c>
      <c r="MG16" s="124">
        <v>0</v>
      </c>
      <c r="MH16" s="163"/>
      <c r="MI16" s="123">
        <v>426635</v>
      </c>
      <c r="MJ16" s="123">
        <v>1358535</v>
      </c>
      <c r="MK16" s="123">
        <v>6643053</v>
      </c>
      <c r="ML16" s="123">
        <v>5189677</v>
      </c>
      <c r="MM16" s="123">
        <v>4967784</v>
      </c>
      <c r="MN16" s="124">
        <v>18585684</v>
      </c>
      <c r="MO16" s="161">
        <v>18585684</v>
      </c>
      <c r="MP16" s="160">
        <v>0</v>
      </c>
      <c r="MQ16" s="123">
        <v>0</v>
      </c>
      <c r="MR16" s="124">
        <v>0</v>
      </c>
      <c r="MS16" s="163"/>
      <c r="MT16" s="123">
        <v>0</v>
      </c>
      <c r="MU16" s="123">
        <v>411278</v>
      </c>
      <c r="MV16" s="123">
        <v>4318850</v>
      </c>
      <c r="MW16" s="123">
        <v>3856070</v>
      </c>
      <c r="MX16" s="123">
        <v>3820897</v>
      </c>
      <c r="MY16" s="124">
        <v>12407095</v>
      </c>
      <c r="MZ16" s="161">
        <v>12407095</v>
      </c>
      <c r="NA16" s="160">
        <v>0</v>
      </c>
      <c r="NB16" s="123">
        <v>0</v>
      </c>
      <c r="NC16" s="124">
        <v>0</v>
      </c>
      <c r="ND16" s="163"/>
      <c r="NE16" s="123">
        <v>426635</v>
      </c>
      <c r="NF16" s="123">
        <v>947257</v>
      </c>
      <c r="NG16" s="123">
        <v>2324203</v>
      </c>
      <c r="NH16" s="123">
        <v>1333607</v>
      </c>
      <c r="NI16" s="123">
        <v>499953</v>
      </c>
      <c r="NJ16" s="124">
        <v>5531655</v>
      </c>
      <c r="NK16" s="354">
        <v>5531655</v>
      </c>
      <c r="NL16" s="160">
        <v>0</v>
      </c>
      <c r="NM16" s="123">
        <v>0</v>
      </c>
      <c r="NN16" s="124">
        <v>0</v>
      </c>
      <c r="NO16" s="163"/>
      <c r="NP16" s="123">
        <v>0</v>
      </c>
      <c r="NQ16" s="123">
        <v>0</v>
      </c>
      <c r="NR16" s="123">
        <v>0</v>
      </c>
      <c r="NS16" s="123">
        <v>0</v>
      </c>
      <c r="NT16" s="123">
        <v>0</v>
      </c>
      <c r="NU16" s="124">
        <v>0</v>
      </c>
      <c r="NV16" s="125">
        <v>0</v>
      </c>
      <c r="NW16" s="160">
        <v>0</v>
      </c>
      <c r="NX16" s="123">
        <v>0</v>
      </c>
      <c r="NY16" s="124">
        <v>0</v>
      </c>
      <c r="NZ16" s="163"/>
      <c r="OA16" s="123">
        <v>0</v>
      </c>
      <c r="OB16" s="123">
        <v>0</v>
      </c>
      <c r="OC16" s="123">
        <v>0</v>
      </c>
      <c r="OD16" s="123">
        <v>0</v>
      </c>
      <c r="OE16" s="123">
        <v>646934</v>
      </c>
      <c r="OF16" s="124">
        <v>646934</v>
      </c>
      <c r="OG16" s="125">
        <v>646934</v>
      </c>
      <c r="OH16" s="160">
        <v>1383825</v>
      </c>
      <c r="OI16" s="123">
        <v>2616610</v>
      </c>
      <c r="OJ16" s="159">
        <v>4000435</v>
      </c>
      <c r="OK16" s="122">
        <v>0</v>
      </c>
      <c r="OL16" s="123">
        <v>20696548</v>
      </c>
      <c r="OM16" s="123">
        <v>18490468</v>
      </c>
      <c r="ON16" s="123">
        <v>22592279</v>
      </c>
      <c r="OO16" s="123">
        <v>24478400</v>
      </c>
      <c r="OP16" s="123">
        <v>20334118</v>
      </c>
      <c r="OQ16" s="124">
        <v>106591813</v>
      </c>
      <c r="OR16" s="161">
        <v>110592248</v>
      </c>
    </row>
    <row r="17" spans="1:408" ht="20.25" customHeight="1" x14ac:dyDescent="0.2">
      <c r="A17" s="130" t="s">
        <v>11</v>
      </c>
      <c r="B17" s="113">
        <v>434516</v>
      </c>
      <c r="C17" s="117">
        <v>696918</v>
      </c>
      <c r="D17" s="189">
        <v>1131434</v>
      </c>
      <c r="E17" s="114">
        <v>0</v>
      </c>
      <c r="F17" s="117">
        <v>6013434</v>
      </c>
      <c r="G17" s="117">
        <v>2867793</v>
      </c>
      <c r="H17" s="117">
        <v>5730775</v>
      </c>
      <c r="I17" s="117">
        <v>6084618</v>
      </c>
      <c r="J17" s="117">
        <v>4430786</v>
      </c>
      <c r="K17" s="112">
        <v>25127406</v>
      </c>
      <c r="L17" s="119">
        <v>26258840</v>
      </c>
      <c r="M17" s="113">
        <v>151771</v>
      </c>
      <c r="N17" s="117">
        <v>134863</v>
      </c>
      <c r="O17" s="116">
        <v>286634</v>
      </c>
      <c r="P17" s="113">
        <v>0</v>
      </c>
      <c r="Q17" s="117">
        <v>1523412</v>
      </c>
      <c r="R17" s="117">
        <v>788792</v>
      </c>
      <c r="S17" s="117">
        <v>1105484</v>
      </c>
      <c r="T17" s="117">
        <v>1340483</v>
      </c>
      <c r="U17" s="117">
        <v>1457630</v>
      </c>
      <c r="V17" s="116">
        <v>6215801</v>
      </c>
      <c r="W17" s="119">
        <v>6502435</v>
      </c>
      <c r="X17" s="113">
        <v>0</v>
      </c>
      <c r="Y17" s="117">
        <v>0</v>
      </c>
      <c r="Z17" s="116">
        <v>0</v>
      </c>
      <c r="AA17" s="113">
        <v>0</v>
      </c>
      <c r="AB17" s="117">
        <v>487508</v>
      </c>
      <c r="AC17" s="117">
        <v>464692</v>
      </c>
      <c r="AD17" s="117">
        <v>543911</v>
      </c>
      <c r="AE17" s="117">
        <v>635663</v>
      </c>
      <c r="AF17" s="117">
        <v>536681</v>
      </c>
      <c r="AG17" s="116">
        <v>2668455</v>
      </c>
      <c r="AH17" s="119">
        <v>2668455</v>
      </c>
      <c r="AI17" s="113">
        <v>0</v>
      </c>
      <c r="AJ17" s="117">
        <v>0</v>
      </c>
      <c r="AK17" s="116">
        <v>0</v>
      </c>
      <c r="AL17" s="113">
        <v>0</v>
      </c>
      <c r="AM17" s="117">
        <v>51507</v>
      </c>
      <c r="AN17" s="117">
        <v>0</v>
      </c>
      <c r="AO17" s="117">
        <v>0</v>
      </c>
      <c r="AP17" s="117">
        <v>184003</v>
      </c>
      <c r="AQ17" s="117">
        <v>111105</v>
      </c>
      <c r="AR17" s="116">
        <v>346615</v>
      </c>
      <c r="AS17" s="119">
        <v>346615</v>
      </c>
      <c r="AT17" s="113">
        <v>99565</v>
      </c>
      <c r="AU17" s="117">
        <v>71662</v>
      </c>
      <c r="AV17" s="116">
        <v>171227</v>
      </c>
      <c r="AW17" s="113">
        <v>0</v>
      </c>
      <c r="AX17" s="117">
        <v>603520</v>
      </c>
      <c r="AY17" s="117">
        <v>191970</v>
      </c>
      <c r="AZ17" s="117">
        <v>256206</v>
      </c>
      <c r="BA17" s="117">
        <v>321695</v>
      </c>
      <c r="BB17" s="117">
        <v>611975</v>
      </c>
      <c r="BC17" s="116">
        <v>1985366</v>
      </c>
      <c r="BD17" s="119">
        <v>2156593</v>
      </c>
      <c r="BE17" s="113">
        <v>0</v>
      </c>
      <c r="BF17" s="117">
        <v>36629</v>
      </c>
      <c r="BG17" s="115">
        <v>36629</v>
      </c>
      <c r="BH17" s="114">
        <v>0</v>
      </c>
      <c r="BI17" s="117">
        <v>153916</v>
      </c>
      <c r="BJ17" s="117">
        <v>23742</v>
      </c>
      <c r="BK17" s="117">
        <v>41208</v>
      </c>
      <c r="BL17" s="117">
        <v>0</v>
      </c>
      <c r="BM17" s="117">
        <v>64330</v>
      </c>
      <c r="BN17" s="116">
        <v>283196</v>
      </c>
      <c r="BO17" s="119">
        <v>319825</v>
      </c>
      <c r="BP17" s="113">
        <v>52206</v>
      </c>
      <c r="BQ17" s="117">
        <v>26572</v>
      </c>
      <c r="BR17" s="116">
        <v>78778</v>
      </c>
      <c r="BS17" s="113">
        <v>0</v>
      </c>
      <c r="BT17" s="117">
        <v>226961</v>
      </c>
      <c r="BU17" s="117">
        <v>108388</v>
      </c>
      <c r="BV17" s="117">
        <v>264159</v>
      </c>
      <c r="BW17" s="117">
        <v>199122</v>
      </c>
      <c r="BX17" s="117">
        <v>133539</v>
      </c>
      <c r="BY17" s="116">
        <v>932169</v>
      </c>
      <c r="BZ17" s="119">
        <v>1010947</v>
      </c>
      <c r="CA17" s="113">
        <v>18513</v>
      </c>
      <c r="CB17" s="117">
        <v>137656</v>
      </c>
      <c r="CC17" s="116">
        <v>156169</v>
      </c>
      <c r="CD17" s="113">
        <v>0</v>
      </c>
      <c r="CE17" s="117">
        <v>1377499</v>
      </c>
      <c r="CF17" s="117">
        <v>913057</v>
      </c>
      <c r="CG17" s="117">
        <v>1653271</v>
      </c>
      <c r="CH17" s="117">
        <v>622539</v>
      </c>
      <c r="CI17" s="117">
        <v>576418</v>
      </c>
      <c r="CJ17" s="116">
        <v>5142784</v>
      </c>
      <c r="CK17" s="119">
        <v>5298953</v>
      </c>
      <c r="CL17" s="113">
        <v>0</v>
      </c>
      <c r="CM17" s="117">
        <v>0</v>
      </c>
      <c r="CN17" s="116">
        <v>0</v>
      </c>
      <c r="CO17" s="114">
        <v>0</v>
      </c>
      <c r="CP17" s="117">
        <v>984879</v>
      </c>
      <c r="CQ17" s="117">
        <v>761190</v>
      </c>
      <c r="CR17" s="117">
        <v>1032315</v>
      </c>
      <c r="CS17" s="117">
        <v>394334</v>
      </c>
      <c r="CT17" s="117">
        <v>359134</v>
      </c>
      <c r="CU17" s="116">
        <v>3531852</v>
      </c>
      <c r="CV17" s="119">
        <v>3531852</v>
      </c>
      <c r="CW17" s="113">
        <v>18513</v>
      </c>
      <c r="CX17" s="117">
        <v>137656</v>
      </c>
      <c r="CY17" s="116">
        <v>156169</v>
      </c>
      <c r="CZ17" s="113">
        <v>0</v>
      </c>
      <c r="DA17" s="117">
        <v>392620</v>
      </c>
      <c r="DB17" s="117">
        <v>151867</v>
      </c>
      <c r="DC17" s="117">
        <v>620956</v>
      </c>
      <c r="DD17" s="117">
        <v>228205</v>
      </c>
      <c r="DE17" s="117">
        <v>217284</v>
      </c>
      <c r="DF17" s="116">
        <v>1610932</v>
      </c>
      <c r="DG17" s="119">
        <v>1767101</v>
      </c>
      <c r="DH17" s="113">
        <v>0</v>
      </c>
      <c r="DI17" s="117">
        <v>0</v>
      </c>
      <c r="DJ17" s="115">
        <v>0</v>
      </c>
      <c r="DK17" s="114">
        <v>0</v>
      </c>
      <c r="DL17" s="117">
        <v>65140</v>
      </c>
      <c r="DM17" s="117">
        <v>181920</v>
      </c>
      <c r="DN17" s="117">
        <v>410048</v>
      </c>
      <c r="DO17" s="117">
        <v>664573</v>
      </c>
      <c r="DP17" s="117">
        <v>451466</v>
      </c>
      <c r="DQ17" s="116">
        <v>1773147</v>
      </c>
      <c r="DR17" s="119">
        <v>1773147</v>
      </c>
      <c r="DS17" s="113">
        <v>0</v>
      </c>
      <c r="DT17" s="117">
        <v>0</v>
      </c>
      <c r="DU17" s="116">
        <v>0</v>
      </c>
      <c r="DV17" s="113">
        <v>0</v>
      </c>
      <c r="DW17" s="117">
        <v>47936</v>
      </c>
      <c r="DX17" s="117">
        <v>181920</v>
      </c>
      <c r="DY17" s="117">
        <v>214316</v>
      </c>
      <c r="DZ17" s="117">
        <v>463561</v>
      </c>
      <c r="EA17" s="117">
        <v>282010</v>
      </c>
      <c r="EB17" s="116">
        <v>1189743</v>
      </c>
      <c r="EC17" s="119">
        <v>1189743</v>
      </c>
      <c r="ED17" s="113">
        <v>0</v>
      </c>
      <c r="EE17" s="115">
        <v>0</v>
      </c>
      <c r="EF17" s="116">
        <v>0</v>
      </c>
      <c r="EG17" s="113">
        <v>0</v>
      </c>
      <c r="EH17" s="117">
        <v>17204</v>
      </c>
      <c r="EI17" s="117">
        <v>0</v>
      </c>
      <c r="EJ17" s="117">
        <v>195732</v>
      </c>
      <c r="EK17" s="117">
        <v>201012</v>
      </c>
      <c r="EL17" s="117">
        <v>169456</v>
      </c>
      <c r="EM17" s="115">
        <v>583404</v>
      </c>
      <c r="EN17" s="119">
        <v>583404</v>
      </c>
      <c r="EO17" s="113">
        <v>0</v>
      </c>
      <c r="EP17" s="117">
        <v>0</v>
      </c>
      <c r="EQ17" s="115">
        <v>0</v>
      </c>
      <c r="ER17" s="114">
        <v>0</v>
      </c>
      <c r="ES17" s="117">
        <v>0</v>
      </c>
      <c r="ET17" s="117">
        <v>0</v>
      </c>
      <c r="EU17" s="117">
        <v>0</v>
      </c>
      <c r="EV17" s="117">
        <v>0</v>
      </c>
      <c r="EW17" s="117">
        <v>0</v>
      </c>
      <c r="EX17" s="116">
        <v>0</v>
      </c>
      <c r="EY17" s="119">
        <v>0</v>
      </c>
      <c r="EZ17" s="113">
        <v>0</v>
      </c>
      <c r="FA17" s="117">
        <v>0</v>
      </c>
      <c r="FB17" s="115">
        <v>0</v>
      </c>
      <c r="FC17" s="387"/>
      <c r="FD17" s="117">
        <v>0</v>
      </c>
      <c r="FE17" s="117">
        <v>0</v>
      </c>
      <c r="FF17" s="117">
        <v>0</v>
      </c>
      <c r="FG17" s="117">
        <v>0</v>
      </c>
      <c r="FH17" s="117">
        <v>0</v>
      </c>
      <c r="FI17" s="116">
        <v>0</v>
      </c>
      <c r="FJ17" s="119">
        <v>0</v>
      </c>
      <c r="FK17" s="113">
        <v>64820</v>
      </c>
      <c r="FL17" s="117">
        <v>102536</v>
      </c>
      <c r="FM17" s="116">
        <v>167356</v>
      </c>
      <c r="FN17" s="113">
        <v>0</v>
      </c>
      <c r="FO17" s="117">
        <v>268352</v>
      </c>
      <c r="FP17" s="117">
        <v>265489</v>
      </c>
      <c r="FQ17" s="117">
        <v>381654</v>
      </c>
      <c r="FR17" s="117">
        <v>290626</v>
      </c>
      <c r="FS17" s="117">
        <v>278936</v>
      </c>
      <c r="FT17" s="116">
        <v>1485057</v>
      </c>
      <c r="FU17" s="119">
        <v>1652413</v>
      </c>
      <c r="FV17" s="118">
        <v>64820</v>
      </c>
      <c r="FW17" s="117">
        <v>102536</v>
      </c>
      <c r="FX17" s="115">
        <v>167356</v>
      </c>
      <c r="FY17" s="114">
        <v>0</v>
      </c>
      <c r="FZ17" s="117">
        <v>268352</v>
      </c>
      <c r="GA17" s="117">
        <v>265489</v>
      </c>
      <c r="GB17" s="117">
        <v>381654</v>
      </c>
      <c r="GC17" s="117">
        <v>290626</v>
      </c>
      <c r="GD17" s="117">
        <v>278936</v>
      </c>
      <c r="GE17" s="116">
        <v>1485057</v>
      </c>
      <c r="GF17" s="351">
        <v>1652413</v>
      </c>
      <c r="GG17" s="118">
        <v>0</v>
      </c>
      <c r="GH17" s="117">
        <v>0</v>
      </c>
      <c r="GI17" s="115">
        <v>0</v>
      </c>
      <c r="GJ17" s="114">
        <v>0</v>
      </c>
      <c r="GK17" s="117">
        <v>0</v>
      </c>
      <c r="GL17" s="117">
        <v>0</v>
      </c>
      <c r="GM17" s="117">
        <v>0</v>
      </c>
      <c r="GN17" s="117">
        <v>0</v>
      </c>
      <c r="GO17" s="117">
        <v>0</v>
      </c>
      <c r="GP17" s="116">
        <v>0</v>
      </c>
      <c r="GQ17" s="119">
        <v>0</v>
      </c>
      <c r="GR17" s="113">
        <v>0</v>
      </c>
      <c r="GS17" s="117">
        <v>0</v>
      </c>
      <c r="GT17" s="116">
        <v>0</v>
      </c>
      <c r="GU17" s="113">
        <v>0</v>
      </c>
      <c r="GV17" s="117">
        <v>0</v>
      </c>
      <c r="GW17" s="117">
        <v>0</v>
      </c>
      <c r="GX17" s="117">
        <v>0</v>
      </c>
      <c r="GY17" s="117">
        <v>0</v>
      </c>
      <c r="GZ17" s="117">
        <v>0</v>
      </c>
      <c r="HA17" s="115">
        <v>0</v>
      </c>
      <c r="HB17" s="119">
        <v>0</v>
      </c>
      <c r="HC17" s="113">
        <v>199412</v>
      </c>
      <c r="HD17" s="117">
        <v>321863</v>
      </c>
      <c r="HE17" s="115">
        <v>521275</v>
      </c>
      <c r="HF17" s="114">
        <v>0</v>
      </c>
      <c r="HG17" s="117">
        <v>2779031</v>
      </c>
      <c r="HH17" s="117">
        <v>718535</v>
      </c>
      <c r="HI17" s="117">
        <v>2180318</v>
      </c>
      <c r="HJ17" s="117">
        <v>3166397</v>
      </c>
      <c r="HK17" s="117">
        <v>1666336</v>
      </c>
      <c r="HL17" s="116">
        <v>10510617</v>
      </c>
      <c r="HM17" s="112">
        <v>11031892</v>
      </c>
      <c r="HN17" s="367"/>
      <c r="HO17" s="368"/>
      <c r="HP17" s="369"/>
      <c r="HQ17" s="370"/>
      <c r="HR17" s="368"/>
      <c r="HS17" s="368"/>
      <c r="HT17" s="368"/>
      <c r="HU17" s="368"/>
      <c r="HV17" s="368"/>
      <c r="HW17" s="371"/>
      <c r="HX17" s="372"/>
      <c r="HY17" s="149">
        <v>40853</v>
      </c>
      <c r="HZ17" s="150">
        <v>0</v>
      </c>
      <c r="IA17" s="151">
        <v>40853</v>
      </c>
      <c r="IB17" s="164">
        <v>0</v>
      </c>
      <c r="IC17" s="150">
        <v>703463</v>
      </c>
      <c r="ID17" s="165">
        <v>1180058</v>
      </c>
      <c r="IE17" s="151">
        <v>791416</v>
      </c>
      <c r="IF17" s="150">
        <v>838948</v>
      </c>
      <c r="IG17" s="151">
        <v>622779</v>
      </c>
      <c r="IH17" s="166">
        <v>4136664</v>
      </c>
      <c r="II17" s="157">
        <v>4177517</v>
      </c>
      <c r="IJ17" s="262">
        <v>0</v>
      </c>
      <c r="IK17" s="269">
        <v>0</v>
      </c>
      <c r="IL17" s="270">
        <v>0</v>
      </c>
      <c r="IM17" s="158"/>
      <c r="IN17" s="123">
        <v>0</v>
      </c>
      <c r="IO17" s="123">
        <v>108383</v>
      </c>
      <c r="IP17" s="123">
        <v>111895</v>
      </c>
      <c r="IQ17" s="123">
        <v>0</v>
      </c>
      <c r="IR17" s="123">
        <v>279420</v>
      </c>
      <c r="IS17" s="159">
        <v>499698</v>
      </c>
      <c r="IT17" s="354">
        <v>499698</v>
      </c>
      <c r="IU17" s="160">
        <v>0</v>
      </c>
      <c r="IV17" s="123">
        <v>0</v>
      </c>
      <c r="IW17" s="124">
        <v>0</v>
      </c>
      <c r="IX17" s="162"/>
      <c r="IY17" s="123">
        <v>9047</v>
      </c>
      <c r="IZ17" s="123">
        <v>0</v>
      </c>
      <c r="JA17" s="123">
        <v>0</v>
      </c>
      <c r="JB17" s="123">
        <v>0</v>
      </c>
      <c r="JC17" s="123">
        <v>0</v>
      </c>
      <c r="JD17" s="124">
        <v>9047</v>
      </c>
      <c r="JE17" s="125">
        <v>9047</v>
      </c>
      <c r="JF17" s="160">
        <v>0</v>
      </c>
      <c r="JG17" s="123">
        <v>0</v>
      </c>
      <c r="JH17" s="159">
        <v>0</v>
      </c>
      <c r="JI17" s="122">
        <v>0</v>
      </c>
      <c r="JJ17" s="123">
        <v>586662</v>
      </c>
      <c r="JK17" s="123">
        <v>276517</v>
      </c>
      <c r="JL17" s="123">
        <v>467328</v>
      </c>
      <c r="JM17" s="123">
        <v>147779</v>
      </c>
      <c r="JN17" s="123">
        <v>0</v>
      </c>
      <c r="JO17" s="124">
        <v>1478286</v>
      </c>
      <c r="JP17" s="354">
        <v>1478286</v>
      </c>
      <c r="JQ17" s="160">
        <v>0</v>
      </c>
      <c r="JR17" s="123">
        <v>0</v>
      </c>
      <c r="JS17" s="159">
        <v>0</v>
      </c>
      <c r="JT17" s="122">
        <v>0</v>
      </c>
      <c r="JU17" s="123">
        <v>0</v>
      </c>
      <c r="JV17" s="123">
        <v>0</v>
      </c>
      <c r="JW17" s="123">
        <v>0</v>
      </c>
      <c r="JX17" s="123">
        <v>0</v>
      </c>
      <c r="JY17" s="123">
        <v>114422</v>
      </c>
      <c r="JZ17" s="124">
        <v>114422</v>
      </c>
      <c r="KA17" s="354">
        <v>114422</v>
      </c>
      <c r="KB17" s="265">
        <v>40853</v>
      </c>
      <c r="KC17" s="259">
        <v>0</v>
      </c>
      <c r="KD17" s="124">
        <v>40853</v>
      </c>
      <c r="KE17" s="122">
        <v>0</v>
      </c>
      <c r="KF17" s="123">
        <v>107754</v>
      </c>
      <c r="KG17" s="123">
        <v>147330</v>
      </c>
      <c r="KH17" s="123">
        <v>212193</v>
      </c>
      <c r="KI17" s="123">
        <v>0</v>
      </c>
      <c r="KJ17" s="123">
        <v>0</v>
      </c>
      <c r="KK17" s="124">
        <v>467277</v>
      </c>
      <c r="KL17" s="161">
        <v>508130</v>
      </c>
      <c r="KM17" s="262">
        <v>0</v>
      </c>
      <c r="KN17" s="269">
        <v>0</v>
      </c>
      <c r="KO17" s="270">
        <v>0</v>
      </c>
      <c r="KP17" s="158">
        <v>0</v>
      </c>
      <c r="KQ17" s="123">
        <v>0</v>
      </c>
      <c r="KR17" s="123">
        <v>647828</v>
      </c>
      <c r="KS17" s="123">
        <v>0</v>
      </c>
      <c r="KT17" s="123">
        <v>691169</v>
      </c>
      <c r="KU17" s="123">
        <v>228937</v>
      </c>
      <c r="KV17" s="124">
        <v>1567934</v>
      </c>
      <c r="KW17" s="354">
        <v>1567934</v>
      </c>
      <c r="KX17" s="160">
        <v>0</v>
      </c>
      <c r="KY17" s="123">
        <v>0</v>
      </c>
      <c r="KZ17" s="124">
        <v>0</v>
      </c>
      <c r="LA17" s="163">
        <v>0</v>
      </c>
      <c r="LB17" s="123">
        <v>0</v>
      </c>
      <c r="LC17" s="123">
        <v>0</v>
      </c>
      <c r="LD17" s="123">
        <v>0</v>
      </c>
      <c r="LE17" s="123">
        <v>0</v>
      </c>
      <c r="LF17" s="123">
        <v>0</v>
      </c>
      <c r="LG17" s="124">
        <v>0</v>
      </c>
      <c r="LH17" s="125">
        <v>0</v>
      </c>
      <c r="LI17" s="160">
        <v>0</v>
      </c>
      <c r="LJ17" s="123">
        <v>0</v>
      </c>
      <c r="LK17" s="124">
        <v>0</v>
      </c>
      <c r="LL17" s="163"/>
      <c r="LM17" s="123">
        <v>0</v>
      </c>
      <c r="LN17" s="123">
        <v>0</v>
      </c>
      <c r="LO17" s="123">
        <v>0</v>
      </c>
      <c r="LP17" s="123">
        <v>0</v>
      </c>
      <c r="LQ17" s="123">
        <v>0</v>
      </c>
      <c r="LR17" s="124">
        <v>0</v>
      </c>
      <c r="LS17" s="354">
        <v>0</v>
      </c>
      <c r="LT17" s="160">
        <v>0</v>
      </c>
      <c r="LU17" s="123">
        <v>0</v>
      </c>
      <c r="LV17" s="124">
        <v>0</v>
      </c>
      <c r="LW17" s="163"/>
      <c r="LX17" s="123">
        <v>0</v>
      </c>
      <c r="LY17" s="123">
        <v>0</v>
      </c>
      <c r="LZ17" s="123">
        <v>0</v>
      </c>
      <c r="MA17" s="123">
        <v>0</v>
      </c>
      <c r="MB17" s="123">
        <v>0</v>
      </c>
      <c r="MC17" s="124">
        <v>0</v>
      </c>
      <c r="MD17" s="125">
        <v>0</v>
      </c>
      <c r="ME17" s="160">
        <v>0</v>
      </c>
      <c r="MF17" s="123">
        <v>0</v>
      </c>
      <c r="MG17" s="124">
        <v>0</v>
      </c>
      <c r="MH17" s="163"/>
      <c r="MI17" s="123">
        <v>488910</v>
      </c>
      <c r="MJ17" s="123">
        <v>265797</v>
      </c>
      <c r="MK17" s="123">
        <v>925639</v>
      </c>
      <c r="ML17" s="123">
        <v>3285226</v>
      </c>
      <c r="MM17" s="123">
        <v>1226958</v>
      </c>
      <c r="MN17" s="124">
        <v>6192530</v>
      </c>
      <c r="MO17" s="161">
        <v>6192530</v>
      </c>
      <c r="MP17" s="160">
        <v>0</v>
      </c>
      <c r="MQ17" s="123">
        <v>0</v>
      </c>
      <c r="MR17" s="124">
        <v>0</v>
      </c>
      <c r="MS17" s="163"/>
      <c r="MT17" s="123">
        <v>0</v>
      </c>
      <c r="MU17" s="123">
        <v>0</v>
      </c>
      <c r="MV17" s="123">
        <v>353905</v>
      </c>
      <c r="MW17" s="123">
        <v>1985052</v>
      </c>
      <c r="MX17" s="123">
        <v>927400</v>
      </c>
      <c r="MY17" s="124">
        <v>3266357</v>
      </c>
      <c r="MZ17" s="161">
        <v>3266357</v>
      </c>
      <c r="NA17" s="160">
        <v>0</v>
      </c>
      <c r="NB17" s="123">
        <v>0</v>
      </c>
      <c r="NC17" s="124">
        <v>0</v>
      </c>
      <c r="ND17" s="163"/>
      <c r="NE17" s="123">
        <v>488910</v>
      </c>
      <c r="NF17" s="123">
        <v>265797</v>
      </c>
      <c r="NG17" s="123">
        <v>571734</v>
      </c>
      <c r="NH17" s="123">
        <v>1254867</v>
      </c>
      <c r="NI17" s="123">
        <v>299558</v>
      </c>
      <c r="NJ17" s="124">
        <v>2880866</v>
      </c>
      <c r="NK17" s="354">
        <v>2880866</v>
      </c>
      <c r="NL17" s="160">
        <v>0</v>
      </c>
      <c r="NM17" s="123">
        <v>0</v>
      </c>
      <c r="NN17" s="124">
        <v>0</v>
      </c>
      <c r="NO17" s="163"/>
      <c r="NP17" s="123">
        <v>0</v>
      </c>
      <c r="NQ17" s="123">
        <v>0</v>
      </c>
      <c r="NR17" s="123">
        <v>0</v>
      </c>
      <c r="NS17" s="123">
        <v>0</v>
      </c>
      <c r="NT17" s="123">
        <v>0</v>
      </c>
      <c r="NU17" s="124">
        <v>0</v>
      </c>
      <c r="NV17" s="125">
        <v>0</v>
      </c>
      <c r="NW17" s="160">
        <v>0</v>
      </c>
      <c r="NX17" s="123">
        <v>0</v>
      </c>
      <c r="NY17" s="124">
        <v>0</v>
      </c>
      <c r="NZ17" s="163"/>
      <c r="OA17" s="123">
        <v>0</v>
      </c>
      <c r="OB17" s="123">
        <v>0</v>
      </c>
      <c r="OC17" s="123">
        <v>0</v>
      </c>
      <c r="OD17" s="123">
        <v>45307</v>
      </c>
      <c r="OE17" s="123">
        <v>0</v>
      </c>
      <c r="OF17" s="124">
        <v>45307</v>
      </c>
      <c r="OG17" s="125">
        <v>45307</v>
      </c>
      <c r="OH17" s="160">
        <v>475369</v>
      </c>
      <c r="OI17" s="123">
        <v>696918</v>
      </c>
      <c r="OJ17" s="159">
        <v>1172287</v>
      </c>
      <c r="OK17" s="122">
        <v>0</v>
      </c>
      <c r="OL17" s="123">
        <v>7205807</v>
      </c>
      <c r="OM17" s="123">
        <v>4313648</v>
      </c>
      <c r="ON17" s="123">
        <v>7447830</v>
      </c>
      <c r="OO17" s="123">
        <v>10208792</v>
      </c>
      <c r="OP17" s="123">
        <v>6280523</v>
      </c>
      <c r="OQ17" s="124">
        <v>35456600</v>
      </c>
      <c r="OR17" s="161">
        <v>36628887</v>
      </c>
    </row>
    <row r="18" spans="1:408" ht="20.25" customHeight="1" x14ac:dyDescent="0.2">
      <c r="A18" s="130" t="s">
        <v>12</v>
      </c>
      <c r="B18" s="113">
        <v>880208</v>
      </c>
      <c r="C18" s="117">
        <v>1693217</v>
      </c>
      <c r="D18" s="116">
        <v>2573425</v>
      </c>
      <c r="E18" s="112">
        <v>0</v>
      </c>
      <c r="F18" s="117">
        <v>5266181</v>
      </c>
      <c r="G18" s="188">
        <v>4885686</v>
      </c>
      <c r="H18" s="188">
        <v>5793022</v>
      </c>
      <c r="I18" s="188">
        <v>6820720</v>
      </c>
      <c r="J18" s="188">
        <v>6392877</v>
      </c>
      <c r="K18" s="115">
        <v>29158486</v>
      </c>
      <c r="L18" s="119">
        <v>31731911</v>
      </c>
      <c r="M18" s="113">
        <v>253604</v>
      </c>
      <c r="N18" s="117">
        <v>287685</v>
      </c>
      <c r="O18" s="116">
        <v>541289</v>
      </c>
      <c r="P18" s="113">
        <v>0</v>
      </c>
      <c r="Q18" s="117">
        <v>1584801</v>
      </c>
      <c r="R18" s="117">
        <v>2181117</v>
      </c>
      <c r="S18" s="117">
        <v>1735900</v>
      </c>
      <c r="T18" s="117">
        <v>2206893</v>
      </c>
      <c r="U18" s="117">
        <v>2848357</v>
      </c>
      <c r="V18" s="116">
        <v>10557068</v>
      </c>
      <c r="W18" s="119">
        <v>11098357</v>
      </c>
      <c r="X18" s="113">
        <v>0</v>
      </c>
      <c r="Y18" s="117">
        <v>0</v>
      </c>
      <c r="Z18" s="116">
        <v>0</v>
      </c>
      <c r="AA18" s="113">
        <v>0</v>
      </c>
      <c r="AB18" s="117">
        <v>887077</v>
      </c>
      <c r="AC18" s="117">
        <v>1353602</v>
      </c>
      <c r="AD18" s="117">
        <v>997380</v>
      </c>
      <c r="AE18" s="117">
        <v>1482821</v>
      </c>
      <c r="AF18" s="117">
        <v>1393050</v>
      </c>
      <c r="AG18" s="116">
        <v>6113930</v>
      </c>
      <c r="AH18" s="119">
        <v>6113930</v>
      </c>
      <c r="AI18" s="113">
        <v>0</v>
      </c>
      <c r="AJ18" s="117">
        <v>0</v>
      </c>
      <c r="AK18" s="116">
        <v>0</v>
      </c>
      <c r="AL18" s="113">
        <v>0</v>
      </c>
      <c r="AM18" s="117">
        <v>0</v>
      </c>
      <c r="AN18" s="117">
        <v>92330</v>
      </c>
      <c r="AO18" s="117">
        <v>11571</v>
      </c>
      <c r="AP18" s="117">
        <v>50573</v>
      </c>
      <c r="AQ18" s="117">
        <v>414866</v>
      </c>
      <c r="AR18" s="116">
        <v>569340</v>
      </c>
      <c r="AS18" s="119">
        <v>569340</v>
      </c>
      <c r="AT18" s="113">
        <v>179537</v>
      </c>
      <c r="AU18" s="117">
        <v>242766</v>
      </c>
      <c r="AV18" s="116">
        <v>422303</v>
      </c>
      <c r="AW18" s="113">
        <v>0</v>
      </c>
      <c r="AX18" s="117">
        <v>493142</v>
      </c>
      <c r="AY18" s="117">
        <v>452942</v>
      </c>
      <c r="AZ18" s="117">
        <v>386453</v>
      </c>
      <c r="BA18" s="117">
        <v>409193</v>
      </c>
      <c r="BB18" s="117">
        <v>737894</v>
      </c>
      <c r="BC18" s="116">
        <v>2479624</v>
      </c>
      <c r="BD18" s="119">
        <v>2901927</v>
      </c>
      <c r="BE18" s="113">
        <v>0</v>
      </c>
      <c r="BF18" s="117">
        <v>0</v>
      </c>
      <c r="BG18" s="115">
        <v>0</v>
      </c>
      <c r="BH18" s="114">
        <v>0</v>
      </c>
      <c r="BI18" s="117">
        <v>0</v>
      </c>
      <c r="BJ18" s="117">
        <v>99053</v>
      </c>
      <c r="BK18" s="117">
        <v>30669</v>
      </c>
      <c r="BL18" s="117">
        <v>0</v>
      </c>
      <c r="BM18" s="117">
        <v>62216</v>
      </c>
      <c r="BN18" s="116">
        <v>191938</v>
      </c>
      <c r="BO18" s="119">
        <v>191938</v>
      </c>
      <c r="BP18" s="113">
        <v>74067</v>
      </c>
      <c r="BQ18" s="117">
        <v>44919</v>
      </c>
      <c r="BR18" s="116">
        <v>118986</v>
      </c>
      <c r="BS18" s="113">
        <v>0</v>
      </c>
      <c r="BT18" s="117">
        <v>204582</v>
      </c>
      <c r="BU18" s="117">
        <v>183190</v>
      </c>
      <c r="BV18" s="117">
        <v>309827</v>
      </c>
      <c r="BW18" s="117">
        <v>264306</v>
      </c>
      <c r="BX18" s="117">
        <v>240331</v>
      </c>
      <c r="BY18" s="116">
        <v>1202236</v>
      </c>
      <c r="BZ18" s="119">
        <v>1321222</v>
      </c>
      <c r="CA18" s="113">
        <v>209826</v>
      </c>
      <c r="CB18" s="117">
        <v>343078</v>
      </c>
      <c r="CC18" s="116">
        <v>552904</v>
      </c>
      <c r="CD18" s="113">
        <v>0</v>
      </c>
      <c r="CE18" s="117">
        <v>2326839</v>
      </c>
      <c r="CF18" s="117">
        <v>1138967</v>
      </c>
      <c r="CG18" s="117">
        <v>1289251</v>
      </c>
      <c r="CH18" s="117">
        <v>1510876</v>
      </c>
      <c r="CI18" s="117">
        <v>763137</v>
      </c>
      <c r="CJ18" s="116">
        <v>7029070</v>
      </c>
      <c r="CK18" s="119">
        <v>7581974</v>
      </c>
      <c r="CL18" s="113">
        <v>0</v>
      </c>
      <c r="CM18" s="117">
        <v>0</v>
      </c>
      <c r="CN18" s="116">
        <v>0</v>
      </c>
      <c r="CO18" s="114">
        <v>0</v>
      </c>
      <c r="CP18" s="117">
        <v>1871738</v>
      </c>
      <c r="CQ18" s="117">
        <v>578621</v>
      </c>
      <c r="CR18" s="117">
        <v>693651</v>
      </c>
      <c r="CS18" s="117">
        <v>1260174</v>
      </c>
      <c r="CT18" s="117">
        <v>453716</v>
      </c>
      <c r="CU18" s="116">
        <v>4857900</v>
      </c>
      <c r="CV18" s="119">
        <v>4857900</v>
      </c>
      <c r="CW18" s="113">
        <v>209826</v>
      </c>
      <c r="CX18" s="117">
        <v>343078</v>
      </c>
      <c r="CY18" s="116">
        <v>552904</v>
      </c>
      <c r="CZ18" s="113">
        <v>0</v>
      </c>
      <c r="DA18" s="117">
        <v>455101</v>
      </c>
      <c r="DB18" s="117">
        <v>560346</v>
      </c>
      <c r="DC18" s="117">
        <v>595600</v>
      </c>
      <c r="DD18" s="117">
        <v>250702</v>
      </c>
      <c r="DE18" s="117">
        <v>309421</v>
      </c>
      <c r="DF18" s="116">
        <v>2171170</v>
      </c>
      <c r="DG18" s="119">
        <v>2724074</v>
      </c>
      <c r="DH18" s="113">
        <v>0</v>
      </c>
      <c r="DI18" s="117">
        <v>88214</v>
      </c>
      <c r="DJ18" s="115">
        <v>88214</v>
      </c>
      <c r="DK18" s="114">
        <v>0</v>
      </c>
      <c r="DL18" s="117">
        <v>349690</v>
      </c>
      <c r="DM18" s="117">
        <v>84569</v>
      </c>
      <c r="DN18" s="117">
        <v>460283</v>
      </c>
      <c r="DO18" s="117">
        <v>392296</v>
      </c>
      <c r="DP18" s="117">
        <v>321113</v>
      </c>
      <c r="DQ18" s="116">
        <v>1607951</v>
      </c>
      <c r="DR18" s="119">
        <v>1696165</v>
      </c>
      <c r="DS18" s="113">
        <v>0</v>
      </c>
      <c r="DT18" s="117">
        <v>88214</v>
      </c>
      <c r="DU18" s="116">
        <v>88214</v>
      </c>
      <c r="DV18" s="113">
        <v>0</v>
      </c>
      <c r="DW18" s="117">
        <v>349690</v>
      </c>
      <c r="DX18" s="117">
        <v>84569</v>
      </c>
      <c r="DY18" s="117">
        <v>460283</v>
      </c>
      <c r="DZ18" s="117">
        <v>392296</v>
      </c>
      <c r="EA18" s="117">
        <v>261723</v>
      </c>
      <c r="EB18" s="116">
        <v>1548561</v>
      </c>
      <c r="EC18" s="119">
        <v>1636775</v>
      </c>
      <c r="ED18" s="113">
        <v>0</v>
      </c>
      <c r="EE18" s="115">
        <v>0</v>
      </c>
      <c r="EF18" s="116">
        <v>0</v>
      </c>
      <c r="EG18" s="113">
        <v>0</v>
      </c>
      <c r="EH18" s="117">
        <v>0</v>
      </c>
      <c r="EI18" s="117">
        <v>0</v>
      </c>
      <c r="EJ18" s="117">
        <v>0</v>
      </c>
      <c r="EK18" s="117">
        <v>0</v>
      </c>
      <c r="EL18" s="117">
        <v>59390</v>
      </c>
      <c r="EM18" s="115">
        <v>59390</v>
      </c>
      <c r="EN18" s="119">
        <v>59390</v>
      </c>
      <c r="EO18" s="113">
        <v>0</v>
      </c>
      <c r="EP18" s="117">
        <v>0</v>
      </c>
      <c r="EQ18" s="115">
        <v>0</v>
      </c>
      <c r="ER18" s="114">
        <v>0</v>
      </c>
      <c r="ES18" s="117">
        <v>0</v>
      </c>
      <c r="ET18" s="117">
        <v>0</v>
      </c>
      <c r="EU18" s="117">
        <v>0</v>
      </c>
      <c r="EV18" s="117">
        <v>0</v>
      </c>
      <c r="EW18" s="117">
        <v>0</v>
      </c>
      <c r="EX18" s="116">
        <v>0</v>
      </c>
      <c r="EY18" s="119">
        <v>0</v>
      </c>
      <c r="EZ18" s="113">
        <v>0</v>
      </c>
      <c r="FA18" s="117">
        <v>0</v>
      </c>
      <c r="FB18" s="115">
        <v>0</v>
      </c>
      <c r="FC18" s="387"/>
      <c r="FD18" s="117">
        <v>0</v>
      </c>
      <c r="FE18" s="117">
        <v>0</v>
      </c>
      <c r="FF18" s="117">
        <v>0</v>
      </c>
      <c r="FG18" s="117">
        <v>0</v>
      </c>
      <c r="FH18" s="117">
        <v>0</v>
      </c>
      <c r="FI18" s="116">
        <v>0</v>
      </c>
      <c r="FJ18" s="119">
        <v>0</v>
      </c>
      <c r="FK18" s="113">
        <v>223426</v>
      </c>
      <c r="FL18" s="117">
        <v>483049</v>
      </c>
      <c r="FM18" s="116">
        <v>706475</v>
      </c>
      <c r="FN18" s="113">
        <v>0</v>
      </c>
      <c r="FO18" s="117">
        <v>300328</v>
      </c>
      <c r="FP18" s="117">
        <v>709317</v>
      </c>
      <c r="FQ18" s="117">
        <v>443506</v>
      </c>
      <c r="FR18" s="117">
        <v>617862</v>
      </c>
      <c r="FS18" s="117">
        <v>547470</v>
      </c>
      <c r="FT18" s="116">
        <v>2618483</v>
      </c>
      <c r="FU18" s="119">
        <v>3324958</v>
      </c>
      <c r="FV18" s="118">
        <v>83426</v>
      </c>
      <c r="FW18" s="117">
        <v>240933</v>
      </c>
      <c r="FX18" s="115">
        <v>324359</v>
      </c>
      <c r="FY18" s="114">
        <v>0</v>
      </c>
      <c r="FZ18" s="117">
        <v>127428</v>
      </c>
      <c r="GA18" s="117">
        <v>554512</v>
      </c>
      <c r="GB18" s="117">
        <v>443506</v>
      </c>
      <c r="GC18" s="117">
        <v>575162</v>
      </c>
      <c r="GD18" s="117">
        <v>547470</v>
      </c>
      <c r="GE18" s="116">
        <v>2248078</v>
      </c>
      <c r="GF18" s="351">
        <v>2572437</v>
      </c>
      <c r="GG18" s="118">
        <v>0</v>
      </c>
      <c r="GH18" s="117">
        <v>0</v>
      </c>
      <c r="GI18" s="115">
        <v>0</v>
      </c>
      <c r="GJ18" s="114">
        <v>0</v>
      </c>
      <c r="GK18" s="117">
        <v>0</v>
      </c>
      <c r="GL18" s="117">
        <v>35805</v>
      </c>
      <c r="GM18" s="117">
        <v>0</v>
      </c>
      <c r="GN18" s="117">
        <v>0</v>
      </c>
      <c r="GO18" s="117">
        <v>0</v>
      </c>
      <c r="GP18" s="116">
        <v>35805</v>
      </c>
      <c r="GQ18" s="119">
        <v>35805</v>
      </c>
      <c r="GR18" s="113">
        <v>140000</v>
      </c>
      <c r="GS18" s="117">
        <v>242116</v>
      </c>
      <c r="GT18" s="116">
        <v>382116</v>
      </c>
      <c r="GU18" s="113">
        <v>0</v>
      </c>
      <c r="GV18" s="117">
        <v>172900</v>
      </c>
      <c r="GW18" s="117">
        <v>119000</v>
      </c>
      <c r="GX18" s="117">
        <v>0</v>
      </c>
      <c r="GY18" s="117">
        <v>42700</v>
      </c>
      <c r="GZ18" s="117">
        <v>0</v>
      </c>
      <c r="HA18" s="115">
        <v>334600</v>
      </c>
      <c r="HB18" s="119">
        <v>716716</v>
      </c>
      <c r="HC18" s="113">
        <v>193352</v>
      </c>
      <c r="HD18" s="117">
        <v>491191</v>
      </c>
      <c r="HE18" s="115">
        <v>684543</v>
      </c>
      <c r="HF18" s="114">
        <v>0</v>
      </c>
      <c r="HG18" s="117">
        <v>704523</v>
      </c>
      <c r="HH18" s="117">
        <v>771716</v>
      </c>
      <c r="HI18" s="117">
        <v>1864082</v>
      </c>
      <c r="HJ18" s="117">
        <v>2092793</v>
      </c>
      <c r="HK18" s="117">
        <v>1912800</v>
      </c>
      <c r="HL18" s="116">
        <v>7345914</v>
      </c>
      <c r="HM18" s="112">
        <v>8030457</v>
      </c>
      <c r="HN18" s="367"/>
      <c r="HO18" s="368"/>
      <c r="HP18" s="369"/>
      <c r="HQ18" s="370"/>
      <c r="HR18" s="368"/>
      <c r="HS18" s="368"/>
      <c r="HT18" s="368"/>
      <c r="HU18" s="368"/>
      <c r="HV18" s="368"/>
      <c r="HW18" s="371"/>
      <c r="HX18" s="372"/>
      <c r="HY18" s="168">
        <v>0</v>
      </c>
      <c r="HZ18" s="153">
        <v>0</v>
      </c>
      <c r="IA18" s="168">
        <v>0</v>
      </c>
      <c r="IB18" s="152">
        <v>0</v>
      </c>
      <c r="IC18" s="153">
        <v>1976579</v>
      </c>
      <c r="ID18" s="154">
        <v>1536254</v>
      </c>
      <c r="IE18" s="155">
        <v>1605207</v>
      </c>
      <c r="IF18" s="153">
        <v>1126022</v>
      </c>
      <c r="IG18" s="155">
        <v>1641536</v>
      </c>
      <c r="IH18" s="156">
        <v>7885598</v>
      </c>
      <c r="II18" s="168">
        <v>7885598</v>
      </c>
      <c r="IJ18" s="262">
        <v>0</v>
      </c>
      <c r="IK18" s="269">
        <v>0</v>
      </c>
      <c r="IL18" s="270">
        <v>0</v>
      </c>
      <c r="IM18" s="158"/>
      <c r="IN18" s="123">
        <v>0</v>
      </c>
      <c r="IO18" s="123">
        <v>0</v>
      </c>
      <c r="IP18" s="123">
        <v>0</v>
      </c>
      <c r="IQ18" s="123">
        <v>0</v>
      </c>
      <c r="IR18" s="123">
        <v>0</v>
      </c>
      <c r="IS18" s="159">
        <v>0</v>
      </c>
      <c r="IT18" s="354">
        <v>0</v>
      </c>
      <c r="IU18" s="160">
        <v>0</v>
      </c>
      <c r="IV18" s="123">
        <v>0</v>
      </c>
      <c r="IW18" s="124">
        <v>0</v>
      </c>
      <c r="IX18" s="162"/>
      <c r="IY18" s="123">
        <v>0</v>
      </c>
      <c r="IZ18" s="123">
        <v>0</v>
      </c>
      <c r="JA18" s="123">
        <v>0</v>
      </c>
      <c r="JB18" s="123">
        <v>0</v>
      </c>
      <c r="JC18" s="123">
        <v>0</v>
      </c>
      <c r="JD18" s="124">
        <v>0</v>
      </c>
      <c r="JE18" s="125">
        <v>0</v>
      </c>
      <c r="JF18" s="160">
        <v>0</v>
      </c>
      <c r="JG18" s="123">
        <v>0</v>
      </c>
      <c r="JH18" s="159">
        <v>0</v>
      </c>
      <c r="JI18" s="122">
        <v>0</v>
      </c>
      <c r="JJ18" s="123">
        <v>850983</v>
      </c>
      <c r="JK18" s="123">
        <v>512135</v>
      </c>
      <c r="JL18" s="123">
        <v>755452</v>
      </c>
      <c r="JM18" s="123">
        <v>315513</v>
      </c>
      <c r="JN18" s="123">
        <v>0</v>
      </c>
      <c r="JO18" s="124">
        <v>2434083</v>
      </c>
      <c r="JP18" s="354">
        <v>2434083</v>
      </c>
      <c r="JQ18" s="160">
        <v>0</v>
      </c>
      <c r="JR18" s="123">
        <v>0</v>
      </c>
      <c r="JS18" s="159">
        <v>0</v>
      </c>
      <c r="JT18" s="122">
        <v>0</v>
      </c>
      <c r="JU18" s="123">
        <v>33653</v>
      </c>
      <c r="JV18" s="123">
        <v>0</v>
      </c>
      <c r="JW18" s="123">
        <v>0</v>
      </c>
      <c r="JX18" s="123">
        <v>0</v>
      </c>
      <c r="JY18" s="123">
        <v>0</v>
      </c>
      <c r="JZ18" s="124">
        <v>33653</v>
      </c>
      <c r="KA18" s="354">
        <v>33653</v>
      </c>
      <c r="KB18" s="265">
        <v>0</v>
      </c>
      <c r="KC18" s="259">
        <v>0</v>
      </c>
      <c r="KD18" s="124">
        <v>0</v>
      </c>
      <c r="KE18" s="122">
        <v>0</v>
      </c>
      <c r="KF18" s="123">
        <v>106801</v>
      </c>
      <c r="KG18" s="123">
        <v>155062</v>
      </c>
      <c r="KH18" s="123">
        <v>404261</v>
      </c>
      <c r="KI18" s="123">
        <v>119007</v>
      </c>
      <c r="KJ18" s="123">
        <v>0</v>
      </c>
      <c r="KK18" s="124">
        <v>785131</v>
      </c>
      <c r="KL18" s="161">
        <v>785131</v>
      </c>
      <c r="KM18" s="262">
        <v>0</v>
      </c>
      <c r="KN18" s="269">
        <v>0</v>
      </c>
      <c r="KO18" s="270">
        <v>0</v>
      </c>
      <c r="KP18" s="158">
        <v>0</v>
      </c>
      <c r="KQ18" s="123">
        <v>844585</v>
      </c>
      <c r="KR18" s="123">
        <v>212661</v>
      </c>
      <c r="KS18" s="123">
        <v>225820</v>
      </c>
      <c r="KT18" s="123">
        <v>224240</v>
      </c>
      <c r="KU18" s="123">
        <v>0</v>
      </c>
      <c r="KV18" s="124">
        <v>1507306</v>
      </c>
      <c r="KW18" s="354">
        <v>1507306</v>
      </c>
      <c r="KX18" s="160">
        <v>0</v>
      </c>
      <c r="KY18" s="123">
        <v>0</v>
      </c>
      <c r="KZ18" s="124">
        <v>0</v>
      </c>
      <c r="LA18" s="163">
        <v>0</v>
      </c>
      <c r="LB18" s="123">
        <v>140557</v>
      </c>
      <c r="LC18" s="123">
        <v>314368</v>
      </c>
      <c r="LD18" s="123">
        <v>0</v>
      </c>
      <c r="LE18" s="123">
        <v>190672</v>
      </c>
      <c r="LF18" s="123">
        <v>207789</v>
      </c>
      <c r="LG18" s="124">
        <v>853386</v>
      </c>
      <c r="LH18" s="125">
        <v>853386</v>
      </c>
      <c r="LI18" s="160">
        <v>0</v>
      </c>
      <c r="LJ18" s="123">
        <v>0</v>
      </c>
      <c r="LK18" s="124">
        <v>0</v>
      </c>
      <c r="LL18" s="163"/>
      <c r="LM18" s="123">
        <v>0</v>
      </c>
      <c r="LN18" s="123">
        <v>0</v>
      </c>
      <c r="LO18" s="123">
        <v>0</v>
      </c>
      <c r="LP18" s="123">
        <v>0</v>
      </c>
      <c r="LQ18" s="123">
        <v>258752</v>
      </c>
      <c r="LR18" s="124">
        <v>258752</v>
      </c>
      <c r="LS18" s="354">
        <v>258752</v>
      </c>
      <c r="LT18" s="160">
        <v>0</v>
      </c>
      <c r="LU18" s="123">
        <v>0</v>
      </c>
      <c r="LV18" s="124">
        <v>0</v>
      </c>
      <c r="LW18" s="163"/>
      <c r="LX18" s="123">
        <v>0</v>
      </c>
      <c r="LY18" s="123">
        <v>342028</v>
      </c>
      <c r="LZ18" s="123">
        <v>219674</v>
      </c>
      <c r="MA18" s="123">
        <v>276590</v>
      </c>
      <c r="MB18" s="123">
        <v>1174995</v>
      </c>
      <c r="MC18" s="124">
        <v>2013287</v>
      </c>
      <c r="MD18" s="125">
        <v>2013287</v>
      </c>
      <c r="ME18" s="160">
        <v>0</v>
      </c>
      <c r="MF18" s="123">
        <v>0</v>
      </c>
      <c r="MG18" s="124">
        <v>0</v>
      </c>
      <c r="MH18" s="163"/>
      <c r="MI18" s="123">
        <v>0</v>
      </c>
      <c r="MJ18" s="123">
        <v>906150</v>
      </c>
      <c r="MK18" s="123">
        <v>1885136</v>
      </c>
      <c r="ML18" s="123">
        <v>4207764</v>
      </c>
      <c r="MM18" s="123">
        <v>1954857</v>
      </c>
      <c r="MN18" s="124">
        <v>8953907</v>
      </c>
      <c r="MO18" s="161">
        <v>8953907</v>
      </c>
      <c r="MP18" s="160">
        <v>0</v>
      </c>
      <c r="MQ18" s="123">
        <v>0</v>
      </c>
      <c r="MR18" s="124">
        <v>0</v>
      </c>
      <c r="MS18" s="163"/>
      <c r="MT18" s="123">
        <v>0</v>
      </c>
      <c r="MU18" s="123">
        <v>199604</v>
      </c>
      <c r="MV18" s="123">
        <v>1130788</v>
      </c>
      <c r="MW18" s="123">
        <v>2247587</v>
      </c>
      <c r="MX18" s="123">
        <v>1444966</v>
      </c>
      <c r="MY18" s="124">
        <v>5022945</v>
      </c>
      <c r="MZ18" s="161">
        <v>5022945</v>
      </c>
      <c r="NA18" s="160">
        <v>0</v>
      </c>
      <c r="NB18" s="123">
        <v>0</v>
      </c>
      <c r="NC18" s="124">
        <v>0</v>
      </c>
      <c r="ND18" s="163"/>
      <c r="NE18" s="123">
        <v>0</v>
      </c>
      <c r="NF18" s="123">
        <v>706546</v>
      </c>
      <c r="NG18" s="123">
        <v>754348</v>
      </c>
      <c r="NH18" s="123">
        <v>1960177</v>
      </c>
      <c r="NI18" s="123">
        <v>232653</v>
      </c>
      <c r="NJ18" s="124">
        <v>3653724</v>
      </c>
      <c r="NK18" s="354">
        <v>3653724</v>
      </c>
      <c r="NL18" s="160">
        <v>0</v>
      </c>
      <c r="NM18" s="123">
        <v>0</v>
      </c>
      <c r="NN18" s="124">
        <v>0</v>
      </c>
      <c r="NO18" s="163"/>
      <c r="NP18" s="123">
        <v>0</v>
      </c>
      <c r="NQ18" s="123">
        <v>0</v>
      </c>
      <c r="NR18" s="123">
        <v>0</v>
      </c>
      <c r="NS18" s="123">
        <v>0</v>
      </c>
      <c r="NT18" s="123">
        <v>277238</v>
      </c>
      <c r="NU18" s="124">
        <v>277238</v>
      </c>
      <c r="NV18" s="125">
        <v>277238</v>
      </c>
      <c r="NW18" s="160">
        <v>0</v>
      </c>
      <c r="NX18" s="123">
        <v>0</v>
      </c>
      <c r="NY18" s="124">
        <v>0</v>
      </c>
      <c r="NZ18" s="163"/>
      <c r="OA18" s="123">
        <v>0</v>
      </c>
      <c r="OB18" s="123">
        <v>0</v>
      </c>
      <c r="OC18" s="123">
        <v>0</v>
      </c>
      <c r="OD18" s="123">
        <v>0</v>
      </c>
      <c r="OE18" s="123">
        <v>0</v>
      </c>
      <c r="OF18" s="124">
        <v>0</v>
      </c>
      <c r="OG18" s="125">
        <v>0</v>
      </c>
      <c r="OH18" s="160">
        <v>880208</v>
      </c>
      <c r="OI18" s="123">
        <v>1693217</v>
      </c>
      <c r="OJ18" s="159">
        <v>2573425</v>
      </c>
      <c r="OK18" s="122">
        <v>0</v>
      </c>
      <c r="OL18" s="123">
        <v>7242760</v>
      </c>
      <c r="OM18" s="123">
        <v>7328090</v>
      </c>
      <c r="ON18" s="123">
        <v>9283365</v>
      </c>
      <c r="OO18" s="123">
        <v>12154506</v>
      </c>
      <c r="OP18" s="123">
        <v>9989270</v>
      </c>
      <c r="OQ18" s="124">
        <v>45997991</v>
      </c>
      <c r="OR18" s="161">
        <v>48571416</v>
      </c>
    </row>
    <row r="19" spans="1:408" ht="20.25" customHeight="1" x14ac:dyDescent="0.2">
      <c r="A19" s="130" t="s">
        <v>13</v>
      </c>
      <c r="B19" s="113">
        <v>335560</v>
      </c>
      <c r="C19" s="117">
        <v>710051</v>
      </c>
      <c r="D19" s="116">
        <v>1045611</v>
      </c>
      <c r="E19" s="113">
        <v>0</v>
      </c>
      <c r="F19" s="188">
        <v>2899858</v>
      </c>
      <c r="G19" s="117">
        <v>4496385</v>
      </c>
      <c r="H19" s="117">
        <v>5992400</v>
      </c>
      <c r="I19" s="117">
        <v>4015698</v>
      </c>
      <c r="J19" s="117">
        <v>3477516</v>
      </c>
      <c r="K19" s="115">
        <v>20881857</v>
      </c>
      <c r="L19" s="119">
        <v>21927468</v>
      </c>
      <c r="M19" s="113">
        <v>84342</v>
      </c>
      <c r="N19" s="117">
        <v>166202</v>
      </c>
      <c r="O19" s="116">
        <v>250544</v>
      </c>
      <c r="P19" s="113">
        <v>0</v>
      </c>
      <c r="Q19" s="117">
        <v>651779</v>
      </c>
      <c r="R19" s="117">
        <v>1218051</v>
      </c>
      <c r="S19" s="117">
        <v>2291292</v>
      </c>
      <c r="T19" s="117">
        <v>2051500</v>
      </c>
      <c r="U19" s="117">
        <v>1954842</v>
      </c>
      <c r="V19" s="116">
        <v>8167464</v>
      </c>
      <c r="W19" s="119">
        <v>8418008</v>
      </c>
      <c r="X19" s="113">
        <v>0</v>
      </c>
      <c r="Y19" s="117">
        <v>0</v>
      </c>
      <c r="Z19" s="116">
        <v>0</v>
      </c>
      <c r="AA19" s="113">
        <v>0</v>
      </c>
      <c r="AB19" s="117">
        <v>274415</v>
      </c>
      <c r="AC19" s="117">
        <v>522016</v>
      </c>
      <c r="AD19" s="117">
        <v>1214922</v>
      </c>
      <c r="AE19" s="117">
        <v>1273046</v>
      </c>
      <c r="AF19" s="117">
        <v>1402042</v>
      </c>
      <c r="AG19" s="116">
        <v>4686441</v>
      </c>
      <c r="AH19" s="119">
        <v>4686441</v>
      </c>
      <c r="AI19" s="113">
        <v>0</v>
      </c>
      <c r="AJ19" s="117">
        <v>0</v>
      </c>
      <c r="AK19" s="116">
        <v>0</v>
      </c>
      <c r="AL19" s="113">
        <v>0</v>
      </c>
      <c r="AM19" s="117">
        <v>0</v>
      </c>
      <c r="AN19" s="117">
        <v>0</v>
      </c>
      <c r="AO19" s="117">
        <v>83661</v>
      </c>
      <c r="AP19" s="117">
        <v>135005</v>
      </c>
      <c r="AQ19" s="117">
        <v>0</v>
      </c>
      <c r="AR19" s="116">
        <v>218666</v>
      </c>
      <c r="AS19" s="119">
        <v>218666</v>
      </c>
      <c r="AT19" s="113">
        <v>34061</v>
      </c>
      <c r="AU19" s="117">
        <v>88243</v>
      </c>
      <c r="AV19" s="116">
        <v>122304</v>
      </c>
      <c r="AW19" s="113">
        <v>0</v>
      </c>
      <c r="AX19" s="117">
        <v>225777</v>
      </c>
      <c r="AY19" s="117">
        <v>284601</v>
      </c>
      <c r="AZ19" s="117">
        <v>623635</v>
      </c>
      <c r="BA19" s="117">
        <v>425032</v>
      </c>
      <c r="BB19" s="117">
        <v>339146</v>
      </c>
      <c r="BC19" s="116">
        <v>1898191</v>
      </c>
      <c r="BD19" s="119">
        <v>2020495</v>
      </c>
      <c r="BE19" s="113">
        <v>0</v>
      </c>
      <c r="BF19" s="117">
        <v>0</v>
      </c>
      <c r="BG19" s="115">
        <v>0</v>
      </c>
      <c r="BH19" s="114">
        <v>0</v>
      </c>
      <c r="BI19" s="117">
        <v>7247</v>
      </c>
      <c r="BJ19" s="117">
        <v>140975</v>
      </c>
      <c r="BK19" s="117">
        <v>74045</v>
      </c>
      <c r="BL19" s="117">
        <v>17356</v>
      </c>
      <c r="BM19" s="117">
        <v>75047</v>
      </c>
      <c r="BN19" s="116">
        <v>314670</v>
      </c>
      <c r="BO19" s="119">
        <v>314670</v>
      </c>
      <c r="BP19" s="113">
        <v>50281</v>
      </c>
      <c r="BQ19" s="117">
        <v>77959</v>
      </c>
      <c r="BR19" s="116">
        <v>128240</v>
      </c>
      <c r="BS19" s="113">
        <v>0</v>
      </c>
      <c r="BT19" s="117">
        <v>144340</v>
      </c>
      <c r="BU19" s="117">
        <v>270459</v>
      </c>
      <c r="BV19" s="117">
        <v>295029</v>
      </c>
      <c r="BW19" s="117">
        <v>201061</v>
      </c>
      <c r="BX19" s="117">
        <v>138607</v>
      </c>
      <c r="BY19" s="116">
        <v>1049496</v>
      </c>
      <c r="BZ19" s="119">
        <v>1177736</v>
      </c>
      <c r="CA19" s="113">
        <v>0</v>
      </c>
      <c r="CB19" s="117">
        <v>31518</v>
      </c>
      <c r="CC19" s="116">
        <v>31518</v>
      </c>
      <c r="CD19" s="113">
        <v>0</v>
      </c>
      <c r="CE19" s="117">
        <v>514221</v>
      </c>
      <c r="CF19" s="117">
        <v>1121455</v>
      </c>
      <c r="CG19" s="117">
        <v>1053157</v>
      </c>
      <c r="CH19" s="117">
        <v>544325</v>
      </c>
      <c r="CI19" s="117">
        <v>58753</v>
      </c>
      <c r="CJ19" s="116">
        <v>3291911</v>
      </c>
      <c r="CK19" s="119">
        <v>3323429</v>
      </c>
      <c r="CL19" s="113">
        <v>0</v>
      </c>
      <c r="CM19" s="117">
        <v>0</v>
      </c>
      <c r="CN19" s="116">
        <v>0</v>
      </c>
      <c r="CO19" s="114">
        <v>0</v>
      </c>
      <c r="CP19" s="117">
        <v>481128</v>
      </c>
      <c r="CQ19" s="117">
        <v>1013833</v>
      </c>
      <c r="CR19" s="117">
        <v>814881</v>
      </c>
      <c r="CS19" s="117">
        <v>411573</v>
      </c>
      <c r="CT19" s="117">
        <v>58753</v>
      </c>
      <c r="CU19" s="116">
        <v>2780168</v>
      </c>
      <c r="CV19" s="119">
        <v>2780168</v>
      </c>
      <c r="CW19" s="113">
        <v>0</v>
      </c>
      <c r="CX19" s="117">
        <v>31518</v>
      </c>
      <c r="CY19" s="116">
        <v>31518</v>
      </c>
      <c r="CZ19" s="113">
        <v>0</v>
      </c>
      <c r="DA19" s="117">
        <v>33093</v>
      </c>
      <c r="DB19" s="117">
        <v>107622</v>
      </c>
      <c r="DC19" s="117">
        <v>238276</v>
      </c>
      <c r="DD19" s="117">
        <v>132752</v>
      </c>
      <c r="DE19" s="117">
        <v>0</v>
      </c>
      <c r="DF19" s="116">
        <v>511743</v>
      </c>
      <c r="DG19" s="119">
        <v>543261</v>
      </c>
      <c r="DH19" s="113">
        <v>0</v>
      </c>
      <c r="DI19" s="117">
        <v>0</v>
      </c>
      <c r="DJ19" s="115">
        <v>0</v>
      </c>
      <c r="DK19" s="114">
        <v>0</v>
      </c>
      <c r="DL19" s="117">
        <v>27998</v>
      </c>
      <c r="DM19" s="117">
        <v>37578</v>
      </c>
      <c r="DN19" s="117">
        <v>271347</v>
      </c>
      <c r="DO19" s="117">
        <v>394995</v>
      </c>
      <c r="DP19" s="117">
        <v>252289</v>
      </c>
      <c r="DQ19" s="116">
        <v>984207</v>
      </c>
      <c r="DR19" s="119">
        <v>984207</v>
      </c>
      <c r="DS19" s="113">
        <v>0</v>
      </c>
      <c r="DT19" s="117">
        <v>0</v>
      </c>
      <c r="DU19" s="116">
        <v>0</v>
      </c>
      <c r="DV19" s="113">
        <v>0</v>
      </c>
      <c r="DW19" s="117">
        <v>27998</v>
      </c>
      <c r="DX19" s="117">
        <v>37578</v>
      </c>
      <c r="DY19" s="117">
        <v>214745</v>
      </c>
      <c r="DZ19" s="117">
        <v>344349</v>
      </c>
      <c r="EA19" s="117">
        <v>252289</v>
      </c>
      <c r="EB19" s="116">
        <v>876959</v>
      </c>
      <c r="EC19" s="119">
        <v>876959</v>
      </c>
      <c r="ED19" s="113">
        <v>0</v>
      </c>
      <c r="EE19" s="115">
        <v>0</v>
      </c>
      <c r="EF19" s="116">
        <v>0</v>
      </c>
      <c r="EG19" s="113">
        <v>0</v>
      </c>
      <c r="EH19" s="117">
        <v>0</v>
      </c>
      <c r="EI19" s="117">
        <v>0</v>
      </c>
      <c r="EJ19" s="117">
        <v>56602</v>
      </c>
      <c r="EK19" s="117">
        <v>50646</v>
      </c>
      <c r="EL19" s="117">
        <v>0</v>
      </c>
      <c r="EM19" s="115">
        <v>107248</v>
      </c>
      <c r="EN19" s="119">
        <v>107248</v>
      </c>
      <c r="EO19" s="113">
        <v>0</v>
      </c>
      <c r="EP19" s="117">
        <v>0</v>
      </c>
      <c r="EQ19" s="115">
        <v>0</v>
      </c>
      <c r="ER19" s="114">
        <v>0</v>
      </c>
      <c r="ES19" s="117">
        <v>0</v>
      </c>
      <c r="ET19" s="117">
        <v>0</v>
      </c>
      <c r="EU19" s="117">
        <v>0</v>
      </c>
      <c r="EV19" s="117">
        <v>0</v>
      </c>
      <c r="EW19" s="117">
        <v>0</v>
      </c>
      <c r="EX19" s="116">
        <v>0</v>
      </c>
      <c r="EY19" s="119">
        <v>0</v>
      </c>
      <c r="EZ19" s="113">
        <v>0</v>
      </c>
      <c r="FA19" s="117">
        <v>0</v>
      </c>
      <c r="FB19" s="115">
        <v>0</v>
      </c>
      <c r="FC19" s="387"/>
      <c r="FD19" s="117">
        <v>0</v>
      </c>
      <c r="FE19" s="117">
        <v>0</v>
      </c>
      <c r="FF19" s="117">
        <v>0</v>
      </c>
      <c r="FG19" s="117">
        <v>0</v>
      </c>
      <c r="FH19" s="117">
        <v>0</v>
      </c>
      <c r="FI19" s="116">
        <v>0</v>
      </c>
      <c r="FJ19" s="119">
        <v>0</v>
      </c>
      <c r="FK19" s="113">
        <v>19950</v>
      </c>
      <c r="FL19" s="117">
        <v>182364</v>
      </c>
      <c r="FM19" s="116">
        <v>202314</v>
      </c>
      <c r="FN19" s="113">
        <v>0</v>
      </c>
      <c r="FO19" s="117">
        <v>43036</v>
      </c>
      <c r="FP19" s="117">
        <v>428463</v>
      </c>
      <c r="FQ19" s="117">
        <v>487969</v>
      </c>
      <c r="FR19" s="117">
        <v>299033</v>
      </c>
      <c r="FS19" s="117">
        <v>178675</v>
      </c>
      <c r="FT19" s="116">
        <v>1437176</v>
      </c>
      <c r="FU19" s="119">
        <v>1639490</v>
      </c>
      <c r="FV19" s="118">
        <v>19950</v>
      </c>
      <c r="FW19" s="117">
        <v>48524</v>
      </c>
      <c r="FX19" s="115">
        <v>68474</v>
      </c>
      <c r="FY19" s="114">
        <v>0</v>
      </c>
      <c r="FZ19" s="117">
        <v>43036</v>
      </c>
      <c r="GA19" s="117">
        <v>401471</v>
      </c>
      <c r="GB19" s="117">
        <v>321684</v>
      </c>
      <c r="GC19" s="117">
        <v>299033</v>
      </c>
      <c r="GD19" s="117">
        <v>178675</v>
      </c>
      <c r="GE19" s="116">
        <v>1243899</v>
      </c>
      <c r="GF19" s="351">
        <v>1312373</v>
      </c>
      <c r="GG19" s="118">
        <v>0</v>
      </c>
      <c r="GH19" s="117">
        <v>0</v>
      </c>
      <c r="GI19" s="115">
        <v>0</v>
      </c>
      <c r="GJ19" s="114">
        <v>0</v>
      </c>
      <c r="GK19" s="117">
        <v>0</v>
      </c>
      <c r="GL19" s="117">
        <v>26992</v>
      </c>
      <c r="GM19" s="117">
        <v>39235</v>
      </c>
      <c r="GN19" s="117">
        <v>0</v>
      </c>
      <c r="GO19" s="117">
        <v>0</v>
      </c>
      <c r="GP19" s="116">
        <v>66227</v>
      </c>
      <c r="GQ19" s="119">
        <v>66227</v>
      </c>
      <c r="GR19" s="113">
        <v>0</v>
      </c>
      <c r="GS19" s="117">
        <v>133840</v>
      </c>
      <c r="GT19" s="116">
        <v>133840</v>
      </c>
      <c r="GU19" s="113">
        <v>0</v>
      </c>
      <c r="GV19" s="117">
        <v>0</v>
      </c>
      <c r="GW19" s="117">
        <v>0</v>
      </c>
      <c r="GX19" s="117">
        <v>127050</v>
      </c>
      <c r="GY19" s="117">
        <v>0</v>
      </c>
      <c r="GZ19" s="117">
        <v>0</v>
      </c>
      <c r="HA19" s="115">
        <v>127050</v>
      </c>
      <c r="HB19" s="119">
        <v>260890</v>
      </c>
      <c r="HC19" s="113">
        <v>231268</v>
      </c>
      <c r="HD19" s="117">
        <v>329967</v>
      </c>
      <c r="HE19" s="115">
        <v>561235</v>
      </c>
      <c r="HF19" s="114">
        <v>0</v>
      </c>
      <c r="HG19" s="117">
        <v>1662824</v>
      </c>
      <c r="HH19" s="117">
        <v>1690838</v>
      </c>
      <c r="HI19" s="117">
        <v>1888635</v>
      </c>
      <c r="HJ19" s="117">
        <v>725845</v>
      </c>
      <c r="HK19" s="117">
        <v>1032957</v>
      </c>
      <c r="HL19" s="116">
        <v>7001099</v>
      </c>
      <c r="HM19" s="112">
        <v>7562334</v>
      </c>
      <c r="HN19" s="367"/>
      <c r="HO19" s="368"/>
      <c r="HP19" s="369"/>
      <c r="HQ19" s="370"/>
      <c r="HR19" s="368"/>
      <c r="HS19" s="368"/>
      <c r="HT19" s="368"/>
      <c r="HU19" s="368"/>
      <c r="HV19" s="368"/>
      <c r="HW19" s="371"/>
      <c r="HX19" s="372"/>
      <c r="HY19" s="149">
        <v>0</v>
      </c>
      <c r="HZ19" s="150">
        <v>0</v>
      </c>
      <c r="IA19" s="151">
        <v>0</v>
      </c>
      <c r="IB19" s="164">
        <v>0</v>
      </c>
      <c r="IC19" s="150">
        <v>354003</v>
      </c>
      <c r="ID19" s="165">
        <v>710610</v>
      </c>
      <c r="IE19" s="151">
        <v>1101749</v>
      </c>
      <c r="IF19" s="150">
        <v>545519</v>
      </c>
      <c r="IG19" s="151">
        <v>0</v>
      </c>
      <c r="IH19" s="166">
        <v>2711881</v>
      </c>
      <c r="II19" s="157">
        <v>2711881</v>
      </c>
      <c r="IJ19" s="262">
        <v>0</v>
      </c>
      <c r="IK19" s="269">
        <v>0</v>
      </c>
      <c r="IL19" s="270">
        <v>0</v>
      </c>
      <c r="IM19" s="158"/>
      <c r="IN19" s="123">
        <v>0</v>
      </c>
      <c r="IO19" s="123">
        <v>0</v>
      </c>
      <c r="IP19" s="123">
        <v>0</v>
      </c>
      <c r="IQ19" s="123">
        <v>0</v>
      </c>
      <c r="IR19" s="123">
        <v>0</v>
      </c>
      <c r="IS19" s="159">
        <v>0</v>
      </c>
      <c r="IT19" s="354">
        <v>0</v>
      </c>
      <c r="IU19" s="160">
        <v>0</v>
      </c>
      <c r="IV19" s="123">
        <v>0</v>
      </c>
      <c r="IW19" s="124">
        <v>0</v>
      </c>
      <c r="IX19" s="162"/>
      <c r="IY19" s="123">
        <v>0</v>
      </c>
      <c r="IZ19" s="123">
        <v>0</v>
      </c>
      <c r="JA19" s="123">
        <v>0</v>
      </c>
      <c r="JB19" s="123">
        <v>0</v>
      </c>
      <c r="JC19" s="123">
        <v>0</v>
      </c>
      <c r="JD19" s="124">
        <v>0</v>
      </c>
      <c r="JE19" s="125">
        <v>0</v>
      </c>
      <c r="JF19" s="160">
        <v>0</v>
      </c>
      <c r="JG19" s="123">
        <v>0</v>
      </c>
      <c r="JH19" s="159">
        <v>0</v>
      </c>
      <c r="JI19" s="122">
        <v>0</v>
      </c>
      <c r="JJ19" s="123">
        <v>354003</v>
      </c>
      <c r="JK19" s="123">
        <v>341994</v>
      </c>
      <c r="JL19" s="123">
        <v>530937</v>
      </c>
      <c r="JM19" s="123">
        <v>130095</v>
      </c>
      <c r="JN19" s="123">
        <v>0</v>
      </c>
      <c r="JO19" s="124">
        <v>1357029</v>
      </c>
      <c r="JP19" s="354">
        <v>1357029</v>
      </c>
      <c r="JQ19" s="160">
        <v>0</v>
      </c>
      <c r="JR19" s="123">
        <v>0</v>
      </c>
      <c r="JS19" s="159">
        <v>0</v>
      </c>
      <c r="JT19" s="122">
        <v>0</v>
      </c>
      <c r="JU19" s="123">
        <v>0</v>
      </c>
      <c r="JV19" s="123">
        <v>0</v>
      </c>
      <c r="JW19" s="123">
        <v>0</v>
      </c>
      <c r="JX19" s="123">
        <v>0</v>
      </c>
      <c r="JY19" s="123">
        <v>0</v>
      </c>
      <c r="JZ19" s="124">
        <v>0</v>
      </c>
      <c r="KA19" s="354">
        <v>0</v>
      </c>
      <c r="KB19" s="265">
        <v>0</v>
      </c>
      <c r="KC19" s="259">
        <v>0</v>
      </c>
      <c r="KD19" s="124">
        <v>0</v>
      </c>
      <c r="KE19" s="122">
        <v>0</v>
      </c>
      <c r="KF19" s="123">
        <v>0</v>
      </c>
      <c r="KG19" s="123">
        <v>151866</v>
      </c>
      <c r="KH19" s="123">
        <v>0</v>
      </c>
      <c r="KI19" s="123">
        <v>0</v>
      </c>
      <c r="KJ19" s="123">
        <v>0</v>
      </c>
      <c r="KK19" s="124">
        <v>151866</v>
      </c>
      <c r="KL19" s="161">
        <v>151866</v>
      </c>
      <c r="KM19" s="262">
        <v>0</v>
      </c>
      <c r="KN19" s="269">
        <v>0</v>
      </c>
      <c r="KO19" s="270">
        <v>0</v>
      </c>
      <c r="KP19" s="158">
        <v>0</v>
      </c>
      <c r="KQ19" s="123">
        <v>0</v>
      </c>
      <c r="KR19" s="123">
        <v>216750</v>
      </c>
      <c r="KS19" s="123">
        <v>226718</v>
      </c>
      <c r="KT19" s="123">
        <v>227116</v>
      </c>
      <c r="KU19" s="123">
        <v>0</v>
      </c>
      <c r="KV19" s="124">
        <v>670584</v>
      </c>
      <c r="KW19" s="354">
        <v>670584</v>
      </c>
      <c r="KX19" s="160">
        <v>0</v>
      </c>
      <c r="KY19" s="123">
        <v>0</v>
      </c>
      <c r="KZ19" s="124">
        <v>0</v>
      </c>
      <c r="LA19" s="163">
        <v>0</v>
      </c>
      <c r="LB19" s="123">
        <v>0</v>
      </c>
      <c r="LC19" s="123">
        <v>0</v>
      </c>
      <c r="LD19" s="123">
        <v>344094</v>
      </c>
      <c r="LE19" s="123">
        <v>188308</v>
      </c>
      <c r="LF19" s="123">
        <v>0</v>
      </c>
      <c r="LG19" s="124">
        <v>532402</v>
      </c>
      <c r="LH19" s="125">
        <v>532402</v>
      </c>
      <c r="LI19" s="160">
        <v>0</v>
      </c>
      <c r="LJ19" s="123">
        <v>0</v>
      </c>
      <c r="LK19" s="124">
        <v>0</v>
      </c>
      <c r="LL19" s="163"/>
      <c r="LM19" s="123">
        <v>0</v>
      </c>
      <c r="LN19" s="123">
        <v>0</v>
      </c>
      <c r="LO19" s="123">
        <v>0</v>
      </c>
      <c r="LP19" s="123">
        <v>0</v>
      </c>
      <c r="LQ19" s="123">
        <v>0</v>
      </c>
      <c r="LR19" s="124">
        <v>0</v>
      </c>
      <c r="LS19" s="354">
        <v>0</v>
      </c>
      <c r="LT19" s="160">
        <v>0</v>
      </c>
      <c r="LU19" s="123">
        <v>0</v>
      </c>
      <c r="LV19" s="124">
        <v>0</v>
      </c>
      <c r="LW19" s="163"/>
      <c r="LX19" s="123">
        <v>0</v>
      </c>
      <c r="LY19" s="123">
        <v>0</v>
      </c>
      <c r="LZ19" s="123">
        <v>0</v>
      </c>
      <c r="MA19" s="123">
        <v>0</v>
      </c>
      <c r="MB19" s="123">
        <v>0</v>
      </c>
      <c r="MC19" s="124">
        <v>0</v>
      </c>
      <c r="MD19" s="125">
        <v>0</v>
      </c>
      <c r="ME19" s="160">
        <v>0</v>
      </c>
      <c r="MF19" s="123">
        <v>0</v>
      </c>
      <c r="MG19" s="124">
        <v>0</v>
      </c>
      <c r="MH19" s="163"/>
      <c r="MI19" s="123">
        <v>0</v>
      </c>
      <c r="MJ19" s="123">
        <v>0</v>
      </c>
      <c r="MK19" s="123">
        <v>1348052</v>
      </c>
      <c r="ML19" s="123">
        <v>1037276</v>
      </c>
      <c r="MM19" s="123">
        <v>1562329</v>
      </c>
      <c r="MN19" s="124">
        <v>3947657</v>
      </c>
      <c r="MO19" s="161">
        <v>3947657</v>
      </c>
      <c r="MP19" s="160">
        <v>0</v>
      </c>
      <c r="MQ19" s="123">
        <v>0</v>
      </c>
      <c r="MR19" s="124">
        <v>0</v>
      </c>
      <c r="MS19" s="163"/>
      <c r="MT19" s="123">
        <v>0</v>
      </c>
      <c r="MU19" s="123">
        <v>0</v>
      </c>
      <c r="MV19" s="123">
        <v>622501</v>
      </c>
      <c r="MW19" s="123">
        <v>944821</v>
      </c>
      <c r="MX19" s="123">
        <v>1526602</v>
      </c>
      <c r="MY19" s="124">
        <v>3093924</v>
      </c>
      <c r="MZ19" s="161">
        <v>3093924</v>
      </c>
      <c r="NA19" s="160">
        <v>0</v>
      </c>
      <c r="NB19" s="123">
        <v>0</v>
      </c>
      <c r="NC19" s="124">
        <v>0</v>
      </c>
      <c r="ND19" s="163"/>
      <c r="NE19" s="123">
        <v>0</v>
      </c>
      <c r="NF19" s="123">
        <v>0</v>
      </c>
      <c r="NG19" s="123">
        <v>725551</v>
      </c>
      <c r="NH19" s="123">
        <v>92455</v>
      </c>
      <c r="NI19" s="123">
        <v>35727</v>
      </c>
      <c r="NJ19" s="124">
        <v>853733</v>
      </c>
      <c r="NK19" s="354">
        <v>853733</v>
      </c>
      <c r="NL19" s="160">
        <v>0</v>
      </c>
      <c r="NM19" s="123">
        <v>0</v>
      </c>
      <c r="NN19" s="124">
        <v>0</v>
      </c>
      <c r="NO19" s="163"/>
      <c r="NP19" s="123">
        <v>0</v>
      </c>
      <c r="NQ19" s="123">
        <v>0</v>
      </c>
      <c r="NR19" s="123">
        <v>0</v>
      </c>
      <c r="NS19" s="123">
        <v>0</v>
      </c>
      <c r="NT19" s="123">
        <v>0</v>
      </c>
      <c r="NU19" s="124">
        <v>0</v>
      </c>
      <c r="NV19" s="125">
        <v>0</v>
      </c>
      <c r="NW19" s="160">
        <v>0</v>
      </c>
      <c r="NX19" s="123">
        <v>0</v>
      </c>
      <c r="NY19" s="124">
        <v>0</v>
      </c>
      <c r="NZ19" s="163"/>
      <c r="OA19" s="123">
        <v>0</v>
      </c>
      <c r="OB19" s="123">
        <v>0</v>
      </c>
      <c r="OC19" s="123">
        <v>0</v>
      </c>
      <c r="OD19" s="123">
        <v>0</v>
      </c>
      <c r="OE19" s="123">
        <v>0</v>
      </c>
      <c r="OF19" s="124">
        <v>0</v>
      </c>
      <c r="OG19" s="125">
        <v>0</v>
      </c>
      <c r="OH19" s="160">
        <v>335560</v>
      </c>
      <c r="OI19" s="123">
        <v>710051</v>
      </c>
      <c r="OJ19" s="159">
        <v>1045611</v>
      </c>
      <c r="OK19" s="122">
        <v>0</v>
      </c>
      <c r="OL19" s="123">
        <v>3253861</v>
      </c>
      <c r="OM19" s="123">
        <v>5206995</v>
      </c>
      <c r="ON19" s="123">
        <v>8442201</v>
      </c>
      <c r="OO19" s="123">
        <v>5598493</v>
      </c>
      <c r="OP19" s="123">
        <v>5039845</v>
      </c>
      <c r="OQ19" s="124">
        <v>27541395</v>
      </c>
      <c r="OR19" s="161">
        <v>28587006</v>
      </c>
    </row>
    <row r="20" spans="1:408" ht="20.25" customHeight="1" x14ac:dyDescent="0.2">
      <c r="A20" s="130" t="s">
        <v>15</v>
      </c>
      <c r="B20" s="113">
        <v>54811</v>
      </c>
      <c r="C20" s="117">
        <v>333986</v>
      </c>
      <c r="D20" s="116">
        <v>388797</v>
      </c>
      <c r="E20" s="112">
        <v>0</v>
      </c>
      <c r="F20" s="117">
        <v>1162554</v>
      </c>
      <c r="G20" s="117">
        <v>892502</v>
      </c>
      <c r="H20" s="117">
        <v>1116608</v>
      </c>
      <c r="I20" s="117">
        <v>943653</v>
      </c>
      <c r="J20" s="117">
        <v>1093208</v>
      </c>
      <c r="K20" s="112">
        <v>5208525</v>
      </c>
      <c r="L20" s="119">
        <v>5597322</v>
      </c>
      <c r="M20" s="113">
        <v>3612</v>
      </c>
      <c r="N20" s="117">
        <v>32508</v>
      </c>
      <c r="O20" s="116">
        <v>36120</v>
      </c>
      <c r="P20" s="113">
        <v>0</v>
      </c>
      <c r="Q20" s="117">
        <v>188866</v>
      </c>
      <c r="R20" s="117">
        <v>260600</v>
      </c>
      <c r="S20" s="117">
        <v>215119</v>
      </c>
      <c r="T20" s="117">
        <v>297043</v>
      </c>
      <c r="U20" s="117">
        <v>620439</v>
      </c>
      <c r="V20" s="116">
        <v>1582067</v>
      </c>
      <c r="W20" s="119">
        <v>1618187</v>
      </c>
      <c r="X20" s="113">
        <v>0</v>
      </c>
      <c r="Y20" s="117">
        <v>0</v>
      </c>
      <c r="Z20" s="116">
        <v>0</v>
      </c>
      <c r="AA20" s="113">
        <v>0</v>
      </c>
      <c r="AB20" s="117">
        <v>81678</v>
      </c>
      <c r="AC20" s="117">
        <v>71685</v>
      </c>
      <c r="AD20" s="117">
        <v>0</v>
      </c>
      <c r="AE20" s="117">
        <v>60553</v>
      </c>
      <c r="AF20" s="117">
        <v>175110</v>
      </c>
      <c r="AG20" s="116">
        <v>389026</v>
      </c>
      <c r="AH20" s="119">
        <v>389026</v>
      </c>
      <c r="AI20" s="113">
        <v>0</v>
      </c>
      <c r="AJ20" s="117">
        <v>0</v>
      </c>
      <c r="AK20" s="116">
        <v>0</v>
      </c>
      <c r="AL20" s="113">
        <v>0</v>
      </c>
      <c r="AM20" s="117">
        <v>0</v>
      </c>
      <c r="AN20" s="117">
        <v>0</v>
      </c>
      <c r="AO20" s="117">
        <v>0</v>
      </c>
      <c r="AP20" s="117">
        <v>0</v>
      </c>
      <c r="AQ20" s="117">
        <v>235026</v>
      </c>
      <c r="AR20" s="116">
        <v>235026</v>
      </c>
      <c r="AS20" s="119">
        <v>235026</v>
      </c>
      <c r="AT20" s="113">
        <v>0</v>
      </c>
      <c r="AU20" s="117">
        <v>0</v>
      </c>
      <c r="AV20" s="116">
        <v>0</v>
      </c>
      <c r="AW20" s="113">
        <v>0</v>
      </c>
      <c r="AX20" s="117">
        <v>54497</v>
      </c>
      <c r="AY20" s="117">
        <v>127770</v>
      </c>
      <c r="AZ20" s="117">
        <v>121865</v>
      </c>
      <c r="BA20" s="117">
        <v>156117</v>
      </c>
      <c r="BB20" s="117">
        <v>166262</v>
      </c>
      <c r="BC20" s="116">
        <v>626511</v>
      </c>
      <c r="BD20" s="119">
        <v>626511</v>
      </c>
      <c r="BE20" s="113">
        <v>0</v>
      </c>
      <c r="BF20" s="117">
        <v>0</v>
      </c>
      <c r="BG20" s="115">
        <v>0</v>
      </c>
      <c r="BH20" s="114">
        <v>0</v>
      </c>
      <c r="BI20" s="117">
        <v>4622</v>
      </c>
      <c r="BJ20" s="117">
        <v>0</v>
      </c>
      <c r="BK20" s="117">
        <v>0</v>
      </c>
      <c r="BL20" s="117">
        <v>55474</v>
      </c>
      <c r="BM20" s="117">
        <v>18491</v>
      </c>
      <c r="BN20" s="116">
        <v>78587</v>
      </c>
      <c r="BO20" s="119">
        <v>78587</v>
      </c>
      <c r="BP20" s="113">
        <v>3612</v>
      </c>
      <c r="BQ20" s="117">
        <v>32508</v>
      </c>
      <c r="BR20" s="116">
        <v>36120</v>
      </c>
      <c r="BS20" s="113">
        <v>0</v>
      </c>
      <c r="BT20" s="117">
        <v>48069</v>
      </c>
      <c r="BU20" s="117">
        <v>61145</v>
      </c>
      <c r="BV20" s="117">
        <v>93254</v>
      </c>
      <c r="BW20" s="117">
        <v>24899</v>
      </c>
      <c r="BX20" s="117">
        <v>25550</v>
      </c>
      <c r="BY20" s="116">
        <v>252917</v>
      </c>
      <c r="BZ20" s="119">
        <v>289037</v>
      </c>
      <c r="CA20" s="113">
        <v>0</v>
      </c>
      <c r="CB20" s="117">
        <v>33949</v>
      </c>
      <c r="CC20" s="116">
        <v>33949</v>
      </c>
      <c r="CD20" s="113">
        <v>0</v>
      </c>
      <c r="CE20" s="117">
        <v>162692</v>
      </c>
      <c r="CF20" s="117">
        <v>168696</v>
      </c>
      <c r="CG20" s="117">
        <v>255728</v>
      </c>
      <c r="CH20" s="117">
        <v>145880</v>
      </c>
      <c r="CI20" s="117">
        <v>128262</v>
      </c>
      <c r="CJ20" s="116">
        <v>861258</v>
      </c>
      <c r="CK20" s="119">
        <v>895207</v>
      </c>
      <c r="CL20" s="113">
        <v>0</v>
      </c>
      <c r="CM20" s="117">
        <v>0</v>
      </c>
      <c r="CN20" s="116">
        <v>0</v>
      </c>
      <c r="CO20" s="114">
        <v>0</v>
      </c>
      <c r="CP20" s="117">
        <v>103757</v>
      </c>
      <c r="CQ20" s="117">
        <v>111290</v>
      </c>
      <c r="CR20" s="117">
        <v>182125</v>
      </c>
      <c r="CS20" s="117">
        <v>70888</v>
      </c>
      <c r="CT20" s="117">
        <v>0</v>
      </c>
      <c r="CU20" s="116">
        <v>468060</v>
      </c>
      <c r="CV20" s="119">
        <v>468060</v>
      </c>
      <c r="CW20" s="113">
        <v>0</v>
      </c>
      <c r="CX20" s="117">
        <v>33949</v>
      </c>
      <c r="CY20" s="116">
        <v>33949</v>
      </c>
      <c r="CZ20" s="113">
        <v>0</v>
      </c>
      <c r="DA20" s="117">
        <v>58935</v>
      </c>
      <c r="DB20" s="117">
        <v>57406</v>
      </c>
      <c r="DC20" s="117">
        <v>73603</v>
      </c>
      <c r="DD20" s="117">
        <v>74992</v>
      </c>
      <c r="DE20" s="117">
        <v>128262</v>
      </c>
      <c r="DF20" s="116">
        <v>393198</v>
      </c>
      <c r="DG20" s="119">
        <v>427147</v>
      </c>
      <c r="DH20" s="113">
        <v>0</v>
      </c>
      <c r="DI20" s="117">
        <v>0</v>
      </c>
      <c r="DJ20" s="115">
        <v>0</v>
      </c>
      <c r="DK20" s="114">
        <v>0</v>
      </c>
      <c r="DL20" s="117">
        <v>0</v>
      </c>
      <c r="DM20" s="117">
        <v>46697</v>
      </c>
      <c r="DN20" s="117">
        <v>0</v>
      </c>
      <c r="DO20" s="117">
        <v>304205</v>
      </c>
      <c r="DP20" s="117">
        <v>206950</v>
      </c>
      <c r="DQ20" s="116">
        <v>557852</v>
      </c>
      <c r="DR20" s="119">
        <v>557852</v>
      </c>
      <c r="DS20" s="113">
        <v>0</v>
      </c>
      <c r="DT20" s="117">
        <v>0</v>
      </c>
      <c r="DU20" s="116">
        <v>0</v>
      </c>
      <c r="DV20" s="113">
        <v>0</v>
      </c>
      <c r="DW20" s="117">
        <v>0</v>
      </c>
      <c r="DX20" s="117">
        <v>46697</v>
      </c>
      <c r="DY20" s="117">
        <v>0</v>
      </c>
      <c r="DZ20" s="117">
        <v>304205</v>
      </c>
      <c r="EA20" s="117">
        <v>206950</v>
      </c>
      <c r="EB20" s="116">
        <v>557852</v>
      </c>
      <c r="EC20" s="119">
        <v>557852</v>
      </c>
      <c r="ED20" s="113">
        <v>0</v>
      </c>
      <c r="EE20" s="115">
        <v>0</v>
      </c>
      <c r="EF20" s="116">
        <v>0</v>
      </c>
      <c r="EG20" s="113">
        <v>0</v>
      </c>
      <c r="EH20" s="117">
        <v>0</v>
      </c>
      <c r="EI20" s="117">
        <v>0</v>
      </c>
      <c r="EJ20" s="117">
        <v>0</v>
      </c>
      <c r="EK20" s="117">
        <v>0</v>
      </c>
      <c r="EL20" s="117">
        <v>0</v>
      </c>
      <c r="EM20" s="115">
        <v>0</v>
      </c>
      <c r="EN20" s="119">
        <v>0</v>
      </c>
      <c r="EO20" s="113">
        <v>0</v>
      </c>
      <c r="EP20" s="117">
        <v>0</v>
      </c>
      <c r="EQ20" s="115">
        <v>0</v>
      </c>
      <c r="ER20" s="114">
        <v>0</v>
      </c>
      <c r="ES20" s="117">
        <v>0</v>
      </c>
      <c r="ET20" s="117">
        <v>0</v>
      </c>
      <c r="EU20" s="117">
        <v>0</v>
      </c>
      <c r="EV20" s="117">
        <v>0</v>
      </c>
      <c r="EW20" s="117">
        <v>0</v>
      </c>
      <c r="EX20" s="116">
        <v>0</v>
      </c>
      <c r="EY20" s="119">
        <v>0</v>
      </c>
      <c r="EZ20" s="113">
        <v>0</v>
      </c>
      <c r="FA20" s="117">
        <v>0</v>
      </c>
      <c r="FB20" s="115">
        <v>0</v>
      </c>
      <c r="FC20" s="387"/>
      <c r="FD20" s="117">
        <v>0</v>
      </c>
      <c r="FE20" s="117">
        <v>0</v>
      </c>
      <c r="FF20" s="117">
        <v>0</v>
      </c>
      <c r="FG20" s="117">
        <v>0</v>
      </c>
      <c r="FH20" s="117">
        <v>0</v>
      </c>
      <c r="FI20" s="116">
        <v>0</v>
      </c>
      <c r="FJ20" s="119">
        <v>0</v>
      </c>
      <c r="FK20" s="113">
        <v>0</v>
      </c>
      <c r="FL20" s="117">
        <v>22400</v>
      </c>
      <c r="FM20" s="116">
        <v>22400</v>
      </c>
      <c r="FN20" s="113">
        <v>0</v>
      </c>
      <c r="FO20" s="117">
        <v>44604</v>
      </c>
      <c r="FP20" s="117">
        <v>106750</v>
      </c>
      <c r="FQ20" s="117">
        <v>112357</v>
      </c>
      <c r="FR20" s="117">
        <v>196525</v>
      </c>
      <c r="FS20" s="117">
        <v>137557</v>
      </c>
      <c r="FT20" s="116">
        <v>597793</v>
      </c>
      <c r="FU20" s="119">
        <v>620193</v>
      </c>
      <c r="FV20" s="118">
        <v>0</v>
      </c>
      <c r="FW20" s="117">
        <v>22400</v>
      </c>
      <c r="FX20" s="115">
        <v>22400</v>
      </c>
      <c r="FY20" s="114">
        <v>0</v>
      </c>
      <c r="FZ20" s="117">
        <v>22204</v>
      </c>
      <c r="GA20" s="117">
        <v>106750</v>
      </c>
      <c r="GB20" s="117">
        <v>112357</v>
      </c>
      <c r="GC20" s="117">
        <v>196525</v>
      </c>
      <c r="GD20" s="117">
        <v>137557</v>
      </c>
      <c r="GE20" s="116">
        <v>575393</v>
      </c>
      <c r="GF20" s="351">
        <v>597793</v>
      </c>
      <c r="GG20" s="118">
        <v>0</v>
      </c>
      <c r="GH20" s="117">
        <v>0</v>
      </c>
      <c r="GI20" s="115">
        <v>0</v>
      </c>
      <c r="GJ20" s="114">
        <v>0</v>
      </c>
      <c r="GK20" s="117">
        <v>0</v>
      </c>
      <c r="GL20" s="117">
        <v>0</v>
      </c>
      <c r="GM20" s="117">
        <v>0</v>
      </c>
      <c r="GN20" s="117">
        <v>0</v>
      </c>
      <c r="GO20" s="117">
        <v>0</v>
      </c>
      <c r="GP20" s="116">
        <v>0</v>
      </c>
      <c r="GQ20" s="119">
        <v>0</v>
      </c>
      <c r="GR20" s="113">
        <v>0</v>
      </c>
      <c r="GS20" s="117">
        <v>0</v>
      </c>
      <c r="GT20" s="116">
        <v>0</v>
      </c>
      <c r="GU20" s="113">
        <v>0</v>
      </c>
      <c r="GV20" s="117">
        <v>22400</v>
      </c>
      <c r="GW20" s="117">
        <v>0</v>
      </c>
      <c r="GX20" s="117">
        <v>0</v>
      </c>
      <c r="GY20" s="117">
        <v>0</v>
      </c>
      <c r="GZ20" s="117">
        <v>0</v>
      </c>
      <c r="HA20" s="115">
        <v>22400</v>
      </c>
      <c r="HB20" s="119">
        <v>22400</v>
      </c>
      <c r="HC20" s="113">
        <v>51199</v>
      </c>
      <c r="HD20" s="117">
        <v>245129</v>
      </c>
      <c r="HE20" s="115">
        <v>296328</v>
      </c>
      <c r="HF20" s="114">
        <v>0</v>
      </c>
      <c r="HG20" s="117">
        <v>766392</v>
      </c>
      <c r="HH20" s="117">
        <v>309759</v>
      </c>
      <c r="HI20" s="117">
        <v>533404</v>
      </c>
      <c r="HJ20" s="117">
        <v>0</v>
      </c>
      <c r="HK20" s="117">
        <v>0</v>
      </c>
      <c r="HL20" s="116">
        <v>1609555</v>
      </c>
      <c r="HM20" s="112">
        <v>1905883</v>
      </c>
      <c r="HN20" s="367"/>
      <c r="HO20" s="368"/>
      <c r="HP20" s="369"/>
      <c r="HQ20" s="370"/>
      <c r="HR20" s="368"/>
      <c r="HS20" s="368"/>
      <c r="HT20" s="368"/>
      <c r="HU20" s="368"/>
      <c r="HV20" s="368"/>
      <c r="HW20" s="371"/>
      <c r="HX20" s="372"/>
      <c r="HY20" s="168">
        <v>0</v>
      </c>
      <c r="HZ20" s="153">
        <v>0</v>
      </c>
      <c r="IA20" s="168">
        <v>0</v>
      </c>
      <c r="IB20" s="152">
        <v>0</v>
      </c>
      <c r="IC20" s="153">
        <v>339917</v>
      </c>
      <c r="ID20" s="154">
        <v>532685</v>
      </c>
      <c r="IE20" s="155">
        <v>570500</v>
      </c>
      <c r="IF20" s="153">
        <v>471729</v>
      </c>
      <c r="IG20" s="155">
        <v>33004</v>
      </c>
      <c r="IH20" s="156">
        <v>1947835</v>
      </c>
      <c r="II20" s="168">
        <v>1947835</v>
      </c>
      <c r="IJ20" s="262">
        <v>0</v>
      </c>
      <c r="IK20" s="269">
        <v>0</v>
      </c>
      <c r="IL20" s="270">
        <v>0</v>
      </c>
      <c r="IM20" s="158"/>
      <c r="IN20" s="123">
        <v>0</v>
      </c>
      <c r="IO20" s="123">
        <v>0</v>
      </c>
      <c r="IP20" s="123">
        <v>0</v>
      </c>
      <c r="IQ20" s="123">
        <v>0</v>
      </c>
      <c r="IR20" s="123">
        <v>0</v>
      </c>
      <c r="IS20" s="159">
        <v>0</v>
      </c>
      <c r="IT20" s="354">
        <v>0</v>
      </c>
      <c r="IU20" s="160">
        <v>0</v>
      </c>
      <c r="IV20" s="123">
        <v>0</v>
      </c>
      <c r="IW20" s="124">
        <v>0</v>
      </c>
      <c r="IX20" s="162"/>
      <c r="IY20" s="123">
        <v>0</v>
      </c>
      <c r="IZ20" s="123">
        <v>0</v>
      </c>
      <c r="JA20" s="123">
        <v>0</v>
      </c>
      <c r="JB20" s="123">
        <v>0</v>
      </c>
      <c r="JC20" s="123">
        <v>0</v>
      </c>
      <c r="JD20" s="124">
        <v>0</v>
      </c>
      <c r="JE20" s="125">
        <v>0</v>
      </c>
      <c r="JF20" s="160">
        <v>0</v>
      </c>
      <c r="JG20" s="123">
        <v>0</v>
      </c>
      <c r="JH20" s="159">
        <v>0</v>
      </c>
      <c r="JI20" s="122">
        <v>0</v>
      </c>
      <c r="JJ20" s="123">
        <v>203924</v>
      </c>
      <c r="JK20" s="123">
        <v>320330</v>
      </c>
      <c r="JL20" s="123">
        <v>81178</v>
      </c>
      <c r="JM20" s="123">
        <v>252300</v>
      </c>
      <c r="JN20" s="123">
        <v>33004</v>
      </c>
      <c r="JO20" s="124">
        <v>890736</v>
      </c>
      <c r="JP20" s="354">
        <v>890736</v>
      </c>
      <c r="JQ20" s="160">
        <v>0</v>
      </c>
      <c r="JR20" s="123">
        <v>0</v>
      </c>
      <c r="JS20" s="159">
        <v>0</v>
      </c>
      <c r="JT20" s="122">
        <v>0</v>
      </c>
      <c r="JU20" s="123">
        <v>0</v>
      </c>
      <c r="JV20" s="123">
        <v>0</v>
      </c>
      <c r="JW20" s="123">
        <v>58795</v>
      </c>
      <c r="JX20" s="123">
        <v>0</v>
      </c>
      <c r="JY20" s="123">
        <v>0</v>
      </c>
      <c r="JZ20" s="124">
        <v>58795</v>
      </c>
      <c r="KA20" s="354">
        <v>58795</v>
      </c>
      <c r="KB20" s="265">
        <v>0</v>
      </c>
      <c r="KC20" s="259">
        <v>0</v>
      </c>
      <c r="KD20" s="124">
        <v>0</v>
      </c>
      <c r="KE20" s="122">
        <v>0</v>
      </c>
      <c r="KF20" s="123">
        <v>0</v>
      </c>
      <c r="KG20" s="123">
        <v>0</v>
      </c>
      <c r="KH20" s="123">
        <v>0</v>
      </c>
      <c r="KI20" s="123">
        <v>0</v>
      </c>
      <c r="KJ20" s="123">
        <v>0</v>
      </c>
      <c r="KK20" s="124">
        <v>0</v>
      </c>
      <c r="KL20" s="161">
        <v>0</v>
      </c>
      <c r="KM20" s="262">
        <v>0</v>
      </c>
      <c r="KN20" s="269">
        <v>0</v>
      </c>
      <c r="KO20" s="270">
        <v>0</v>
      </c>
      <c r="KP20" s="158">
        <v>0</v>
      </c>
      <c r="KQ20" s="123">
        <v>135993</v>
      </c>
      <c r="KR20" s="123">
        <v>212355</v>
      </c>
      <c r="KS20" s="123">
        <v>430527</v>
      </c>
      <c r="KT20" s="123">
        <v>219429</v>
      </c>
      <c r="KU20" s="123">
        <v>0</v>
      </c>
      <c r="KV20" s="124">
        <v>998304</v>
      </c>
      <c r="KW20" s="354">
        <v>998304</v>
      </c>
      <c r="KX20" s="160">
        <v>0</v>
      </c>
      <c r="KY20" s="123">
        <v>0</v>
      </c>
      <c r="KZ20" s="124">
        <v>0</v>
      </c>
      <c r="LA20" s="163">
        <v>0</v>
      </c>
      <c r="LB20" s="123">
        <v>0</v>
      </c>
      <c r="LC20" s="123">
        <v>0</v>
      </c>
      <c r="LD20" s="123">
        <v>0</v>
      </c>
      <c r="LE20" s="123">
        <v>0</v>
      </c>
      <c r="LF20" s="123">
        <v>0</v>
      </c>
      <c r="LG20" s="124">
        <v>0</v>
      </c>
      <c r="LH20" s="125">
        <v>0</v>
      </c>
      <c r="LI20" s="160">
        <v>0</v>
      </c>
      <c r="LJ20" s="123">
        <v>0</v>
      </c>
      <c r="LK20" s="124">
        <v>0</v>
      </c>
      <c r="LL20" s="163"/>
      <c r="LM20" s="123">
        <v>0</v>
      </c>
      <c r="LN20" s="123">
        <v>0</v>
      </c>
      <c r="LO20" s="123">
        <v>0</v>
      </c>
      <c r="LP20" s="123">
        <v>0</v>
      </c>
      <c r="LQ20" s="123">
        <v>0</v>
      </c>
      <c r="LR20" s="124">
        <v>0</v>
      </c>
      <c r="LS20" s="354">
        <v>0</v>
      </c>
      <c r="LT20" s="160">
        <v>0</v>
      </c>
      <c r="LU20" s="123">
        <v>0</v>
      </c>
      <c r="LV20" s="124">
        <v>0</v>
      </c>
      <c r="LW20" s="163"/>
      <c r="LX20" s="123">
        <v>0</v>
      </c>
      <c r="LY20" s="123">
        <v>0</v>
      </c>
      <c r="LZ20" s="123">
        <v>0</v>
      </c>
      <c r="MA20" s="123">
        <v>0</v>
      </c>
      <c r="MB20" s="123">
        <v>0</v>
      </c>
      <c r="MC20" s="124">
        <v>0</v>
      </c>
      <c r="MD20" s="125">
        <v>0</v>
      </c>
      <c r="ME20" s="160">
        <v>0</v>
      </c>
      <c r="MF20" s="123">
        <v>0</v>
      </c>
      <c r="MG20" s="124">
        <v>0</v>
      </c>
      <c r="MH20" s="163"/>
      <c r="MI20" s="123">
        <v>189717</v>
      </c>
      <c r="MJ20" s="123">
        <v>0</v>
      </c>
      <c r="MK20" s="123">
        <v>233181</v>
      </c>
      <c r="ML20" s="123">
        <v>460971</v>
      </c>
      <c r="MM20" s="123">
        <v>563162</v>
      </c>
      <c r="MN20" s="124">
        <v>1447031</v>
      </c>
      <c r="MO20" s="161">
        <v>1447031</v>
      </c>
      <c r="MP20" s="160">
        <v>0</v>
      </c>
      <c r="MQ20" s="123">
        <v>0</v>
      </c>
      <c r="MR20" s="124">
        <v>0</v>
      </c>
      <c r="MS20" s="163"/>
      <c r="MT20" s="123">
        <v>0</v>
      </c>
      <c r="MU20" s="123">
        <v>0</v>
      </c>
      <c r="MV20" s="123">
        <v>0</v>
      </c>
      <c r="MW20" s="123">
        <v>215740</v>
      </c>
      <c r="MX20" s="123">
        <v>563162</v>
      </c>
      <c r="MY20" s="124">
        <v>778902</v>
      </c>
      <c r="MZ20" s="161">
        <v>778902</v>
      </c>
      <c r="NA20" s="160">
        <v>0</v>
      </c>
      <c r="NB20" s="123">
        <v>0</v>
      </c>
      <c r="NC20" s="124">
        <v>0</v>
      </c>
      <c r="ND20" s="163"/>
      <c r="NE20" s="123">
        <v>189717</v>
      </c>
      <c r="NF20" s="123">
        <v>0</v>
      </c>
      <c r="NG20" s="123">
        <v>233181</v>
      </c>
      <c r="NH20" s="123">
        <v>245231</v>
      </c>
      <c r="NI20" s="123">
        <v>0</v>
      </c>
      <c r="NJ20" s="124">
        <v>668129</v>
      </c>
      <c r="NK20" s="354">
        <v>668129</v>
      </c>
      <c r="NL20" s="160">
        <v>0</v>
      </c>
      <c r="NM20" s="123">
        <v>0</v>
      </c>
      <c r="NN20" s="124">
        <v>0</v>
      </c>
      <c r="NO20" s="163"/>
      <c r="NP20" s="123">
        <v>0</v>
      </c>
      <c r="NQ20" s="123">
        <v>0</v>
      </c>
      <c r="NR20" s="123">
        <v>0</v>
      </c>
      <c r="NS20" s="123">
        <v>0</v>
      </c>
      <c r="NT20" s="123">
        <v>0</v>
      </c>
      <c r="NU20" s="124">
        <v>0</v>
      </c>
      <c r="NV20" s="125">
        <v>0</v>
      </c>
      <c r="NW20" s="160">
        <v>0</v>
      </c>
      <c r="NX20" s="123">
        <v>0</v>
      </c>
      <c r="NY20" s="124">
        <v>0</v>
      </c>
      <c r="NZ20" s="163"/>
      <c r="OA20" s="123">
        <v>0</v>
      </c>
      <c r="OB20" s="123">
        <v>0</v>
      </c>
      <c r="OC20" s="123">
        <v>0</v>
      </c>
      <c r="OD20" s="123">
        <v>0</v>
      </c>
      <c r="OE20" s="123">
        <v>0</v>
      </c>
      <c r="OF20" s="124">
        <v>0</v>
      </c>
      <c r="OG20" s="125">
        <v>0</v>
      </c>
      <c r="OH20" s="160">
        <v>54811</v>
      </c>
      <c r="OI20" s="123">
        <v>333986</v>
      </c>
      <c r="OJ20" s="159">
        <v>388797</v>
      </c>
      <c r="OK20" s="122">
        <v>0</v>
      </c>
      <c r="OL20" s="123">
        <v>1692188</v>
      </c>
      <c r="OM20" s="123">
        <v>1425187</v>
      </c>
      <c r="ON20" s="123">
        <v>1920289</v>
      </c>
      <c r="OO20" s="123">
        <v>1876353</v>
      </c>
      <c r="OP20" s="123">
        <v>1689374</v>
      </c>
      <c r="OQ20" s="124">
        <v>8603391</v>
      </c>
      <c r="OR20" s="161">
        <v>8992188</v>
      </c>
    </row>
    <row r="21" spans="1:408" ht="20.25" customHeight="1" x14ac:dyDescent="0.2">
      <c r="A21" s="130" t="s">
        <v>16</v>
      </c>
      <c r="B21" s="113">
        <v>505856</v>
      </c>
      <c r="C21" s="117">
        <v>285975</v>
      </c>
      <c r="D21" s="116">
        <v>791831</v>
      </c>
      <c r="E21" s="112">
        <v>0</v>
      </c>
      <c r="F21" s="117">
        <v>3456930</v>
      </c>
      <c r="G21" s="117">
        <v>4847690</v>
      </c>
      <c r="H21" s="117">
        <v>2326038</v>
      </c>
      <c r="I21" s="117">
        <v>3118245</v>
      </c>
      <c r="J21" s="117">
        <v>2091691</v>
      </c>
      <c r="K21" s="112">
        <v>15840594</v>
      </c>
      <c r="L21" s="119">
        <v>16632425</v>
      </c>
      <c r="M21" s="113">
        <v>69020</v>
      </c>
      <c r="N21" s="117">
        <v>41601</v>
      </c>
      <c r="O21" s="116">
        <v>110621</v>
      </c>
      <c r="P21" s="113">
        <v>0</v>
      </c>
      <c r="Q21" s="117">
        <v>522757</v>
      </c>
      <c r="R21" s="117">
        <v>1171902</v>
      </c>
      <c r="S21" s="117">
        <v>977469</v>
      </c>
      <c r="T21" s="117">
        <v>743106</v>
      </c>
      <c r="U21" s="117">
        <v>659092</v>
      </c>
      <c r="V21" s="116">
        <v>4074326</v>
      </c>
      <c r="W21" s="119">
        <v>4184947</v>
      </c>
      <c r="X21" s="113">
        <v>0</v>
      </c>
      <c r="Y21" s="117">
        <v>0</v>
      </c>
      <c r="Z21" s="116">
        <v>0</v>
      </c>
      <c r="AA21" s="113">
        <v>0</v>
      </c>
      <c r="AB21" s="117">
        <v>180880</v>
      </c>
      <c r="AC21" s="117">
        <v>450730</v>
      </c>
      <c r="AD21" s="117">
        <v>437773</v>
      </c>
      <c r="AE21" s="117">
        <v>269549</v>
      </c>
      <c r="AF21" s="117">
        <v>352596</v>
      </c>
      <c r="AG21" s="116">
        <v>1691528</v>
      </c>
      <c r="AH21" s="119">
        <v>1691528</v>
      </c>
      <c r="AI21" s="113">
        <v>0</v>
      </c>
      <c r="AJ21" s="117">
        <v>0</v>
      </c>
      <c r="AK21" s="116">
        <v>0</v>
      </c>
      <c r="AL21" s="113">
        <v>0</v>
      </c>
      <c r="AM21" s="117">
        <v>0</v>
      </c>
      <c r="AN21" s="117">
        <v>49307</v>
      </c>
      <c r="AO21" s="117">
        <v>19722</v>
      </c>
      <c r="AP21" s="117">
        <v>0</v>
      </c>
      <c r="AQ21" s="117">
        <v>121590</v>
      </c>
      <c r="AR21" s="116">
        <v>190619</v>
      </c>
      <c r="AS21" s="119">
        <v>190619</v>
      </c>
      <c r="AT21" s="113">
        <v>32704</v>
      </c>
      <c r="AU21" s="117">
        <v>28022</v>
      </c>
      <c r="AV21" s="116">
        <v>60726</v>
      </c>
      <c r="AW21" s="113">
        <v>0</v>
      </c>
      <c r="AX21" s="117">
        <v>185721</v>
      </c>
      <c r="AY21" s="117">
        <v>553957</v>
      </c>
      <c r="AZ21" s="117">
        <v>401617</v>
      </c>
      <c r="BA21" s="117">
        <v>302449</v>
      </c>
      <c r="BB21" s="117">
        <v>48539</v>
      </c>
      <c r="BC21" s="116">
        <v>1492283</v>
      </c>
      <c r="BD21" s="119">
        <v>1553009</v>
      </c>
      <c r="BE21" s="113">
        <v>0</v>
      </c>
      <c r="BF21" s="117">
        <v>13579</v>
      </c>
      <c r="BG21" s="115">
        <v>13579</v>
      </c>
      <c r="BH21" s="114">
        <v>0</v>
      </c>
      <c r="BI21" s="117">
        <v>0</v>
      </c>
      <c r="BJ21" s="117">
        <v>0</v>
      </c>
      <c r="BK21" s="117">
        <v>66249</v>
      </c>
      <c r="BL21" s="117">
        <v>0</v>
      </c>
      <c r="BM21" s="117">
        <v>0</v>
      </c>
      <c r="BN21" s="116">
        <v>66249</v>
      </c>
      <c r="BO21" s="119">
        <v>79828</v>
      </c>
      <c r="BP21" s="113">
        <v>36316</v>
      </c>
      <c r="BQ21" s="117">
        <v>0</v>
      </c>
      <c r="BR21" s="116">
        <v>36316</v>
      </c>
      <c r="BS21" s="113">
        <v>0</v>
      </c>
      <c r="BT21" s="117">
        <v>156156</v>
      </c>
      <c r="BU21" s="117">
        <v>117908</v>
      </c>
      <c r="BV21" s="117">
        <v>52108</v>
      </c>
      <c r="BW21" s="117">
        <v>171108</v>
      </c>
      <c r="BX21" s="117">
        <v>136367</v>
      </c>
      <c r="BY21" s="116">
        <v>633647</v>
      </c>
      <c r="BZ21" s="119">
        <v>669963</v>
      </c>
      <c r="CA21" s="113">
        <v>92559</v>
      </c>
      <c r="CB21" s="117">
        <v>138254</v>
      </c>
      <c r="CC21" s="116">
        <v>230813</v>
      </c>
      <c r="CD21" s="113">
        <v>0</v>
      </c>
      <c r="CE21" s="117">
        <v>1297865</v>
      </c>
      <c r="CF21" s="117">
        <v>1756872</v>
      </c>
      <c r="CG21" s="117">
        <v>784381</v>
      </c>
      <c r="CH21" s="117">
        <v>312321</v>
      </c>
      <c r="CI21" s="117">
        <v>75361</v>
      </c>
      <c r="CJ21" s="116">
        <v>4226800</v>
      </c>
      <c r="CK21" s="119">
        <v>4457613</v>
      </c>
      <c r="CL21" s="113">
        <v>0</v>
      </c>
      <c r="CM21" s="117">
        <v>0</v>
      </c>
      <c r="CN21" s="116">
        <v>0</v>
      </c>
      <c r="CO21" s="114">
        <v>0</v>
      </c>
      <c r="CP21" s="117">
        <v>783397</v>
      </c>
      <c r="CQ21" s="117">
        <v>905859</v>
      </c>
      <c r="CR21" s="117">
        <v>452729</v>
      </c>
      <c r="CS21" s="117">
        <v>312321</v>
      </c>
      <c r="CT21" s="117">
        <v>75361</v>
      </c>
      <c r="CU21" s="116">
        <v>2529667</v>
      </c>
      <c r="CV21" s="119">
        <v>2529667</v>
      </c>
      <c r="CW21" s="113">
        <v>92559</v>
      </c>
      <c r="CX21" s="117">
        <v>138254</v>
      </c>
      <c r="CY21" s="116">
        <v>230813</v>
      </c>
      <c r="CZ21" s="113">
        <v>0</v>
      </c>
      <c r="DA21" s="117">
        <v>514468</v>
      </c>
      <c r="DB21" s="117">
        <v>851013</v>
      </c>
      <c r="DC21" s="117">
        <v>331652</v>
      </c>
      <c r="DD21" s="117">
        <v>0</v>
      </c>
      <c r="DE21" s="117">
        <v>0</v>
      </c>
      <c r="DF21" s="116">
        <v>1697133</v>
      </c>
      <c r="DG21" s="119">
        <v>1927946</v>
      </c>
      <c r="DH21" s="113">
        <v>0</v>
      </c>
      <c r="DI21" s="117">
        <v>0</v>
      </c>
      <c r="DJ21" s="115">
        <v>0</v>
      </c>
      <c r="DK21" s="114">
        <v>0</v>
      </c>
      <c r="DL21" s="117">
        <v>33058</v>
      </c>
      <c r="DM21" s="117">
        <v>167416</v>
      </c>
      <c r="DN21" s="117">
        <v>93536</v>
      </c>
      <c r="DO21" s="117">
        <v>0</v>
      </c>
      <c r="DP21" s="117">
        <v>97502</v>
      </c>
      <c r="DQ21" s="116">
        <v>391512</v>
      </c>
      <c r="DR21" s="119">
        <v>391512</v>
      </c>
      <c r="DS21" s="113">
        <v>0</v>
      </c>
      <c r="DT21" s="117">
        <v>0</v>
      </c>
      <c r="DU21" s="116">
        <v>0</v>
      </c>
      <c r="DV21" s="113">
        <v>0</v>
      </c>
      <c r="DW21" s="117">
        <v>33058</v>
      </c>
      <c r="DX21" s="117">
        <v>73471</v>
      </c>
      <c r="DY21" s="117">
        <v>43521</v>
      </c>
      <c r="DZ21" s="117">
        <v>0</v>
      </c>
      <c r="EA21" s="117">
        <v>97502</v>
      </c>
      <c r="EB21" s="116">
        <v>247552</v>
      </c>
      <c r="EC21" s="119">
        <v>247552</v>
      </c>
      <c r="ED21" s="113">
        <v>0</v>
      </c>
      <c r="EE21" s="115">
        <v>0</v>
      </c>
      <c r="EF21" s="116">
        <v>0</v>
      </c>
      <c r="EG21" s="113">
        <v>0</v>
      </c>
      <c r="EH21" s="117">
        <v>0</v>
      </c>
      <c r="EI21" s="117">
        <v>93945</v>
      </c>
      <c r="EJ21" s="117">
        <v>50015</v>
      </c>
      <c r="EK21" s="117">
        <v>0</v>
      </c>
      <c r="EL21" s="117">
        <v>0</v>
      </c>
      <c r="EM21" s="115">
        <v>143960</v>
      </c>
      <c r="EN21" s="119">
        <v>143960</v>
      </c>
      <c r="EO21" s="113">
        <v>0</v>
      </c>
      <c r="EP21" s="117">
        <v>0</v>
      </c>
      <c r="EQ21" s="115">
        <v>0</v>
      </c>
      <c r="ER21" s="114">
        <v>0</v>
      </c>
      <c r="ES21" s="117">
        <v>0</v>
      </c>
      <c r="ET21" s="117">
        <v>0</v>
      </c>
      <c r="EU21" s="117">
        <v>0</v>
      </c>
      <c r="EV21" s="117">
        <v>0</v>
      </c>
      <c r="EW21" s="117">
        <v>0</v>
      </c>
      <c r="EX21" s="116">
        <v>0</v>
      </c>
      <c r="EY21" s="119">
        <v>0</v>
      </c>
      <c r="EZ21" s="113">
        <v>0</v>
      </c>
      <c r="FA21" s="117">
        <v>0</v>
      </c>
      <c r="FB21" s="115">
        <v>0</v>
      </c>
      <c r="FC21" s="387"/>
      <c r="FD21" s="117">
        <v>0</v>
      </c>
      <c r="FE21" s="117">
        <v>0</v>
      </c>
      <c r="FF21" s="117">
        <v>0</v>
      </c>
      <c r="FG21" s="117">
        <v>0</v>
      </c>
      <c r="FH21" s="117">
        <v>0</v>
      </c>
      <c r="FI21" s="116">
        <v>0</v>
      </c>
      <c r="FJ21" s="119">
        <v>0</v>
      </c>
      <c r="FK21" s="113">
        <v>63910</v>
      </c>
      <c r="FL21" s="117">
        <v>106120</v>
      </c>
      <c r="FM21" s="116">
        <v>170030</v>
      </c>
      <c r="FN21" s="113">
        <v>0</v>
      </c>
      <c r="FO21" s="117">
        <v>116627</v>
      </c>
      <c r="FP21" s="117">
        <v>356328</v>
      </c>
      <c r="FQ21" s="117">
        <v>292502</v>
      </c>
      <c r="FR21" s="117">
        <v>175980</v>
      </c>
      <c r="FS21" s="117">
        <v>231217</v>
      </c>
      <c r="FT21" s="116">
        <v>1172654</v>
      </c>
      <c r="FU21" s="119">
        <v>1342684</v>
      </c>
      <c r="FV21" s="118">
        <v>18480</v>
      </c>
      <c r="FW21" s="117">
        <v>95760</v>
      </c>
      <c r="FX21" s="115">
        <v>114240</v>
      </c>
      <c r="FY21" s="114">
        <v>0</v>
      </c>
      <c r="FZ21" s="117">
        <v>106267</v>
      </c>
      <c r="GA21" s="117">
        <v>356328</v>
      </c>
      <c r="GB21" s="117">
        <v>277410</v>
      </c>
      <c r="GC21" s="117">
        <v>175980</v>
      </c>
      <c r="GD21" s="117">
        <v>191793</v>
      </c>
      <c r="GE21" s="116">
        <v>1107778</v>
      </c>
      <c r="GF21" s="351">
        <v>1222018</v>
      </c>
      <c r="GG21" s="118">
        <v>0</v>
      </c>
      <c r="GH21" s="117">
        <v>10360</v>
      </c>
      <c r="GI21" s="115">
        <v>10360</v>
      </c>
      <c r="GJ21" s="114">
        <v>0</v>
      </c>
      <c r="GK21" s="117">
        <v>10360</v>
      </c>
      <c r="GL21" s="117">
        <v>0</v>
      </c>
      <c r="GM21" s="117">
        <v>0</v>
      </c>
      <c r="GN21" s="117">
        <v>0</v>
      </c>
      <c r="GO21" s="117">
        <v>39424</v>
      </c>
      <c r="GP21" s="116">
        <v>49784</v>
      </c>
      <c r="GQ21" s="119">
        <v>60144</v>
      </c>
      <c r="GR21" s="113">
        <v>45430</v>
      </c>
      <c r="GS21" s="117">
        <v>0</v>
      </c>
      <c r="GT21" s="116">
        <v>45430</v>
      </c>
      <c r="GU21" s="113">
        <v>0</v>
      </c>
      <c r="GV21" s="117">
        <v>0</v>
      </c>
      <c r="GW21" s="117">
        <v>0</v>
      </c>
      <c r="GX21" s="117">
        <v>15092</v>
      </c>
      <c r="GY21" s="117">
        <v>0</v>
      </c>
      <c r="GZ21" s="117">
        <v>0</v>
      </c>
      <c r="HA21" s="115">
        <v>15092</v>
      </c>
      <c r="HB21" s="119">
        <v>60522</v>
      </c>
      <c r="HC21" s="113">
        <v>280367</v>
      </c>
      <c r="HD21" s="117">
        <v>0</v>
      </c>
      <c r="HE21" s="115">
        <v>280367</v>
      </c>
      <c r="HF21" s="114">
        <v>0</v>
      </c>
      <c r="HG21" s="117">
        <v>1486623</v>
      </c>
      <c r="HH21" s="117">
        <v>1395172</v>
      </c>
      <c r="HI21" s="117">
        <v>178150</v>
      </c>
      <c r="HJ21" s="117">
        <v>1886838</v>
      </c>
      <c r="HK21" s="117">
        <v>1028519</v>
      </c>
      <c r="HL21" s="116">
        <v>5975302</v>
      </c>
      <c r="HM21" s="112">
        <v>6255669</v>
      </c>
      <c r="HN21" s="367"/>
      <c r="HO21" s="368"/>
      <c r="HP21" s="369"/>
      <c r="HQ21" s="370"/>
      <c r="HR21" s="368"/>
      <c r="HS21" s="368"/>
      <c r="HT21" s="368"/>
      <c r="HU21" s="368"/>
      <c r="HV21" s="368"/>
      <c r="HW21" s="371"/>
      <c r="HX21" s="372"/>
      <c r="HY21" s="149">
        <v>0</v>
      </c>
      <c r="HZ21" s="150">
        <v>0</v>
      </c>
      <c r="IA21" s="151">
        <v>0</v>
      </c>
      <c r="IB21" s="164">
        <v>0</v>
      </c>
      <c r="IC21" s="150">
        <v>278582</v>
      </c>
      <c r="ID21" s="165">
        <v>790942</v>
      </c>
      <c r="IE21" s="151">
        <v>644491</v>
      </c>
      <c r="IF21" s="150">
        <v>259111</v>
      </c>
      <c r="IG21" s="151">
        <v>1229840</v>
      </c>
      <c r="IH21" s="166">
        <v>3202966</v>
      </c>
      <c r="II21" s="157">
        <v>3202966</v>
      </c>
      <c r="IJ21" s="262">
        <v>0</v>
      </c>
      <c r="IK21" s="269">
        <v>0</v>
      </c>
      <c r="IL21" s="270">
        <v>0</v>
      </c>
      <c r="IM21" s="158"/>
      <c r="IN21" s="123">
        <v>0</v>
      </c>
      <c r="IO21" s="123">
        <v>0</v>
      </c>
      <c r="IP21" s="123">
        <v>0</v>
      </c>
      <c r="IQ21" s="123">
        <v>0</v>
      </c>
      <c r="IR21" s="123">
        <v>376981</v>
      </c>
      <c r="IS21" s="159">
        <v>376981</v>
      </c>
      <c r="IT21" s="354">
        <v>376981</v>
      </c>
      <c r="IU21" s="160">
        <v>0</v>
      </c>
      <c r="IV21" s="123">
        <v>0</v>
      </c>
      <c r="IW21" s="124">
        <v>0</v>
      </c>
      <c r="IX21" s="162"/>
      <c r="IY21" s="123">
        <v>0</v>
      </c>
      <c r="IZ21" s="123">
        <v>9853</v>
      </c>
      <c r="JA21" s="123">
        <v>14062</v>
      </c>
      <c r="JB21" s="123">
        <v>0</v>
      </c>
      <c r="JC21" s="123">
        <v>0</v>
      </c>
      <c r="JD21" s="124">
        <v>23915</v>
      </c>
      <c r="JE21" s="125">
        <v>23915</v>
      </c>
      <c r="JF21" s="160">
        <v>0</v>
      </c>
      <c r="JG21" s="123">
        <v>0</v>
      </c>
      <c r="JH21" s="159">
        <v>0</v>
      </c>
      <c r="JI21" s="122">
        <v>0</v>
      </c>
      <c r="JJ21" s="123">
        <v>278582</v>
      </c>
      <c r="JK21" s="123">
        <v>215054</v>
      </c>
      <c r="JL21" s="123">
        <v>307981</v>
      </c>
      <c r="JM21" s="123">
        <v>35534</v>
      </c>
      <c r="JN21" s="123">
        <v>266300</v>
      </c>
      <c r="JO21" s="124">
        <v>1103451</v>
      </c>
      <c r="JP21" s="354">
        <v>1103451</v>
      </c>
      <c r="JQ21" s="160">
        <v>0</v>
      </c>
      <c r="JR21" s="123">
        <v>0</v>
      </c>
      <c r="JS21" s="159">
        <v>0</v>
      </c>
      <c r="JT21" s="122">
        <v>0</v>
      </c>
      <c r="JU21" s="123">
        <v>0</v>
      </c>
      <c r="JV21" s="123">
        <v>145516</v>
      </c>
      <c r="JW21" s="123">
        <v>96707</v>
      </c>
      <c r="JX21" s="123">
        <v>0</v>
      </c>
      <c r="JY21" s="123">
        <v>0</v>
      </c>
      <c r="JZ21" s="124">
        <v>242223</v>
      </c>
      <c r="KA21" s="354">
        <v>242223</v>
      </c>
      <c r="KB21" s="265">
        <v>0</v>
      </c>
      <c r="KC21" s="259">
        <v>0</v>
      </c>
      <c r="KD21" s="124">
        <v>0</v>
      </c>
      <c r="KE21" s="122">
        <v>0</v>
      </c>
      <c r="KF21" s="123">
        <v>0</v>
      </c>
      <c r="KG21" s="123">
        <v>0</v>
      </c>
      <c r="KH21" s="123">
        <v>0</v>
      </c>
      <c r="KI21" s="123">
        <v>0</v>
      </c>
      <c r="KJ21" s="123">
        <v>246894</v>
      </c>
      <c r="KK21" s="124">
        <v>246894</v>
      </c>
      <c r="KL21" s="161">
        <v>246894</v>
      </c>
      <c r="KM21" s="262">
        <v>0</v>
      </c>
      <c r="KN21" s="269">
        <v>0</v>
      </c>
      <c r="KO21" s="270">
        <v>0</v>
      </c>
      <c r="KP21" s="158">
        <v>0</v>
      </c>
      <c r="KQ21" s="123">
        <v>0</v>
      </c>
      <c r="KR21" s="123">
        <v>420519</v>
      </c>
      <c r="KS21" s="123">
        <v>225741</v>
      </c>
      <c r="KT21" s="123">
        <v>223577</v>
      </c>
      <c r="KU21" s="123">
        <v>339665</v>
      </c>
      <c r="KV21" s="124">
        <v>1209502</v>
      </c>
      <c r="KW21" s="354">
        <v>1209502</v>
      </c>
      <c r="KX21" s="160">
        <v>0</v>
      </c>
      <c r="KY21" s="123">
        <v>0</v>
      </c>
      <c r="KZ21" s="124">
        <v>0</v>
      </c>
      <c r="LA21" s="163">
        <v>0</v>
      </c>
      <c r="LB21" s="123">
        <v>0</v>
      </c>
      <c r="LC21" s="123">
        <v>0</v>
      </c>
      <c r="LD21" s="123">
        <v>0</v>
      </c>
      <c r="LE21" s="123">
        <v>0</v>
      </c>
      <c r="LF21" s="123">
        <v>0</v>
      </c>
      <c r="LG21" s="124">
        <v>0</v>
      </c>
      <c r="LH21" s="125">
        <v>0</v>
      </c>
      <c r="LI21" s="160">
        <v>0</v>
      </c>
      <c r="LJ21" s="123">
        <v>0</v>
      </c>
      <c r="LK21" s="124">
        <v>0</v>
      </c>
      <c r="LL21" s="163"/>
      <c r="LM21" s="123">
        <v>0</v>
      </c>
      <c r="LN21" s="123">
        <v>0</v>
      </c>
      <c r="LO21" s="123">
        <v>0</v>
      </c>
      <c r="LP21" s="123">
        <v>0</v>
      </c>
      <c r="LQ21" s="123">
        <v>0</v>
      </c>
      <c r="LR21" s="124">
        <v>0</v>
      </c>
      <c r="LS21" s="354">
        <v>0</v>
      </c>
      <c r="LT21" s="160">
        <v>0</v>
      </c>
      <c r="LU21" s="123">
        <v>0</v>
      </c>
      <c r="LV21" s="124">
        <v>0</v>
      </c>
      <c r="LW21" s="163"/>
      <c r="LX21" s="123">
        <v>0</v>
      </c>
      <c r="LY21" s="123">
        <v>0</v>
      </c>
      <c r="LZ21" s="123">
        <v>0</v>
      </c>
      <c r="MA21" s="123">
        <v>0</v>
      </c>
      <c r="MB21" s="123">
        <v>0</v>
      </c>
      <c r="MC21" s="124">
        <v>0</v>
      </c>
      <c r="MD21" s="125">
        <v>0</v>
      </c>
      <c r="ME21" s="160">
        <v>0</v>
      </c>
      <c r="MF21" s="123">
        <v>0</v>
      </c>
      <c r="MG21" s="124">
        <v>0</v>
      </c>
      <c r="MH21" s="163"/>
      <c r="MI21" s="123">
        <v>415356</v>
      </c>
      <c r="MJ21" s="123">
        <v>778978</v>
      </c>
      <c r="MK21" s="123">
        <v>2489829</v>
      </c>
      <c r="ML21" s="123">
        <v>2319882</v>
      </c>
      <c r="MM21" s="123">
        <v>1038311</v>
      </c>
      <c r="MN21" s="124">
        <v>7042356</v>
      </c>
      <c r="MO21" s="161">
        <v>7042356</v>
      </c>
      <c r="MP21" s="160">
        <v>0</v>
      </c>
      <c r="MQ21" s="123">
        <v>0</v>
      </c>
      <c r="MR21" s="124">
        <v>0</v>
      </c>
      <c r="MS21" s="163"/>
      <c r="MT21" s="123">
        <v>0</v>
      </c>
      <c r="MU21" s="123">
        <v>0</v>
      </c>
      <c r="MV21" s="123">
        <v>1617504</v>
      </c>
      <c r="MW21" s="123">
        <v>701745</v>
      </c>
      <c r="MX21" s="123">
        <v>0</v>
      </c>
      <c r="MY21" s="124">
        <v>2319249</v>
      </c>
      <c r="MZ21" s="161">
        <v>2319249</v>
      </c>
      <c r="NA21" s="160">
        <v>0</v>
      </c>
      <c r="NB21" s="123">
        <v>0</v>
      </c>
      <c r="NC21" s="124">
        <v>0</v>
      </c>
      <c r="ND21" s="163"/>
      <c r="NE21" s="123">
        <v>415356</v>
      </c>
      <c r="NF21" s="123">
        <v>778978</v>
      </c>
      <c r="NG21" s="123">
        <v>872325</v>
      </c>
      <c r="NH21" s="123">
        <v>1287166</v>
      </c>
      <c r="NI21" s="123">
        <v>1038311</v>
      </c>
      <c r="NJ21" s="124">
        <v>4392136</v>
      </c>
      <c r="NK21" s="354">
        <v>4392136</v>
      </c>
      <c r="NL21" s="160">
        <v>0</v>
      </c>
      <c r="NM21" s="123">
        <v>0</v>
      </c>
      <c r="NN21" s="124">
        <v>0</v>
      </c>
      <c r="NO21" s="163"/>
      <c r="NP21" s="123">
        <v>0</v>
      </c>
      <c r="NQ21" s="123">
        <v>0</v>
      </c>
      <c r="NR21" s="123">
        <v>0</v>
      </c>
      <c r="NS21" s="123">
        <v>0</v>
      </c>
      <c r="NT21" s="123">
        <v>0</v>
      </c>
      <c r="NU21" s="124">
        <v>0</v>
      </c>
      <c r="NV21" s="125">
        <v>0</v>
      </c>
      <c r="NW21" s="160">
        <v>0</v>
      </c>
      <c r="NX21" s="123">
        <v>0</v>
      </c>
      <c r="NY21" s="124">
        <v>0</v>
      </c>
      <c r="NZ21" s="163"/>
      <c r="OA21" s="123">
        <v>0</v>
      </c>
      <c r="OB21" s="123">
        <v>0</v>
      </c>
      <c r="OC21" s="123">
        <v>0</v>
      </c>
      <c r="OD21" s="123">
        <v>330971</v>
      </c>
      <c r="OE21" s="123">
        <v>0</v>
      </c>
      <c r="OF21" s="124">
        <v>330971</v>
      </c>
      <c r="OG21" s="125">
        <v>330971</v>
      </c>
      <c r="OH21" s="160">
        <v>505856</v>
      </c>
      <c r="OI21" s="123">
        <v>285975</v>
      </c>
      <c r="OJ21" s="159">
        <v>791831</v>
      </c>
      <c r="OK21" s="122">
        <v>0</v>
      </c>
      <c r="OL21" s="123">
        <v>4150868</v>
      </c>
      <c r="OM21" s="123">
        <v>6417610</v>
      </c>
      <c r="ON21" s="123">
        <v>5460358</v>
      </c>
      <c r="OO21" s="123">
        <v>5697238</v>
      </c>
      <c r="OP21" s="123">
        <v>4359842</v>
      </c>
      <c r="OQ21" s="124">
        <v>26085916</v>
      </c>
      <c r="OR21" s="161">
        <v>26877747</v>
      </c>
    </row>
    <row r="22" spans="1:408" ht="20.25" customHeight="1" x14ac:dyDescent="0.2">
      <c r="A22" s="130" t="s">
        <v>17</v>
      </c>
      <c r="B22" s="113">
        <v>290009</v>
      </c>
      <c r="C22" s="117">
        <v>1017782</v>
      </c>
      <c r="D22" s="116">
        <v>1307791</v>
      </c>
      <c r="E22" s="112">
        <v>0</v>
      </c>
      <c r="F22" s="117">
        <v>3927319</v>
      </c>
      <c r="G22" s="117">
        <v>6544530</v>
      </c>
      <c r="H22" s="117">
        <v>5885187</v>
      </c>
      <c r="I22" s="117">
        <v>6433838</v>
      </c>
      <c r="J22" s="117">
        <v>3278585</v>
      </c>
      <c r="K22" s="112">
        <v>26069459</v>
      </c>
      <c r="L22" s="119">
        <v>27377250</v>
      </c>
      <c r="M22" s="113">
        <v>95226</v>
      </c>
      <c r="N22" s="117">
        <v>250522</v>
      </c>
      <c r="O22" s="116">
        <v>345748</v>
      </c>
      <c r="P22" s="113">
        <v>0</v>
      </c>
      <c r="Q22" s="117">
        <v>665115</v>
      </c>
      <c r="R22" s="117">
        <v>2073555</v>
      </c>
      <c r="S22" s="117">
        <v>1855724</v>
      </c>
      <c r="T22" s="117">
        <v>1459239</v>
      </c>
      <c r="U22" s="117">
        <v>1560836</v>
      </c>
      <c r="V22" s="116">
        <v>7614469</v>
      </c>
      <c r="W22" s="119">
        <v>7960217</v>
      </c>
      <c r="X22" s="113">
        <v>0</v>
      </c>
      <c r="Y22" s="117">
        <v>0</v>
      </c>
      <c r="Z22" s="116">
        <v>0</v>
      </c>
      <c r="AA22" s="113">
        <v>0</v>
      </c>
      <c r="AB22" s="117">
        <v>133121</v>
      </c>
      <c r="AC22" s="117">
        <v>861256</v>
      </c>
      <c r="AD22" s="117">
        <v>1071595</v>
      </c>
      <c r="AE22" s="117">
        <v>340970</v>
      </c>
      <c r="AF22" s="117">
        <v>788899</v>
      </c>
      <c r="AG22" s="116">
        <v>3195841</v>
      </c>
      <c r="AH22" s="119">
        <v>3195841</v>
      </c>
      <c r="AI22" s="113">
        <v>0</v>
      </c>
      <c r="AJ22" s="117">
        <v>0</v>
      </c>
      <c r="AK22" s="116">
        <v>0</v>
      </c>
      <c r="AL22" s="113">
        <v>0</v>
      </c>
      <c r="AM22" s="117">
        <v>0</v>
      </c>
      <c r="AN22" s="117">
        <v>164217</v>
      </c>
      <c r="AO22" s="117">
        <v>0</v>
      </c>
      <c r="AP22" s="117">
        <v>227642</v>
      </c>
      <c r="AQ22" s="117">
        <v>285244</v>
      </c>
      <c r="AR22" s="116">
        <v>677103</v>
      </c>
      <c r="AS22" s="119">
        <v>677103</v>
      </c>
      <c r="AT22" s="113">
        <v>78426</v>
      </c>
      <c r="AU22" s="117">
        <v>181726</v>
      </c>
      <c r="AV22" s="116">
        <v>260152</v>
      </c>
      <c r="AW22" s="113">
        <v>0</v>
      </c>
      <c r="AX22" s="117">
        <v>325396</v>
      </c>
      <c r="AY22" s="117">
        <v>706362</v>
      </c>
      <c r="AZ22" s="117">
        <v>461249</v>
      </c>
      <c r="BA22" s="117">
        <v>472450</v>
      </c>
      <c r="BB22" s="117">
        <v>306366</v>
      </c>
      <c r="BC22" s="116">
        <v>2271823</v>
      </c>
      <c r="BD22" s="119">
        <v>2531975</v>
      </c>
      <c r="BE22" s="113">
        <v>0</v>
      </c>
      <c r="BF22" s="117">
        <v>0</v>
      </c>
      <c r="BG22" s="115">
        <v>0</v>
      </c>
      <c r="BH22" s="114">
        <v>0</v>
      </c>
      <c r="BI22" s="117">
        <v>0</v>
      </c>
      <c r="BJ22" s="117">
        <v>49785</v>
      </c>
      <c r="BK22" s="117">
        <v>88751</v>
      </c>
      <c r="BL22" s="117">
        <v>44860</v>
      </c>
      <c r="BM22" s="117">
        <v>0</v>
      </c>
      <c r="BN22" s="116">
        <v>183396</v>
      </c>
      <c r="BO22" s="119">
        <v>183396</v>
      </c>
      <c r="BP22" s="113">
        <v>16800</v>
      </c>
      <c r="BQ22" s="117">
        <v>68796</v>
      </c>
      <c r="BR22" s="116">
        <v>85596</v>
      </c>
      <c r="BS22" s="113">
        <v>0</v>
      </c>
      <c r="BT22" s="117">
        <v>206598</v>
      </c>
      <c r="BU22" s="117">
        <v>291935</v>
      </c>
      <c r="BV22" s="117">
        <v>234129</v>
      </c>
      <c r="BW22" s="117">
        <v>373317</v>
      </c>
      <c r="BX22" s="117">
        <v>180327</v>
      </c>
      <c r="BY22" s="116">
        <v>1286306</v>
      </c>
      <c r="BZ22" s="119">
        <v>1371902</v>
      </c>
      <c r="CA22" s="113">
        <v>18462</v>
      </c>
      <c r="CB22" s="117">
        <v>211172</v>
      </c>
      <c r="CC22" s="116">
        <v>229634</v>
      </c>
      <c r="CD22" s="113">
        <v>0</v>
      </c>
      <c r="CE22" s="117">
        <v>1587387</v>
      </c>
      <c r="CF22" s="117">
        <v>2379452</v>
      </c>
      <c r="CG22" s="117">
        <v>1777355</v>
      </c>
      <c r="CH22" s="117">
        <v>881569</v>
      </c>
      <c r="CI22" s="117">
        <v>242972</v>
      </c>
      <c r="CJ22" s="116">
        <v>6868735</v>
      </c>
      <c r="CK22" s="119">
        <v>7098369</v>
      </c>
      <c r="CL22" s="113">
        <v>0</v>
      </c>
      <c r="CM22" s="117">
        <v>0</v>
      </c>
      <c r="CN22" s="116">
        <v>0</v>
      </c>
      <c r="CO22" s="114">
        <v>0</v>
      </c>
      <c r="CP22" s="117">
        <v>1164669</v>
      </c>
      <c r="CQ22" s="117">
        <v>2167818</v>
      </c>
      <c r="CR22" s="117">
        <v>1349795</v>
      </c>
      <c r="CS22" s="117">
        <v>704229</v>
      </c>
      <c r="CT22" s="117">
        <v>242972</v>
      </c>
      <c r="CU22" s="116">
        <v>5629483</v>
      </c>
      <c r="CV22" s="119">
        <v>5629483</v>
      </c>
      <c r="CW22" s="113">
        <v>18462</v>
      </c>
      <c r="CX22" s="117">
        <v>211172</v>
      </c>
      <c r="CY22" s="116">
        <v>229634</v>
      </c>
      <c r="CZ22" s="113">
        <v>0</v>
      </c>
      <c r="DA22" s="117">
        <v>422718</v>
      </c>
      <c r="DB22" s="117">
        <v>211634</v>
      </c>
      <c r="DC22" s="117">
        <v>427560</v>
      </c>
      <c r="DD22" s="117">
        <v>177340</v>
      </c>
      <c r="DE22" s="117">
        <v>0</v>
      </c>
      <c r="DF22" s="116">
        <v>1239252</v>
      </c>
      <c r="DG22" s="119">
        <v>1468886</v>
      </c>
      <c r="DH22" s="113">
        <v>0</v>
      </c>
      <c r="DI22" s="117">
        <v>0</v>
      </c>
      <c r="DJ22" s="115">
        <v>0</v>
      </c>
      <c r="DK22" s="114">
        <v>0</v>
      </c>
      <c r="DL22" s="117">
        <v>71969</v>
      </c>
      <c r="DM22" s="117">
        <v>328097</v>
      </c>
      <c r="DN22" s="117">
        <v>571807</v>
      </c>
      <c r="DO22" s="117">
        <v>585442</v>
      </c>
      <c r="DP22" s="117">
        <v>0</v>
      </c>
      <c r="DQ22" s="116">
        <v>1557315</v>
      </c>
      <c r="DR22" s="119">
        <v>1557315</v>
      </c>
      <c r="DS22" s="113">
        <v>0</v>
      </c>
      <c r="DT22" s="117">
        <v>0</v>
      </c>
      <c r="DU22" s="116">
        <v>0</v>
      </c>
      <c r="DV22" s="113">
        <v>0</v>
      </c>
      <c r="DW22" s="117">
        <v>71969</v>
      </c>
      <c r="DX22" s="117">
        <v>317938</v>
      </c>
      <c r="DY22" s="117">
        <v>404225</v>
      </c>
      <c r="DZ22" s="117">
        <v>585442</v>
      </c>
      <c r="EA22" s="117">
        <v>0</v>
      </c>
      <c r="EB22" s="116">
        <v>1379574</v>
      </c>
      <c r="EC22" s="119">
        <v>1379574</v>
      </c>
      <c r="ED22" s="113">
        <v>0</v>
      </c>
      <c r="EE22" s="115">
        <v>0</v>
      </c>
      <c r="EF22" s="116">
        <v>0</v>
      </c>
      <c r="EG22" s="113">
        <v>0</v>
      </c>
      <c r="EH22" s="117">
        <v>0</v>
      </c>
      <c r="EI22" s="117">
        <v>10159</v>
      </c>
      <c r="EJ22" s="117">
        <v>167582</v>
      </c>
      <c r="EK22" s="117">
        <v>0</v>
      </c>
      <c r="EL22" s="117">
        <v>0</v>
      </c>
      <c r="EM22" s="115">
        <v>177741</v>
      </c>
      <c r="EN22" s="119">
        <v>177741</v>
      </c>
      <c r="EO22" s="113">
        <v>0</v>
      </c>
      <c r="EP22" s="117">
        <v>0</v>
      </c>
      <c r="EQ22" s="115">
        <v>0</v>
      </c>
      <c r="ER22" s="114">
        <v>0</v>
      </c>
      <c r="ES22" s="117">
        <v>0</v>
      </c>
      <c r="ET22" s="117">
        <v>0</v>
      </c>
      <c r="EU22" s="117">
        <v>0</v>
      </c>
      <c r="EV22" s="117">
        <v>0</v>
      </c>
      <c r="EW22" s="117">
        <v>0</v>
      </c>
      <c r="EX22" s="116">
        <v>0</v>
      </c>
      <c r="EY22" s="119">
        <v>0</v>
      </c>
      <c r="EZ22" s="113">
        <v>0</v>
      </c>
      <c r="FA22" s="117">
        <v>0</v>
      </c>
      <c r="FB22" s="115">
        <v>0</v>
      </c>
      <c r="FC22" s="387"/>
      <c r="FD22" s="117">
        <v>0</v>
      </c>
      <c r="FE22" s="117">
        <v>0</v>
      </c>
      <c r="FF22" s="117">
        <v>0</v>
      </c>
      <c r="FG22" s="117">
        <v>0</v>
      </c>
      <c r="FH22" s="117">
        <v>0</v>
      </c>
      <c r="FI22" s="116">
        <v>0</v>
      </c>
      <c r="FJ22" s="119">
        <v>0</v>
      </c>
      <c r="FK22" s="113">
        <v>76993</v>
      </c>
      <c r="FL22" s="117">
        <v>240128</v>
      </c>
      <c r="FM22" s="116">
        <v>317121</v>
      </c>
      <c r="FN22" s="113">
        <v>0</v>
      </c>
      <c r="FO22" s="117">
        <v>179389</v>
      </c>
      <c r="FP22" s="117">
        <v>667518</v>
      </c>
      <c r="FQ22" s="117">
        <v>819031</v>
      </c>
      <c r="FR22" s="117">
        <v>590933</v>
      </c>
      <c r="FS22" s="117">
        <v>361137</v>
      </c>
      <c r="FT22" s="116">
        <v>2618008</v>
      </c>
      <c r="FU22" s="119">
        <v>2935129</v>
      </c>
      <c r="FV22" s="118">
        <v>56693</v>
      </c>
      <c r="FW22" s="117">
        <v>100128</v>
      </c>
      <c r="FX22" s="115">
        <v>156821</v>
      </c>
      <c r="FY22" s="114">
        <v>0</v>
      </c>
      <c r="FZ22" s="117">
        <v>129129</v>
      </c>
      <c r="GA22" s="117">
        <v>590485</v>
      </c>
      <c r="GB22" s="117">
        <v>521339</v>
      </c>
      <c r="GC22" s="117">
        <v>510433</v>
      </c>
      <c r="GD22" s="117">
        <v>225337</v>
      </c>
      <c r="GE22" s="116">
        <v>1976723</v>
      </c>
      <c r="GF22" s="351">
        <v>2133544</v>
      </c>
      <c r="GG22" s="118">
        <v>0</v>
      </c>
      <c r="GH22" s="117">
        <v>0</v>
      </c>
      <c r="GI22" s="115">
        <v>0</v>
      </c>
      <c r="GJ22" s="114">
        <v>0</v>
      </c>
      <c r="GK22" s="117">
        <v>50260</v>
      </c>
      <c r="GL22" s="117">
        <v>0</v>
      </c>
      <c r="GM22" s="117">
        <v>30870</v>
      </c>
      <c r="GN22" s="117">
        <v>0</v>
      </c>
      <c r="GO22" s="117">
        <v>0</v>
      </c>
      <c r="GP22" s="116">
        <v>81130</v>
      </c>
      <c r="GQ22" s="119">
        <v>81130</v>
      </c>
      <c r="GR22" s="113">
        <v>20300</v>
      </c>
      <c r="GS22" s="117">
        <v>140000</v>
      </c>
      <c r="GT22" s="116">
        <v>160300</v>
      </c>
      <c r="GU22" s="113">
        <v>0</v>
      </c>
      <c r="GV22" s="117">
        <v>0</v>
      </c>
      <c r="GW22" s="117">
        <v>77033</v>
      </c>
      <c r="GX22" s="117">
        <v>266822</v>
      </c>
      <c r="GY22" s="117">
        <v>80500</v>
      </c>
      <c r="GZ22" s="117">
        <v>135800</v>
      </c>
      <c r="HA22" s="115">
        <v>560155</v>
      </c>
      <c r="HB22" s="119">
        <v>720455</v>
      </c>
      <c r="HC22" s="113">
        <v>99328</v>
      </c>
      <c r="HD22" s="117">
        <v>315960</v>
      </c>
      <c r="HE22" s="115">
        <v>415288</v>
      </c>
      <c r="HF22" s="114">
        <v>0</v>
      </c>
      <c r="HG22" s="117">
        <v>1423459</v>
      </c>
      <c r="HH22" s="117">
        <v>1095908</v>
      </c>
      <c r="HI22" s="117">
        <v>861270</v>
      </c>
      <c r="HJ22" s="117">
        <v>2916655</v>
      </c>
      <c r="HK22" s="117">
        <v>1113640</v>
      </c>
      <c r="HL22" s="116">
        <v>7410932</v>
      </c>
      <c r="HM22" s="112">
        <v>7826220</v>
      </c>
      <c r="HN22" s="367"/>
      <c r="HO22" s="368"/>
      <c r="HP22" s="369"/>
      <c r="HQ22" s="370"/>
      <c r="HR22" s="368"/>
      <c r="HS22" s="368"/>
      <c r="HT22" s="368"/>
      <c r="HU22" s="368"/>
      <c r="HV22" s="368"/>
      <c r="HW22" s="371"/>
      <c r="HX22" s="372"/>
      <c r="HY22" s="168">
        <v>0</v>
      </c>
      <c r="HZ22" s="153">
        <v>0</v>
      </c>
      <c r="IA22" s="168">
        <v>0</v>
      </c>
      <c r="IB22" s="152">
        <v>0</v>
      </c>
      <c r="IC22" s="153">
        <v>986903</v>
      </c>
      <c r="ID22" s="154">
        <v>2089625</v>
      </c>
      <c r="IE22" s="155">
        <v>1362179</v>
      </c>
      <c r="IF22" s="153">
        <v>2097371</v>
      </c>
      <c r="IG22" s="155">
        <v>1330071</v>
      </c>
      <c r="IH22" s="156">
        <v>7866149</v>
      </c>
      <c r="II22" s="168">
        <v>7866149</v>
      </c>
      <c r="IJ22" s="262">
        <v>0</v>
      </c>
      <c r="IK22" s="269">
        <v>0</v>
      </c>
      <c r="IL22" s="270">
        <v>0</v>
      </c>
      <c r="IM22" s="158"/>
      <c r="IN22" s="123">
        <v>0</v>
      </c>
      <c r="IO22" s="123">
        <v>0</v>
      </c>
      <c r="IP22" s="123">
        <v>0</v>
      </c>
      <c r="IQ22" s="123">
        <v>0</v>
      </c>
      <c r="IR22" s="123">
        <v>0</v>
      </c>
      <c r="IS22" s="159">
        <v>0</v>
      </c>
      <c r="IT22" s="354">
        <v>0</v>
      </c>
      <c r="IU22" s="160">
        <v>0</v>
      </c>
      <c r="IV22" s="123">
        <v>0</v>
      </c>
      <c r="IW22" s="124">
        <v>0</v>
      </c>
      <c r="IX22" s="162"/>
      <c r="IY22" s="123">
        <v>0</v>
      </c>
      <c r="IZ22" s="123">
        <v>0</v>
      </c>
      <c r="JA22" s="123">
        <v>0</v>
      </c>
      <c r="JB22" s="123">
        <v>0</v>
      </c>
      <c r="JC22" s="123">
        <v>0</v>
      </c>
      <c r="JD22" s="124">
        <v>0</v>
      </c>
      <c r="JE22" s="125">
        <v>0</v>
      </c>
      <c r="JF22" s="160">
        <v>0</v>
      </c>
      <c r="JG22" s="123">
        <v>0</v>
      </c>
      <c r="JH22" s="159">
        <v>0</v>
      </c>
      <c r="JI22" s="122">
        <v>0</v>
      </c>
      <c r="JJ22" s="123">
        <v>509875</v>
      </c>
      <c r="JK22" s="123">
        <v>532337</v>
      </c>
      <c r="JL22" s="123">
        <v>237995</v>
      </c>
      <c r="JM22" s="123">
        <v>263031</v>
      </c>
      <c r="JN22" s="123">
        <v>106411</v>
      </c>
      <c r="JO22" s="124">
        <v>1649649</v>
      </c>
      <c r="JP22" s="354">
        <v>1649649</v>
      </c>
      <c r="JQ22" s="160">
        <v>0</v>
      </c>
      <c r="JR22" s="123">
        <v>0</v>
      </c>
      <c r="JS22" s="159">
        <v>0</v>
      </c>
      <c r="JT22" s="122">
        <v>0</v>
      </c>
      <c r="JU22" s="123">
        <v>64045</v>
      </c>
      <c r="JV22" s="123">
        <v>0</v>
      </c>
      <c r="JW22" s="123">
        <v>0</v>
      </c>
      <c r="JX22" s="123">
        <v>0</v>
      </c>
      <c r="JY22" s="123">
        <v>0</v>
      </c>
      <c r="JZ22" s="124">
        <v>64045</v>
      </c>
      <c r="KA22" s="354">
        <v>64045</v>
      </c>
      <c r="KB22" s="265">
        <v>0</v>
      </c>
      <c r="KC22" s="259">
        <v>0</v>
      </c>
      <c r="KD22" s="124">
        <v>0</v>
      </c>
      <c r="KE22" s="122">
        <v>0</v>
      </c>
      <c r="KF22" s="123">
        <v>0</v>
      </c>
      <c r="KG22" s="123">
        <v>473626</v>
      </c>
      <c r="KH22" s="123">
        <v>0</v>
      </c>
      <c r="KI22" s="123">
        <v>695343</v>
      </c>
      <c r="KJ22" s="123">
        <v>0</v>
      </c>
      <c r="KK22" s="124">
        <v>1168969</v>
      </c>
      <c r="KL22" s="161">
        <v>1168969</v>
      </c>
      <c r="KM22" s="262">
        <v>0</v>
      </c>
      <c r="KN22" s="269">
        <v>0</v>
      </c>
      <c r="KO22" s="270">
        <v>0</v>
      </c>
      <c r="KP22" s="158">
        <v>0</v>
      </c>
      <c r="KQ22" s="123">
        <v>412983</v>
      </c>
      <c r="KR22" s="123">
        <v>1083662</v>
      </c>
      <c r="KS22" s="123">
        <v>679491</v>
      </c>
      <c r="KT22" s="123">
        <v>909085</v>
      </c>
      <c r="KU22" s="123">
        <v>465632</v>
      </c>
      <c r="KV22" s="124">
        <v>3550853</v>
      </c>
      <c r="KW22" s="354">
        <v>3550853</v>
      </c>
      <c r="KX22" s="160">
        <v>0</v>
      </c>
      <c r="KY22" s="123">
        <v>0</v>
      </c>
      <c r="KZ22" s="124">
        <v>0</v>
      </c>
      <c r="LA22" s="163">
        <v>0</v>
      </c>
      <c r="LB22" s="123">
        <v>0</v>
      </c>
      <c r="LC22" s="123">
        <v>0</v>
      </c>
      <c r="LD22" s="123">
        <v>0</v>
      </c>
      <c r="LE22" s="123">
        <v>0</v>
      </c>
      <c r="LF22" s="123">
        <v>0</v>
      </c>
      <c r="LG22" s="124">
        <v>0</v>
      </c>
      <c r="LH22" s="125">
        <v>0</v>
      </c>
      <c r="LI22" s="160">
        <v>0</v>
      </c>
      <c r="LJ22" s="123">
        <v>0</v>
      </c>
      <c r="LK22" s="124">
        <v>0</v>
      </c>
      <c r="LL22" s="163"/>
      <c r="LM22" s="123">
        <v>0</v>
      </c>
      <c r="LN22" s="123">
        <v>0</v>
      </c>
      <c r="LO22" s="123">
        <v>444693</v>
      </c>
      <c r="LP22" s="123">
        <v>229912</v>
      </c>
      <c r="LQ22" s="123">
        <v>758028</v>
      </c>
      <c r="LR22" s="124">
        <v>1432633</v>
      </c>
      <c r="LS22" s="354">
        <v>1432633</v>
      </c>
      <c r="LT22" s="160">
        <v>0</v>
      </c>
      <c r="LU22" s="123">
        <v>0</v>
      </c>
      <c r="LV22" s="124">
        <v>0</v>
      </c>
      <c r="LW22" s="163"/>
      <c r="LX22" s="123">
        <v>0</v>
      </c>
      <c r="LY22" s="123">
        <v>0</v>
      </c>
      <c r="LZ22" s="123">
        <v>0</v>
      </c>
      <c r="MA22" s="123">
        <v>0</v>
      </c>
      <c r="MB22" s="123">
        <v>0</v>
      </c>
      <c r="MC22" s="124">
        <v>0</v>
      </c>
      <c r="MD22" s="125">
        <v>0</v>
      </c>
      <c r="ME22" s="160">
        <v>0</v>
      </c>
      <c r="MF22" s="123">
        <v>0</v>
      </c>
      <c r="MG22" s="124">
        <v>0</v>
      </c>
      <c r="MH22" s="163"/>
      <c r="MI22" s="123">
        <v>192757</v>
      </c>
      <c r="MJ22" s="123">
        <v>1295631</v>
      </c>
      <c r="MK22" s="123">
        <v>3622106</v>
      </c>
      <c r="ML22" s="123">
        <v>3176705</v>
      </c>
      <c r="MM22" s="123">
        <v>2071541</v>
      </c>
      <c r="MN22" s="124">
        <v>10358740</v>
      </c>
      <c r="MO22" s="161">
        <v>10358740</v>
      </c>
      <c r="MP22" s="160">
        <v>0</v>
      </c>
      <c r="MQ22" s="123">
        <v>0</v>
      </c>
      <c r="MR22" s="124">
        <v>0</v>
      </c>
      <c r="MS22" s="163"/>
      <c r="MT22" s="123">
        <v>192757</v>
      </c>
      <c r="MU22" s="123">
        <v>398558</v>
      </c>
      <c r="MV22" s="123">
        <v>1275217</v>
      </c>
      <c r="MW22" s="123">
        <v>1353407</v>
      </c>
      <c r="MX22" s="123">
        <v>1473235</v>
      </c>
      <c r="MY22" s="124">
        <v>4693174</v>
      </c>
      <c r="MZ22" s="161">
        <v>4693174</v>
      </c>
      <c r="NA22" s="160">
        <v>0</v>
      </c>
      <c r="NB22" s="123">
        <v>0</v>
      </c>
      <c r="NC22" s="124">
        <v>0</v>
      </c>
      <c r="ND22" s="163"/>
      <c r="NE22" s="123">
        <v>0</v>
      </c>
      <c r="NF22" s="123">
        <v>897073</v>
      </c>
      <c r="NG22" s="123">
        <v>2346889</v>
      </c>
      <c r="NH22" s="123">
        <v>1823298</v>
      </c>
      <c r="NI22" s="123">
        <v>286081</v>
      </c>
      <c r="NJ22" s="124">
        <v>5353341</v>
      </c>
      <c r="NK22" s="354">
        <v>5353341</v>
      </c>
      <c r="NL22" s="160">
        <v>0</v>
      </c>
      <c r="NM22" s="123">
        <v>0</v>
      </c>
      <c r="NN22" s="124">
        <v>0</v>
      </c>
      <c r="NO22" s="163"/>
      <c r="NP22" s="123">
        <v>0</v>
      </c>
      <c r="NQ22" s="123">
        <v>0</v>
      </c>
      <c r="NR22" s="123">
        <v>0</v>
      </c>
      <c r="NS22" s="123">
        <v>0</v>
      </c>
      <c r="NT22" s="123">
        <v>312225</v>
      </c>
      <c r="NU22" s="124">
        <v>312225</v>
      </c>
      <c r="NV22" s="125">
        <v>312225</v>
      </c>
      <c r="NW22" s="160">
        <v>0</v>
      </c>
      <c r="NX22" s="123">
        <v>0</v>
      </c>
      <c r="NY22" s="124">
        <v>0</v>
      </c>
      <c r="NZ22" s="163"/>
      <c r="OA22" s="123">
        <v>0</v>
      </c>
      <c r="OB22" s="123">
        <v>0</v>
      </c>
      <c r="OC22" s="123">
        <v>0</v>
      </c>
      <c r="OD22" s="123">
        <v>0</v>
      </c>
      <c r="OE22" s="123">
        <v>0</v>
      </c>
      <c r="OF22" s="124">
        <v>0</v>
      </c>
      <c r="OG22" s="125">
        <v>0</v>
      </c>
      <c r="OH22" s="160">
        <v>290009</v>
      </c>
      <c r="OI22" s="123">
        <v>1017782</v>
      </c>
      <c r="OJ22" s="159">
        <v>1307791</v>
      </c>
      <c r="OK22" s="122">
        <v>0</v>
      </c>
      <c r="OL22" s="123">
        <v>5106979</v>
      </c>
      <c r="OM22" s="123">
        <v>9929786</v>
      </c>
      <c r="ON22" s="123">
        <v>10869472</v>
      </c>
      <c r="OO22" s="123">
        <v>11707914</v>
      </c>
      <c r="OP22" s="123">
        <v>6680197</v>
      </c>
      <c r="OQ22" s="124">
        <v>44294348</v>
      </c>
      <c r="OR22" s="161">
        <v>45602139</v>
      </c>
    </row>
    <row r="23" spans="1:408" ht="20.25" customHeight="1" x14ac:dyDescent="0.2">
      <c r="A23" s="130" t="s">
        <v>18</v>
      </c>
      <c r="B23" s="113">
        <v>502359</v>
      </c>
      <c r="C23" s="117">
        <v>417012</v>
      </c>
      <c r="D23" s="116">
        <v>919371</v>
      </c>
      <c r="E23" s="112">
        <v>0</v>
      </c>
      <c r="F23" s="117">
        <v>5085090</v>
      </c>
      <c r="G23" s="117">
        <v>9524932</v>
      </c>
      <c r="H23" s="117">
        <v>6239698</v>
      </c>
      <c r="I23" s="117">
        <v>7424797</v>
      </c>
      <c r="J23" s="117">
        <v>5220688</v>
      </c>
      <c r="K23" s="112">
        <v>33495205</v>
      </c>
      <c r="L23" s="119">
        <v>34414576</v>
      </c>
      <c r="M23" s="113">
        <v>179101</v>
      </c>
      <c r="N23" s="117">
        <v>209075</v>
      </c>
      <c r="O23" s="116">
        <v>388176</v>
      </c>
      <c r="P23" s="113">
        <v>0</v>
      </c>
      <c r="Q23" s="117">
        <v>1332836</v>
      </c>
      <c r="R23" s="117">
        <v>2787341</v>
      </c>
      <c r="S23" s="117">
        <v>2087161</v>
      </c>
      <c r="T23" s="117">
        <v>2708110</v>
      </c>
      <c r="U23" s="117">
        <v>1870220</v>
      </c>
      <c r="V23" s="116">
        <v>10785668</v>
      </c>
      <c r="W23" s="119">
        <v>11173844</v>
      </c>
      <c r="X23" s="113">
        <v>0</v>
      </c>
      <c r="Y23" s="117">
        <v>0</v>
      </c>
      <c r="Z23" s="116">
        <v>0</v>
      </c>
      <c r="AA23" s="113">
        <v>0</v>
      </c>
      <c r="AB23" s="117">
        <v>451904</v>
      </c>
      <c r="AC23" s="117">
        <v>1224288</v>
      </c>
      <c r="AD23" s="117">
        <v>1273972</v>
      </c>
      <c r="AE23" s="117">
        <v>1360294</v>
      </c>
      <c r="AF23" s="117">
        <v>724274</v>
      </c>
      <c r="AG23" s="116">
        <v>5034732</v>
      </c>
      <c r="AH23" s="119">
        <v>5034732</v>
      </c>
      <c r="AI23" s="113">
        <v>0</v>
      </c>
      <c r="AJ23" s="117">
        <v>0</v>
      </c>
      <c r="AK23" s="116">
        <v>0</v>
      </c>
      <c r="AL23" s="113">
        <v>0</v>
      </c>
      <c r="AM23" s="117">
        <v>0</v>
      </c>
      <c r="AN23" s="117">
        <v>92627</v>
      </c>
      <c r="AO23" s="117">
        <v>19968</v>
      </c>
      <c r="AP23" s="117">
        <v>186265</v>
      </c>
      <c r="AQ23" s="117">
        <v>200249</v>
      </c>
      <c r="AR23" s="116">
        <v>499109</v>
      </c>
      <c r="AS23" s="119">
        <v>499109</v>
      </c>
      <c r="AT23" s="113">
        <v>134021</v>
      </c>
      <c r="AU23" s="117">
        <v>165203</v>
      </c>
      <c r="AV23" s="116">
        <v>299224</v>
      </c>
      <c r="AW23" s="113">
        <v>0</v>
      </c>
      <c r="AX23" s="117">
        <v>503643</v>
      </c>
      <c r="AY23" s="117">
        <v>950133</v>
      </c>
      <c r="AZ23" s="117">
        <v>443535</v>
      </c>
      <c r="BA23" s="117">
        <v>823461</v>
      </c>
      <c r="BB23" s="117">
        <v>471717</v>
      </c>
      <c r="BC23" s="116">
        <v>3192489</v>
      </c>
      <c r="BD23" s="119">
        <v>3491713</v>
      </c>
      <c r="BE23" s="113">
        <v>0</v>
      </c>
      <c r="BF23" s="117">
        <v>27737</v>
      </c>
      <c r="BG23" s="115">
        <v>27737</v>
      </c>
      <c r="BH23" s="114">
        <v>0</v>
      </c>
      <c r="BI23" s="117">
        <v>87923</v>
      </c>
      <c r="BJ23" s="117">
        <v>153885</v>
      </c>
      <c r="BK23" s="117">
        <v>22058</v>
      </c>
      <c r="BL23" s="117">
        <v>36778</v>
      </c>
      <c r="BM23" s="117">
        <v>43179</v>
      </c>
      <c r="BN23" s="116">
        <v>343823</v>
      </c>
      <c r="BO23" s="119">
        <v>371560</v>
      </c>
      <c r="BP23" s="113">
        <v>45080</v>
      </c>
      <c r="BQ23" s="117">
        <v>16135</v>
      </c>
      <c r="BR23" s="116">
        <v>61215</v>
      </c>
      <c r="BS23" s="113">
        <v>0</v>
      </c>
      <c r="BT23" s="117">
        <v>289366</v>
      </c>
      <c r="BU23" s="117">
        <v>366408</v>
      </c>
      <c r="BV23" s="117">
        <v>327628</v>
      </c>
      <c r="BW23" s="117">
        <v>301312</v>
      </c>
      <c r="BX23" s="117">
        <v>430801</v>
      </c>
      <c r="BY23" s="116">
        <v>1715515</v>
      </c>
      <c r="BZ23" s="119">
        <v>1776730</v>
      </c>
      <c r="CA23" s="113">
        <v>77313</v>
      </c>
      <c r="CB23" s="117">
        <v>102699</v>
      </c>
      <c r="CC23" s="116">
        <v>180012</v>
      </c>
      <c r="CD23" s="113">
        <v>0</v>
      </c>
      <c r="CE23" s="117">
        <v>1602348</v>
      </c>
      <c r="CF23" s="117">
        <v>3914152</v>
      </c>
      <c r="CG23" s="117">
        <v>1717117</v>
      </c>
      <c r="CH23" s="117">
        <v>1507666</v>
      </c>
      <c r="CI23" s="117">
        <v>344579</v>
      </c>
      <c r="CJ23" s="116">
        <v>9085862</v>
      </c>
      <c r="CK23" s="119">
        <v>9265874</v>
      </c>
      <c r="CL23" s="113">
        <v>0</v>
      </c>
      <c r="CM23" s="117">
        <v>0</v>
      </c>
      <c r="CN23" s="116">
        <v>0</v>
      </c>
      <c r="CO23" s="114">
        <v>0</v>
      </c>
      <c r="CP23" s="117">
        <v>1366833</v>
      </c>
      <c r="CQ23" s="117">
        <v>3217635</v>
      </c>
      <c r="CR23" s="117">
        <v>1304591</v>
      </c>
      <c r="CS23" s="117">
        <v>1289704</v>
      </c>
      <c r="CT23" s="117">
        <v>274245</v>
      </c>
      <c r="CU23" s="116">
        <v>7453008</v>
      </c>
      <c r="CV23" s="119">
        <v>7453008</v>
      </c>
      <c r="CW23" s="113">
        <v>77313</v>
      </c>
      <c r="CX23" s="117">
        <v>102699</v>
      </c>
      <c r="CY23" s="116">
        <v>180012</v>
      </c>
      <c r="CZ23" s="113">
        <v>0</v>
      </c>
      <c r="DA23" s="117">
        <v>235515</v>
      </c>
      <c r="DB23" s="117">
        <v>696517</v>
      </c>
      <c r="DC23" s="117">
        <v>412526</v>
      </c>
      <c r="DD23" s="117">
        <v>217962</v>
      </c>
      <c r="DE23" s="117">
        <v>70334</v>
      </c>
      <c r="DF23" s="116">
        <v>1632854</v>
      </c>
      <c r="DG23" s="119">
        <v>1812866</v>
      </c>
      <c r="DH23" s="113">
        <v>0</v>
      </c>
      <c r="DI23" s="117">
        <v>0</v>
      </c>
      <c r="DJ23" s="115">
        <v>0</v>
      </c>
      <c r="DK23" s="114">
        <v>0</v>
      </c>
      <c r="DL23" s="117">
        <v>81942</v>
      </c>
      <c r="DM23" s="117">
        <v>501002</v>
      </c>
      <c r="DN23" s="117">
        <v>377041</v>
      </c>
      <c r="DO23" s="117">
        <v>493740</v>
      </c>
      <c r="DP23" s="117">
        <v>287337</v>
      </c>
      <c r="DQ23" s="116">
        <v>1741062</v>
      </c>
      <c r="DR23" s="119">
        <v>1741062</v>
      </c>
      <c r="DS23" s="113">
        <v>0</v>
      </c>
      <c r="DT23" s="117">
        <v>0</v>
      </c>
      <c r="DU23" s="116">
        <v>0</v>
      </c>
      <c r="DV23" s="113">
        <v>0</v>
      </c>
      <c r="DW23" s="117">
        <v>81942</v>
      </c>
      <c r="DX23" s="117">
        <v>501002</v>
      </c>
      <c r="DY23" s="117">
        <v>358272</v>
      </c>
      <c r="DZ23" s="117">
        <v>493740</v>
      </c>
      <c r="EA23" s="117">
        <v>287337</v>
      </c>
      <c r="EB23" s="116">
        <v>1722293</v>
      </c>
      <c r="EC23" s="119">
        <v>1722293</v>
      </c>
      <c r="ED23" s="113">
        <v>0</v>
      </c>
      <c r="EE23" s="115">
        <v>0</v>
      </c>
      <c r="EF23" s="116">
        <v>0</v>
      </c>
      <c r="EG23" s="113">
        <v>0</v>
      </c>
      <c r="EH23" s="117">
        <v>0</v>
      </c>
      <c r="EI23" s="117">
        <v>0</v>
      </c>
      <c r="EJ23" s="117">
        <v>18769</v>
      </c>
      <c r="EK23" s="117">
        <v>0</v>
      </c>
      <c r="EL23" s="117">
        <v>0</v>
      </c>
      <c r="EM23" s="115">
        <v>18769</v>
      </c>
      <c r="EN23" s="119">
        <v>18769</v>
      </c>
      <c r="EO23" s="113">
        <v>0</v>
      </c>
      <c r="EP23" s="117">
        <v>0</v>
      </c>
      <c r="EQ23" s="115">
        <v>0</v>
      </c>
      <c r="ER23" s="114">
        <v>0</v>
      </c>
      <c r="ES23" s="117">
        <v>0</v>
      </c>
      <c r="ET23" s="117">
        <v>0</v>
      </c>
      <c r="EU23" s="117">
        <v>0</v>
      </c>
      <c r="EV23" s="117">
        <v>0</v>
      </c>
      <c r="EW23" s="117">
        <v>0</v>
      </c>
      <c r="EX23" s="116">
        <v>0</v>
      </c>
      <c r="EY23" s="119">
        <v>0</v>
      </c>
      <c r="EZ23" s="113">
        <v>0</v>
      </c>
      <c r="FA23" s="117">
        <v>0</v>
      </c>
      <c r="FB23" s="115">
        <v>0</v>
      </c>
      <c r="FC23" s="387"/>
      <c r="FD23" s="117">
        <v>0</v>
      </c>
      <c r="FE23" s="117">
        <v>0</v>
      </c>
      <c r="FF23" s="117">
        <v>0</v>
      </c>
      <c r="FG23" s="117">
        <v>0</v>
      </c>
      <c r="FH23" s="117">
        <v>0</v>
      </c>
      <c r="FI23" s="116">
        <v>0</v>
      </c>
      <c r="FJ23" s="119">
        <v>0</v>
      </c>
      <c r="FK23" s="113">
        <v>125636</v>
      </c>
      <c r="FL23" s="117">
        <v>105238</v>
      </c>
      <c r="FM23" s="116">
        <v>230874</v>
      </c>
      <c r="FN23" s="113">
        <v>0</v>
      </c>
      <c r="FO23" s="117">
        <v>315807</v>
      </c>
      <c r="FP23" s="117">
        <v>642019</v>
      </c>
      <c r="FQ23" s="117">
        <v>463484</v>
      </c>
      <c r="FR23" s="117">
        <v>739695</v>
      </c>
      <c r="FS23" s="117">
        <v>300818</v>
      </c>
      <c r="FT23" s="116">
        <v>2461823</v>
      </c>
      <c r="FU23" s="119">
        <v>2692697</v>
      </c>
      <c r="FV23" s="118">
        <v>43736</v>
      </c>
      <c r="FW23" s="117">
        <v>80738</v>
      </c>
      <c r="FX23" s="115">
        <v>124474</v>
      </c>
      <c r="FY23" s="114">
        <v>0</v>
      </c>
      <c r="FZ23" s="117">
        <v>180355</v>
      </c>
      <c r="GA23" s="117">
        <v>621614</v>
      </c>
      <c r="GB23" s="117">
        <v>443079</v>
      </c>
      <c r="GC23" s="117">
        <v>624108</v>
      </c>
      <c r="GD23" s="117">
        <v>300818</v>
      </c>
      <c r="GE23" s="116">
        <v>2169974</v>
      </c>
      <c r="GF23" s="351">
        <v>2294448</v>
      </c>
      <c r="GG23" s="118">
        <v>0</v>
      </c>
      <c r="GH23" s="117">
        <v>0</v>
      </c>
      <c r="GI23" s="115">
        <v>0</v>
      </c>
      <c r="GJ23" s="114">
        <v>0</v>
      </c>
      <c r="GK23" s="117">
        <v>30765</v>
      </c>
      <c r="GL23" s="117">
        <v>20405</v>
      </c>
      <c r="GM23" s="117">
        <v>20405</v>
      </c>
      <c r="GN23" s="117">
        <v>73587</v>
      </c>
      <c r="GO23" s="117">
        <v>0</v>
      </c>
      <c r="GP23" s="116">
        <v>145162</v>
      </c>
      <c r="GQ23" s="119">
        <v>145162</v>
      </c>
      <c r="GR23" s="113">
        <v>81900</v>
      </c>
      <c r="GS23" s="117">
        <v>24500</v>
      </c>
      <c r="GT23" s="116">
        <v>106400</v>
      </c>
      <c r="GU23" s="113">
        <v>0</v>
      </c>
      <c r="GV23" s="117">
        <v>104687</v>
      </c>
      <c r="GW23" s="117">
        <v>0</v>
      </c>
      <c r="GX23" s="117">
        <v>0</v>
      </c>
      <c r="GY23" s="117">
        <v>42000</v>
      </c>
      <c r="GZ23" s="117">
        <v>0</v>
      </c>
      <c r="HA23" s="115">
        <v>146687</v>
      </c>
      <c r="HB23" s="119">
        <v>253087</v>
      </c>
      <c r="HC23" s="113">
        <v>120309</v>
      </c>
      <c r="HD23" s="117">
        <v>0</v>
      </c>
      <c r="HE23" s="115">
        <v>120309</v>
      </c>
      <c r="HF23" s="114">
        <v>0</v>
      </c>
      <c r="HG23" s="117">
        <v>1752157</v>
      </c>
      <c r="HH23" s="117">
        <v>1680418</v>
      </c>
      <c r="HI23" s="117">
        <v>1594895</v>
      </c>
      <c r="HJ23" s="117">
        <v>1975586</v>
      </c>
      <c r="HK23" s="117">
        <v>2417734</v>
      </c>
      <c r="HL23" s="116">
        <v>9420790</v>
      </c>
      <c r="HM23" s="112">
        <v>9541099</v>
      </c>
      <c r="HN23" s="367"/>
      <c r="HO23" s="368"/>
      <c r="HP23" s="369"/>
      <c r="HQ23" s="370"/>
      <c r="HR23" s="368"/>
      <c r="HS23" s="368"/>
      <c r="HT23" s="368"/>
      <c r="HU23" s="368"/>
      <c r="HV23" s="368"/>
      <c r="HW23" s="371"/>
      <c r="HX23" s="372"/>
      <c r="HY23" s="149">
        <v>0</v>
      </c>
      <c r="HZ23" s="150">
        <v>0</v>
      </c>
      <c r="IA23" s="151">
        <v>0</v>
      </c>
      <c r="IB23" s="164">
        <v>0</v>
      </c>
      <c r="IC23" s="150">
        <v>1043754</v>
      </c>
      <c r="ID23" s="165">
        <v>1201730</v>
      </c>
      <c r="IE23" s="151">
        <v>748184</v>
      </c>
      <c r="IF23" s="150">
        <v>1205441</v>
      </c>
      <c r="IG23" s="151">
        <v>1060910</v>
      </c>
      <c r="IH23" s="166">
        <v>5260019</v>
      </c>
      <c r="II23" s="157">
        <v>5260019</v>
      </c>
      <c r="IJ23" s="262">
        <v>0</v>
      </c>
      <c r="IK23" s="269">
        <v>0</v>
      </c>
      <c r="IL23" s="270">
        <v>0</v>
      </c>
      <c r="IM23" s="158"/>
      <c r="IN23" s="123">
        <v>0</v>
      </c>
      <c r="IO23" s="123">
        <v>0</v>
      </c>
      <c r="IP23" s="123">
        <v>0</v>
      </c>
      <c r="IQ23" s="123">
        <v>0</v>
      </c>
      <c r="IR23" s="123">
        <v>237450</v>
      </c>
      <c r="IS23" s="159">
        <v>237450</v>
      </c>
      <c r="IT23" s="354">
        <v>237450</v>
      </c>
      <c r="IU23" s="160">
        <v>0</v>
      </c>
      <c r="IV23" s="123">
        <v>0</v>
      </c>
      <c r="IW23" s="124">
        <v>0</v>
      </c>
      <c r="IX23" s="162"/>
      <c r="IY23" s="123">
        <v>0</v>
      </c>
      <c r="IZ23" s="123">
        <v>0</v>
      </c>
      <c r="JA23" s="123">
        <v>0</v>
      </c>
      <c r="JB23" s="123">
        <v>0</v>
      </c>
      <c r="JC23" s="123">
        <v>0</v>
      </c>
      <c r="JD23" s="124">
        <v>0</v>
      </c>
      <c r="JE23" s="125">
        <v>0</v>
      </c>
      <c r="JF23" s="160">
        <v>0</v>
      </c>
      <c r="JG23" s="123">
        <v>0</v>
      </c>
      <c r="JH23" s="159">
        <v>0</v>
      </c>
      <c r="JI23" s="122">
        <v>0</v>
      </c>
      <c r="JJ23" s="123">
        <v>841488</v>
      </c>
      <c r="JK23" s="123">
        <v>494975</v>
      </c>
      <c r="JL23" s="123">
        <v>316970</v>
      </c>
      <c r="JM23" s="123">
        <v>39603</v>
      </c>
      <c r="JN23" s="123">
        <v>0</v>
      </c>
      <c r="JO23" s="124">
        <v>1693036</v>
      </c>
      <c r="JP23" s="354">
        <v>1693036</v>
      </c>
      <c r="JQ23" s="160">
        <v>0</v>
      </c>
      <c r="JR23" s="123">
        <v>0</v>
      </c>
      <c r="JS23" s="159">
        <v>0</v>
      </c>
      <c r="JT23" s="122">
        <v>0</v>
      </c>
      <c r="JU23" s="123">
        <v>0</v>
      </c>
      <c r="JV23" s="123">
        <v>0</v>
      </c>
      <c r="JW23" s="123">
        <v>344138</v>
      </c>
      <c r="JX23" s="123">
        <v>0</v>
      </c>
      <c r="JY23" s="123">
        <v>0</v>
      </c>
      <c r="JZ23" s="124">
        <v>344138</v>
      </c>
      <c r="KA23" s="354">
        <v>344138</v>
      </c>
      <c r="KB23" s="265">
        <v>0</v>
      </c>
      <c r="KC23" s="259">
        <v>0</v>
      </c>
      <c r="KD23" s="124">
        <v>0</v>
      </c>
      <c r="KE23" s="122">
        <v>0</v>
      </c>
      <c r="KF23" s="123">
        <v>202266</v>
      </c>
      <c r="KG23" s="123">
        <v>388079</v>
      </c>
      <c r="KH23" s="123">
        <v>0</v>
      </c>
      <c r="KI23" s="123">
        <v>230788</v>
      </c>
      <c r="KJ23" s="123">
        <v>0</v>
      </c>
      <c r="KK23" s="124">
        <v>821133</v>
      </c>
      <c r="KL23" s="161">
        <v>821133</v>
      </c>
      <c r="KM23" s="262">
        <v>0</v>
      </c>
      <c r="KN23" s="269">
        <v>0</v>
      </c>
      <c r="KO23" s="270">
        <v>0</v>
      </c>
      <c r="KP23" s="158">
        <v>0</v>
      </c>
      <c r="KQ23" s="123">
        <v>0</v>
      </c>
      <c r="KR23" s="123">
        <v>318676</v>
      </c>
      <c r="KS23" s="123">
        <v>0</v>
      </c>
      <c r="KT23" s="123">
        <v>426469</v>
      </c>
      <c r="KU23" s="123">
        <v>227064</v>
      </c>
      <c r="KV23" s="124">
        <v>972209</v>
      </c>
      <c r="KW23" s="354">
        <v>972209</v>
      </c>
      <c r="KX23" s="160">
        <v>0</v>
      </c>
      <c r="KY23" s="123">
        <v>0</v>
      </c>
      <c r="KZ23" s="124">
        <v>0</v>
      </c>
      <c r="LA23" s="163">
        <v>0</v>
      </c>
      <c r="LB23" s="123">
        <v>0</v>
      </c>
      <c r="LC23" s="123">
        <v>0</v>
      </c>
      <c r="LD23" s="123">
        <v>0</v>
      </c>
      <c r="LE23" s="123">
        <v>0</v>
      </c>
      <c r="LF23" s="123">
        <v>0</v>
      </c>
      <c r="LG23" s="124">
        <v>0</v>
      </c>
      <c r="LH23" s="125">
        <v>0</v>
      </c>
      <c r="LI23" s="160">
        <v>0</v>
      </c>
      <c r="LJ23" s="123">
        <v>0</v>
      </c>
      <c r="LK23" s="124">
        <v>0</v>
      </c>
      <c r="LL23" s="163"/>
      <c r="LM23" s="123">
        <v>0</v>
      </c>
      <c r="LN23" s="123">
        <v>0</v>
      </c>
      <c r="LO23" s="123">
        <v>0</v>
      </c>
      <c r="LP23" s="123">
        <v>0</v>
      </c>
      <c r="LQ23" s="123">
        <v>0</v>
      </c>
      <c r="LR23" s="124">
        <v>0</v>
      </c>
      <c r="LS23" s="354">
        <v>0</v>
      </c>
      <c r="LT23" s="160">
        <v>0</v>
      </c>
      <c r="LU23" s="123">
        <v>0</v>
      </c>
      <c r="LV23" s="124">
        <v>0</v>
      </c>
      <c r="LW23" s="163"/>
      <c r="LX23" s="123">
        <v>0</v>
      </c>
      <c r="LY23" s="123">
        <v>0</v>
      </c>
      <c r="LZ23" s="123">
        <v>87076</v>
      </c>
      <c r="MA23" s="123">
        <v>508581</v>
      </c>
      <c r="MB23" s="123">
        <v>596396</v>
      </c>
      <c r="MC23" s="124">
        <v>1192053</v>
      </c>
      <c r="MD23" s="125">
        <v>1192053</v>
      </c>
      <c r="ME23" s="160">
        <v>0</v>
      </c>
      <c r="MF23" s="123">
        <v>0</v>
      </c>
      <c r="MG23" s="124">
        <v>0</v>
      </c>
      <c r="MH23" s="163"/>
      <c r="MI23" s="123">
        <v>693342</v>
      </c>
      <c r="MJ23" s="123">
        <v>524767</v>
      </c>
      <c r="MK23" s="123">
        <v>2700031</v>
      </c>
      <c r="ML23" s="123">
        <v>5036618</v>
      </c>
      <c r="MM23" s="123">
        <v>2417461</v>
      </c>
      <c r="MN23" s="124">
        <v>11372219</v>
      </c>
      <c r="MO23" s="161">
        <v>11372219</v>
      </c>
      <c r="MP23" s="160">
        <v>0</v>
      </c>
      <c r="MQ23" s="123">
        <v>0</v>
      </c>
      <c r="MR23" s="124">
        <v>0</v>
      </c>
      <c r="MS23" s="163"/>
      <c r="MT23" s="123">
        <v>0</v>
      </c>
      <c r="MU23" s="123">
        <v>0</v>
      </c>
      <c r="MV23" s="123">
        <v>1273331</v>
      </c>
      <c r="MW23" s="123">
        <v>3870331</v>
      </c>
      <c r="MX23" s="123">
        <v>766762</v>
      </c>
      <c r="MY23" s="124">
        <v>5910424</v>
      </c>
      <c r="MZ23" s="161">
        <v>5910424</v>
      </c>
      <c r="NA23" s="160">
        <v>0</v>
      </c>
      <c r="NB23" s="123">
        <v>0</v>
      </c>
      <c r="NC23" s="124">
        <v>0</v>
      </c>
      <c r="ND23" s="163"/>
      <c r="NE23" s="123">
        <v>693342</v>
      </c>
      <c r="NF23" s="123">
        <v>524767</v>
      </c>
      <c r="NG23" s="123">
        <v>1426700</v>
      </c>
      <c r="NH23" s="123">
        <v>1166287</v>
      </c>
      <c r="NI23" s="123">
        <v>1378437</v>
      </c>
      <c r="NJ23" s="124">
        <v>5189533</v>
      </c>
      <c r="NK23" s="354">
        <v>5189533</v>
      </c>
      <c r="NL23" s="160">
        <v>0</v>
      </c>
      <c r="NM23" s="123">
        <v>0</v>
      </c>
      <c r="NN23" s="124">
        <v>0</v>
      </c>
      <c r="NO23" s="163"/>
      <c r="NP23" s="123">
        <v>0</v>
      </c>
      <c r="NQ23" s="123">
        <v>0</v>
      </c>
      <c r="NR23" s="123">
        <v>0</v>
      </c>
      <c r="NS23" s="123">
        <v>0</v>
      </c>
      <c r="NT23" s="123">
        <v>272262</v>
      </c>
      <c r="NU23" s="124">
        <v>272262</v>
      </c>
      <c r="NV23" s="125">
        <v>272262</v>
      </c>
      <c r="NW23" s="160">
        <v>0</v>
      </c>
      <c r="NX23" s="123">
        <v>0</v>
      </c>
      <c r="NY23" s="124">
        <v>0</v>
      </c>
      <c r="NZ23" s="163"/>
      <c r="OA23" s="123">
        <v>0</v>
      </c>
      <c r="OB23" s="123">
        <v>0</v>
      </c>
      <c r="OC23" s="123">
        <v>0</v>
      </c>
      <c r="OD23" s="123">
        <v>0</v>
      </c>
      <c r="OE23" s="123">
        <v>0</v>
      </c>
      <c r="OF23" s="124">
        <v>0</v>
      </c>
      <c r="OG23" s="125">
        <v>0</v>
      </c>
      <c r="OH23" s="160">
        <v>502359</v>
      </c>
      <c r="OI23" s="123">
        <v>417012</v>
      </c>
      <c r="OJ23" s="159">
        <v>919371</v>
      </c>
      <c r="OK23" s="122">
        <v>0</v>
      </c>
      <c r="OL23" s="123">
        <v>6822186</v>
      </c>
      <c r="OM23" s="123">
        <v>11251429</v>
      </c>
      <c r="ON23" s="123">
        <v>9687913</v>
      </c>
      <c r="OO23" s="123">
        <v>13666856</v>
      </c>
      <c r="OP23" s="123">
        <v>8699059</v>
      </c>
      <c r="OQ23" s="124">
        <v>50127443</v>
      </c>
      <c r="OR23" s="161">
        <v>51046814</v>
      </c>
    </row>
    <row r="24" spans="1:408" ht="20.25" customHeight="1" x14ac:dyDescent="0.2">
      <c r="A24" s="130" t="s">
        <v>19</v>
      </c>
      <c r="B24" s="113">
        <v>116910</v>
      </c>
      <c r="C24" s="117">
        <v>651436</v>
      </c>
      <c r="D24" s="116">
        <v>768346</v>
      </c>
      <c r="E24" s="112">
        <v>0</v>
      </c>
      <c r="F24" s="117">
        <v>3290269</v>
      </c>
      <c r="G24" s="117">
        <v>2374244</v>
      </c>
      <c r="H24" s="117">
        <v>3573266</v>
      </c>
      <c r="I24" s="117">
        <v>1447484</v>
      </c>
      <c r="J24" s="117">
        <v>1605797</v>
      </c>
      <c r="K24" s="112">
        <v>12291060</v>
      </c>
      <c r="L24" s="119">
        <v>13059406</v>
      </c>
      <c r="M24" s="113">
        <v>57697</v>
      </c>
      <c r="N24" s="117">
        <v>167194</v>
      </c>
      <c r="O24" s="116">
        <v>224891</v>
      </c>
      <c r="P24" s="113">
        <v>0</v>
      </c>
      <c r="Q24" s="117">
        <v>613140</v>
      </c>
      <c r="R24" s="117">
        <v>977604</v>
      </c>
      <c r="S24" s="117">
        <v>939435</v>
      </c>
      <c r="T24" s="117">
        <v>572586</v>
      </c>
      <c r="U24" s="117">
        <v>483131</v>
      </c>
      <c r="V24" s="116">
        <v>3585896</v>
      </c>
      <c r="W24" s="119">
        <v>3810787</v>
      </c>
      <c r="X24" s="113">
        <v>0</v>
      </c>
      <c r="Y24" s="117">
        <v>0</v>
      </c>
      <c r="Z24" s="116">
        <v>0</v>
      </c>
      <c r="AA24" s="113">
        <v>0</v>
      </c>
      <c r="AB24" s="117">
        <v>101659</v>
      </c>
      <c r="AC24" s="117">
        <v>434935</v>
      </c>
      <c r="AD24" s="117">
        <v>370088</v>
      </c>
      <c r="AE24" s="117">
        <v>192366</v>
      </c>
      <c r="AF24" s="117">
        <v>220017</v>
      </c>
      <c r="AG24" s="116">
        <v>1319065</v>
      </c>
      <c r="AH24" s="119">
        <v>1319065</v>
      </c>
      <c r="AI24" s="113">
        <v>0</v>
      </c>
      <c r="AJ24" s="117">
        <v>0</v>
      </c>
      <c r="AK24" s="116">
        <v>0</v>
      </c>
      <c r="AL24" s="113">
        <v>0</v>
      </c>
      <c r="AM24" s="117">
        <v>0</v>
      </c>
      <c r="AN24" s="117">
        <v>0</v>
      </c>
      <c r="AO24" s="117">
        <v>81072</v>
      </c>
      <c r="AP24" s="117">
        <v>49307</v>
      </c>
      <c r="AQ24" s="117">
        <v>40887</v>
      </c>
      <c r="AR24" s="116">
        <v>171266</v>
      </c>
      <c r="AS24" s="119">
        <v>171266</v>
      </c>
      <c r="AT24" s="113">
        <v>19442</v>
      </c>
      <c r="AU24" s="117">
        <v>110250</v>
      </c>
      <c r="AV24" s="116">
        <v>129692</v>
      </c>
      <c r="AW24" s="113">
        <v>0</v>
      </c>
      <c r="AX24" s="117">
        <v>362710</v>
      </c>
      <c r="AY24" s="117">
        <v>441615</v>
      </c>
      <c r="AZ24" s="117">
        <v>230519</v>
      </c>
      <c r="BA24" s="117">
        <v>230715</v>
      </c>
      <c r="BB24" s="117">
        <v>158380</v>
      </c>
      <c r="BC24" s="116">
        <v>1423939</v>
      </c>
      <c r="BD24" s="119">
        <v>1553631</v>
      </c>
      <c r="BE24" s="113">
        <v>0</v>
      </c>
      <c r="BF24" s="117">
        <v>13579</v>
      </c>
      <c r="BG24" s="115">
        <v>13579</v>
      </c>
      <c r="BH24" s="114">
        <v>0</v>
      </c>
      <c r="BI24" s="117">
        <v>27650</v>
      </c>
      <c r="BJ24" s="117">
        <v>18993</v>
      </c>
      <c r="BK24" s="117">
        <v>70135</v>
      </c>
      <c r="BL24" s="117">
        <v>0</v>
      </c>
      <c r="BM24" s="117">
        <v>0</v>
      </c>
      <c r="BN24" s="116">
        <v>116778</v>
      </c>
      <c r="BO24" s="119">
        <v>130357</v>
      </c>
      <c r="BP24" s="113">
        <v>38255</v>
      </c>
      <c r="BQ24" s="117">
        <v>43365</v>
      </c>
      <c r="BR24" s="116">
        <v>81620</v>
      </c>
      <c r="BS24" s="113">
        <v>0</v>
      </c>
      <c r="BT24" s="117">
        <v>121121</v>
      </c>
      <c r="BU24" s="117">
        <v>82061</v>
      </c>
      <c r="BV24" s="117">
        <v>187621</v>
      </c>
      <c r="BW24" s="117">
        <v>100198</v>
      </c>
      <c r="BX24" s="117">
        <v>63847</v>
      </c>
      <c r="BY24" s="116">
        <v>554848</v>
      </c>
      <c r="BZ24" s="119">
        <v>636468</v>
      </c>
      <c r="CA24" s="113">
        <v>0</v>
      </c>
      <c r="CB24" s="117">
        <v>104784</v>
      </c>
      <c r="CC24" s="116">
        <v>104784</v>
      </c>
      <c r="CD24" s="113">
        <v>0</v>
      </c>
      <c r="CE24" s="117">
        <v>1085648</v>
      </c>
      <c r="CF24" s="117">
        <v>554681</v>
      </c>
      <c r="CG24" s="117">
        <v>713449</v>
      </c>
      <c r="CH24" s="117">
        <v>422545</v>
      </c>
      <c r="CI24" s="117">
        <v>299263</v>
      </c>
      <c r="CJ24" s="116">
        <v>3075586</v>
      </c>
      <c r="CK24" s="119">
        <v>3180370</v>
      </c>
      <c r="CL24" s="113">
        <v>0</v>
      </c>
      <c r="CM24" s="117">
        <v>0</v>
      </c>
      <c r="CN24" s="116">
        <v>0</v>
      </c>
      <c r="CO24" s="114">
        <v>0</v>
      </c>
      <c r="CP24" s="117">
        <v>804433</v>
      </c>
      <c r="CQ24" s="117">
        <v>361005</v>
      </c>
      <c r="CR24" s="117">
        <v>482332</v>
      </c>
      <c r="CS24" s="117">
        <v>30086</v>
      </c>
      <c r="CT24" s="117">
        <v>199182</v>
      </c>
      <c r="CU24" s="116">
        <v>1877038</v>
      </c>
      <c r="CV24" s="119">
        <v>1877038</v>
      </c>
      <c r="CW24" s="113">
        <v>0</v>
      </c>
      <c r="CX24" s="117">
        <v>104784</v>
      </c>
      <c r="CY24" s="116">
        <v>104784</v>
      </c>
      <c r="CZ24" s="113">
        <v>0</v>
      </c>
      <c r="DA24" s="117">
        <v>281215</v>
      </c>
      <c r="DB24" s="117">
        <v>193676</v>
      </c>
      <c r="DC24" s="117">
        <v>231117</v>
      </c>
      <c r="DD24" s="117">
        <v>392459</v>
      </c>
      <c r="DE24" s="117">
        <v>100081</v>
      </c>
      <c r="DF24" s="116">
        <v>1198548</v>
      </c>
      <c r="DG24" s="119">
        <v>1303332</v>
      </c>
      <c r="DH24" s="113">
        <v>0</v>
      </c>
      <c r="DI24" s="117">
        <v>16030</v>
      </c>
      <c r="DJ24" s="115">
        <v>16030</v>
      </c>
      <c r="DK24" s="114">
        <v>0</v>
      </c>
      <c r="DL24" s="117">
        <v>0</v>
      </c>
      <c r="DM24" s="117">
        <v>94829</v>
      </c>
      <c r="DN24" s="117">
        <v>92689</v>
      </c>
      <c r="DO24" s="117">
        <v>109661</v>
      </c>
      <c r="DP24" s="117">
        <v>73756</v>
      </c>
      <c r="DQ24" s="116">
        <v>370935</v>
      </c>
      <c r="DR24" s="119">
        <v>386965</v>
      </c>
      <c r="DS24" s="113">
        <v>0</v>
      </c>
      <c r="DT24" s="117">
        <v>16030</v>
      </c>
      <c r="DU24" s="116">
        <v>16030</v>
      </c>
      <c r="DV24" s="113">
        <v>0</v>
      </c>
      <c r="DW24" s="117">
        <v>0</v>
      </c>
      <c r="DX24" s="117">
        <v>94829</v>
      </c>
      <c r="DY24" s="117">
        <v>92689</v>
      </c>
      <c r="DZ24" s="117">
        <v>0</v>
      </c>
      <c r="EA24" s="117">
        <v>0</v>
      </c>
      <c r="EB24" s="116">
        <v>187518</v>
      </c>
      <c r="EC24" s="119">
        <v>203548</v>
      </c>
      <c r="ED24" s="113">
        <v>0</v>
      </c>
      <c r="EE24" s="115">
        <v>0</v>
      </c>
      <c r="EF24" s="116">
        <v>0</v>
      </c>
      <c r="EG24" s="113">
        <v>0</v>
      </c>
      <c r="EH24" s="117">
        <v>0</v>
      </c>
      <c r="EI24" s="117">
        <v>0</v>
      </c>
      <c r="EJ24" s="117">
        <v>0</v>
      </c>
      <c r="EK24" s="117">
        <v>109661</v>
      </c>
      <c r="EL24" s="117">
        <v>73756</v>
      </c>
      <c r="EM24" s="115">
        <v>183417</v>
      </c>
      <c r="EN24" s="119">
        <v>183417</v>
      </c>
      <c r="EO24" s="113">
        <v>0</v>
      </c>
      <c r="EP24" s="117">
        <v>0</v>
      </c>
      <c r="EQ24" s="115">
        <v>0</v>
      </c>
      <c r="ER24" s="114">
        <v>0</v>
      </c>
      <c r="ES24" s="117">
        <v>0</v>
      </c>
      <c r="ET24" s="117">
        <v>0</v>
      </c>
      <c r="EU24" s="117">
        <v>0</v>
      </c>
      <c r="EV24" s="117">
        <v>0</v>
      </c>
      <c r="EW24" s="117">
        <v>0</v>
      </c>
      <c r="EX24" s="116">
        <v>0</v>
      </c>
      <c r="EY24" s="119">
        <v>0</v>
      </c>
      <c r="EZ24" s="113">
        <v>0</v>
      </c>
      <c r="FA24" s="117">
        <v>0</v>
      </c>
      <c r="FB24" s="115">
        <v>0</v>
      </c>
      <c r="FC24" s="387"/>
      <c r="FD24" s="117">
        <v>0</v>
      </c>
      <c r="FE24" s="117">
        <v>0</v>
      </c>
      <c r="FF24" s="117">
        <v>0</v>
      </c>
      <c r="FG24" s="117">
        <v>0</v>
      </c>
      <c r="FH24" s="117">
        <v>0</v>
      </c>
      <c r="FI24" s="116">
        <v>0</v>
      </c>
      <c r="FJ24" s="119">
        <v>0</v>
      </c>
      <c r="FK24" s="113">
        <v>12460</v>
      </c>
      <c r="FL24" s="117">
        <v>39340</v>
      </c>
      <c r="FM24" s="116">
        <v>51800</v>
      </c>
      <c r="FN24" s="113">
        <v>0</v>
      </c>
      <c r="FO24" s="117">
        <v>218820</v>
      </c>
      <c r="FP24" s="117">
        <v>288526</v>
      </c>
      <c r="FQ24" s="117">
        <v>283669</v>
      </c>
      <c r="FR24" s="117">
        <v>154441</v>
      </c>
      <c r="FS24" s="117">
        <v>129353</v>
      </c>
      <c r="FT24" s="116">
        <v>1074809</v>
      </c>
      <c r="FU24" s="119">
        <v>1126609</v>
      </c>
      <c r="FV24" s="118">
        <v>12460</v>
      </c>
      <c r="FW24" s="117">
        <v>39340</v>
      </c>
      <c r="FX24" s="115">
        <v>51800</v>
      </c>
      <c r="FY24" s="114">
        <v>0</v>
      </c>
      <c r="FZ24" s="117">
        <v>78820</v>
      </c>
      <c r="GA24" s="117">
        <v>253526</v>
      </c>
      <c r="GB24" s="117">
        <v>232379</v>
      </c>
      <c r="GC24" s="117">
        <v>154441</v>
      </c>
      <c r="GD24" s="117">
        <v>129353</v>
      </c>
      <c r="GE24" s="116">
        <v>848519</v>
      </c>
      <c r="GF24" s="351">
        <v>900319</v>
      </c>
      <c r="GG24" s="118">
        <v>0</v>
      </c>
      <c r="GH24" s="117">
        <v>0</v>
      </c>
      <c r="GI24" s="115">
        <v>0</v>
      </c>
      <c r="GJ24" s="114">
        <v>0</v>
      </c>
      <c r="GK24" s="117">
        <v>0</v>
      </c>
      <c r="GL24" s="117">
        <v>0</v>
      </c>
      <c r="GM24" s="117">
        <v>0</v>
      </c>
      <c r="GN24" s="117">
        <v>0</v>
      </c>
      <c r="GO24" s="117">
        <v>0</v>
      </c>
      <c r="GP24" s="116">
        <v>0</v>
      </c>
      <c r="GQ24" s="119">
        <v>0</v>
      </c>
      <c r="GR24" s="113">
        <v>0</v>
      </c>
      <c r="GS24" s="117">
        <v>0</v>
      </c>
      <c r="GT24" s="116">
        <v>0</v>
      </c>
      <c r="GU24" s="113">
        <v>0</v>
      </c>
      <c r="GV24" s="117">
        <v>140000</v>
      </c>
      <c r="GW24" s="117">
        <v>35000</v>
      </c>
      <c r="GX24" s="117">
        <v>51290</v>
      </c>
      <c r="GY24" s="117">
        <v>0</v>
      </c>
      <c r="GZ24" s="117">
        <v>0</v>
      </c>
      <c r="HA24" s="115">
        <v>226290</v>
      </c>
      <c r="HB24" s="119">
        <v>226290</v>
      </c>
      <c r="HC24" s="113">
        <v>46753</v>
      </c>
      <c r="HD24" s="117">
        <v>324088</v>
      </c>
      <c r="HE24" s="115">
        <v>370841</v>
      </c>
      <c r="HF24" s="114">
        <v>0</v>
      </c>
      <c r="HG24" s="117">
        <v>1372661</v>
      </c>
      <c r="HH24" s="117">
        <v>458604</v>
      </c>
      <c r="HI24" s="117">
        <v>1544024</v>
      </c>
      <c r="HJ24" s="117">
        <v>188251</v>
      </c>
      <c r="HK24" s="117">
        <v>620294</v>
      </c>
      <c r="HL24" s="116">
        <v>4183834</v>
      </c>
      <c r="HM24" s="112">
        <v>4554675</v>
      </c>
      <c r="HN24" s="367"/>
      <c r="HO24" s="368"/>
      <c r="HP24" s="369"/>
      <c r="HQ24" s="370"/>
      <c r="HR24" s="368"/>
      <c r="HS24" s="368"/>
      <c r="HT24" s="368"/>
      <c r="HU24" s="368"/>
      <c r="HV24" s="368"/>
      <c r="HW24" s="371"/>
      <c r="HX24" s="372"/>
      <c r="HY24" s="168">
        <v>0</v>
      </c>
      <c r="HZ24" s="153">
        <v>0</v>
      </c>
      <c r="IA24" s="168">
        <v>0</v>
      </c>
      <c r="IB24" s="152">
        <v>0</v>
      </c>
      <c r="IC24" s="153">
        <v>711910</v>
      </c>
      <c r="ID24" s="154">
        <v>574326</v>
      </c>
      <c r="IE24" s="155">
        <v>452745</v>
      </c>
      <c r="IF24" s="153">
        <v>1311773</v>
      </c>
      <c r="IG24" s="155">
        <v>250387</v>
      </c>
      <c r="IH24" s="156">
        <v>3301141</v>
      </c>
      <c r="II24" s="168">
        <v>3301141</v>
      </c>
      <c r="IJ24" s="262">
        <v>0</v>
      </c>
      <c r="IK24" s="269">
        <v>0</v>
      </c>
      <c r="IL24" s="270">
        <v>0</v>
      </c>
      <c r="IM24" s="158"/>
      <c r="IN24" s="123">
        <v>0</v>
      </c>
      <c r="IO24" s="123">
        <v>0</v>
      </c>
      <c r="IP24" s="123">
        <v>0</v>
      </c>
      <c r="IQ24" s="123">
        <v>348643</v>
      </c>
      <c r="IR24" s="123">
        <v>0</v>
      </c>
      <c r="IS24" s="159">
        <v>348643</v>
      </c>
      <c r="IT24" s="354">
        <v>348643</v>
      </c>
      <c r="IU24" s="160">
        <v>0</v>
      </c>
      <c r="IV24" s="123">
        <v>0</v>
      </c>
      <c r="IW24" s="124">
        <v>0</v>
      </c>
      <c r="IX24" s="162"/>
      <c r="IY24" s="123">
        <v>0</v>
      </c>
      <c r="IZ24" s="123">
        <v>0</v>
      </c>
      <c r="JA24" s="123">
        <v>0</v>
      </c>
      <c r="JB24" s="123">
        <v>8725</v>
      </c>
      <c r="JC24" s="123">
        <v>0</v>
      </c>
      <c r="JD24" s="124">
        <v>8725</v>
      </c>
      <c r="JE24" s="125">
        <v>8725</v>
      </c>
      <c r="JF24" s="160">
        <v>0</v>
      </c>
      <c r="JG24" s="123">
        <v>0</v>
      </c>
      <c r="JH24" s="159">
        <v>0</v>
      </c>
      <c r="JI24" s="122">
        <v>0</v>
      </c>
      <c r="JJ24" s="123">
        <v>338683</v>
      </c>
      <c r="JK24" s="123">
        <v>210389</v>
      </c>
      <c r="JL24" s="123">
        <v>209433</v>
      </c>
      <c r="JM24" s="123">
        <v>132169</v>
      </c>
      <c r="JN24" s="123">
        <v>0</v>
      </c>
      <c r="JO24" s="124">
        <v>890674</v>
      </c>
      <c r="JP24" s="354">
        <v>890674</v>
      </c>
      <c r="JQ24" s="160">
        <v>0</v>
      </c>
      <c r="JR24" s="123">
        <v>0</v>
      </c>
      <c r="JS24" s="159">
        <v>0</v>
      </c>
      <c r="JT24" s="122">
        <v>0</v>
      </c>
      <c r="JU24" s="123">
        <v>42825</v>
      </c>
      <c r="JV24" s="123">
        <v>203011</v>
      </c>
      <c r="JW24" s="123">
        <v>29059</v>
      </c>
      <c r="JX24" s="123">
        <v>0</v>
      </c>
      <c r="JY24" s="123">
        <v>0</v>
      </c>
      <c r="JZ24" s="124">
        <v>274895</v>
      </c>
      <c r="KA24" s="354">
        <v>274895</v>
      </c>
      <c r="KB24" s="265">
        <v>0</v>
      </c>
      <c r="KC24" s="259">
        <v>0</v>
      </c>
      <c r="KD24" s="124">
        <v>0</v>
      </c>
      <c r="KE24" s="122">
        <v>0</v>
      </c>
      <c r="KF24" s="123">
        <v>116424</v>
      </c>
      <c r="KG24" s="123">
        <v>160926</v>
      </c>
      <c r="KH24" s="123">
        <v>214253</v>
      </c>
      <c r="KI24" s="123">
        <v>588574</v>
      </c>
      <c r="KJ24" s="123">
        <v>250387</v>
      </c>
      <c r="KK24" s="124">
        <v>1330564</v>
      </c>
      <c r="KL24" s="161">
        <v>1330564</v>
      </c>
      <c r="KM24" s="262">
        <v>0</v>
      </c>
      <c r="KN24" s="269">
        <v>0</v>
      </c>
      <c r="KO24" s="270">
        <v>0</v>
      </c>
      <c r="KP24" s="158">
        <v>0</v>
      </c>
      <c r="KQ24" s="123">
        <v>213978</v>
      </c>
      <c r="KR24" s="123">
        <v>0</v>
      </c>
      <c r="KS24" s="123">
        <v>0</v>
      </c>
      <c r="KT24" s="123">
        <v>233662</v>
      </c>
      <c r="KU24" s="123">
        <v>0</v>
      </c>
      <c r="KV24" s="124">
        <v>447640</v>
      </c>
      <c r="KW24" s="354">
        <v>447640</v>
      </c>
      <c r="KX24" s="160">
        <v>0</v>
      </c>
      <c r="KY24" s="123">
        <v>0</v>
      </c>
      <c r="KZ24" s="124">
        <v>0</v>
      </c>
      <c r="LA24" s="163">
        <v>0</v>
      </c>
      <c r="LB24" s="123">
        <v>0</v>
      </c>
      <c r="LC24" s="123">
        <v>0</v>
      </c>
      <c r="LD24" s="123">
        <v>0</v>
      </c>
      <c r="LE24" s="123">
        <v>0</v>
      </c>
      <c r="LF24" s="123">
        <v>0</v>
      </c>
      <c r="LG24" s="124">
        <v>0</v>
      </c>
      <c r="LH24" s="125">
        <v>0</v>
      </c>
      <c r="LI24" s="160">
        <v>0</v>
      </c>
      <c r="LJ24" s="123">
        <v>0</v>
      </c>
      <c r="LK24" s="124">
        <v>0</v>
      </c>
      <c r="LL24" s="163"/>
      <c r="LM24" s="123">
        <v>0</v>
      </c>
      <c r="LN24" s="123">
        <v>0</v>
      </c>
      <c r="LO24" s="123">
        <v>0</v>
      </c>
      <c r="LP24" s="123">
        <v>0</v>
      </c>
      <c r="LQ24" s="123">
        <v>0</v>
      </c>
      <c r="LR24" s="124">
        <v>0</v>
      </c>
      <c r="LS24" s="354">
        <v>0</v>
      </c>
      <c r="LT24" s="160">
        <v>0</v>
      </c>
      <c r="LU24" s="123">
        <v>0</v>
      </c>
      <c r="LV24" s="124">
        <v>0</v>
      </c>
      <c r="LW24" s="163"/>
      <c r="LX24" s="123">
        <v>0</v>
      </c>
      <c r="LY24" s="123">
        <v>0</v>
      </c>
      <c r="LZ24" s="123">
        <v>0</v>
      </c>
      <c r="MA24" s="123">
        <v>0</v>
      </c>
      <c r="MB24" s="123">
        <v>0</v>
      </c>
      <c r="MC24" s="124">
        <v>0</v>
      </c>
      <c r="MD24" s="125">
        <v>0</v>
      </c>
      <c r="ME24" s="160">
        <v>0</v>
      </c>
      <c r="MF24" s="123">
        <v>0</v>
      </c>
      <c r="MG24" s="124">
        <v>0</v>
      </c>
      <c r="MH24" s="163"/>
      <c r="MI24" s="123">
        <v>210545</v>
      </c>
      <c r="MJ24" s="123">
        <v>640609</v>
      </c>
      <c r="MK24" s="123">
        <v>1610272</v>
      </c>
      <c r="ML24" s="123">
        <v>901425</v>
      </c>
      <c r="MM24" s="123">
        <v>1071275</v>
      </c>
      <c r="MN24" s="124">
        <v>4434126</v>
      </c>
      <c r="MO24" s="161">
        <v>4434126</v>
      </c>
      <c r="MP24" s="160">
        <v>0</v>
      </c>
      <c r="MQ24" s="123">
        <v>0</v>
      </c>
      <c r="MR24" s="124">
        <v>0</v>
      </c>
      <c r="MS24" s="163"/>
      <c r="MT24" s="123">
        <v>0</v>
      </c>
      <c r="MU24" s="123">
        <v>0</v>
      </c>
      <c r="MV24" s="123">
        <v>461509</v>
      </c>
      <c r="MW24" s="123">
        <v>901425</v>
      </c>
      <c r="MX24" s="123">
        <v>748621</v>
      </c>
      <c r="MY24" s="124">
        <v>2111555</v>
      </c>
      <c r="MZ24" s="161">
        <v>2111555</v>
      </c>
      <c r="NA24" s="160">
        <v>0</v>
      </c>
      <c r="NB24" s="123">
        <v>0</v>
      </c>
      <c r="NC24" s="124">
        <v>0</v>
      </c>
      <c r="ND24" s="163"/>
      <c r="NE24" s="123">
        <v>210545</v>
      </c>
      <c r="NF24" s="123">
        <v>640609</v>
      </c>
      <c r="NG24" s="123">
        <v>1148763</v>
      </c>
      <c r="NH24" s="123">
        <v>0</v>
      </c>
      <c r="NI24" s="123">
        <v>322654</v>
      </c>
      <c r="NJ24" s="124">
        <v>2322571</v>
      </c>
      <c r="NK24" s="354">
        <v>2322571</v>
      </c>
      <c r="NL24" s="160">
        <v>0</v>
      </c>
      <c r="NM24" s="123">
        <v>0</v>
      </c>
      <c r="NN24" s="124">
        <v>0</v>
      </c>
      <c r="NO24" s="163"/>
      <c r="NP24" s="123">
        <v>0</v>
      </c>
      <c r="NQ24" s="123">
        <v>0</v>
      </c>
      <c r="NR24" s="123">
        <v>0</v>
      </c>
      <c r="NS24" s="123">
        <v>0</v>
      </c>
      <c r="NT24" s="123">
        <v>0</v>
      </c>
      <c r="NU24" s="124">
        <v>0</v>
      </c>
      <c r="NV24" s="125">
        <v>0</v>
      </c>
      <c r="NW24" s="160">
        <v>0</v>
      </c>
      <c r="NX24" s="123">
        <v>0</v>
      </c>
      <c r="NY24" s="124">
        <v>0</v>
      </c>
      <c r="NZ24" s="163"/>
      <c r="OA24" s="123">
        <v>0</v>
      </c>
      <c r="OB24" s="123">
        <v>0</v>
      </c>
      <c r="OC24" s="123">
        <v>0</v>
      </c>
      <c r="OD24" s="123">
        <v>0</v>
      </c>
      <c r="OE24" s="123">
        <v>0</v>
      </c>
      <c r="OF24" s="124">
        <v>0</v>
      </c>
      <c r="OG24" s="125">
        <v>0</v>
      </c>
      <c r="OH24" s="160">
        <v>116910</v>
      </c>
      <c r="OI24" s="123">
        <v>651436</v>
      </c>
      <c r="OJ24" s="159">
        <v>768346</v>
      </c>
      <c r="OK24" s="122">
        <v>0</v>
      </c>
      <c r="OL24" s="123">
        <v>4212724</v>
      </c>
      <c r="OM24" s="123">
        <v>3589179</v>
      </c>
      <c r="ON24" s="123">
        <v>5636283</v>
      </c>
      <c r="OO24" s="123">
        <v>3660682</v>
      </c>
      <c r="OP24" s="123">
        <v>2927459</v>
      </c>
      <c r="OQ24" s="124">
        <v>20026327</v>
      </c>
      <c r="OR24" s="161">
        <v>20794673</v>
      </c>
    </row>
    <row r="25" spans="1:408" ht="20.25" customHeight="1" x14ac:dyDescent="0.2">
      <c r="A25" s="130" t="s">
        <v>20</v>
      </c>
      <c r="B25" s="113">
        <v>180550</v>
      </c>
      <c r="C25" s="117">
        <v>474275</v>
      </c>
      <c r="D25" s="116">
        <v>654825</v>
      </c>
      <c r="E25" s="113">
        <v>0</v>
      </c>
      <c r="F25" s="117">
        <v>3812325</v>
      </c>
      <c r="G25" s="117">
        <v>3340648</v>
      </c>
      <c r="H25" s="117">
        <v>2976810</v>
      </c>
      <c r="I25" s="117">
        <v>4493234</v>
      </c>
      <c r="J25" s="117">
        <v>1623146</v>
      </c>
      <c r="K25" s="201">
        <v>16246163</v>
      </c>
      <c r="L25" s="119">
        <v>16900988</v>
      </c>
      <c r="M25" s="113">
        <v>71266</v>
      </c>
      <c r="N25" s="117">
        <v>143882</v>
      </c>
      <c r="O25" s="116">
        <v>215148</v>
      </c>
      <c r="P25" s="113">
        <v>0</v>
      </c>
      <c r="Q25" s="117">
        <v>1574726</v>
      </c>
      <c r="R25" s="117">
        <v>868464</v>
      </c>
      <c r="S25" s="117">
        <v>793461</v>
      </c>
      <c r="T25" s="117">
        <v>1036475</v>
      </c>
      <c r="U25" s="117">
        <v>764916</v>
      </c>
      <c r="V25" s="116">
        <v>5038042</v>
      </c>
      <c r="W25" s="119">
        <v>5253190</v>
      </c>
      <c r="X25" s="113">
        <v>0</v>
      </c>
      <c r="Y25" s="117">
        <v>0</v>
      </c>
      <c r="Z25" s="116">
        <v>0</v>
      </c>
      <c r="AA25" s="113">
        <v>0</v>
      </c>
      <c r="AB25" s="117">
        <v>596408</v>
      </c>
      <c r="AC25" s="117">
        <v>292262</v>
      </c>
      <c r="AD25" s="117">
        <v>192971</v>
      </c>
      <c r="AE25" s="117">
        <v>578677</v>
      </c>
      <c r="AF25" s="117">
        <v>398233</v>
      </c>
      <c r="AG25" s="116">
        <v>2058551</v>
      </c>
      <c r="AH25" s="119">
        <v>2058551</v>
      </c>
      <c r="AI25" s="113">
        <v>0</v>
      </c>
      <c r="AJ25" s="117">
        <v>0</v>
      </c>
      <c r="AK25" s="116">
        <v>0</v>
      </c>
      <c r="AL25" s="113">
        <v>0</v>
      </c>
      <c r="AM25" s="117">
        <v>51294</v>
      </c>
      <c r="AN25" s="117">
        <v>0</v>
      </c>
      <c r="AO25" s="117">
        <v>73443</v>
      </c>
      <c r="AP25" s="117">
        <v>0</v>
      </c>
      <c r="AQ25" s="117">
        <v>210856</v>
      </c>
      <c r="AR25" s="116">
        <v>335593</v>
      </c>
      <c r="AS25" s="119">
        <v>335593</v>
      </c>
      <c r="AT25" s="113">
        <v>18989</v>
      </c>
      <c r="AU25" s="117">
        <v>114961</v>
      </c>
      <c r="AV25" s="116">
        <v>133950</v>
      </c>
      <c r="AW25" s="113">
        <v>0</v>
      </c>
      <c r="AX25" s="117">
        <v>598488</v>
      </c>
      <c r="AY25" s="117">
        <v>220832</v>
      </c>
      <c r="AZ25" s="117">
        <v>286276</v>
      </c>
      <c r="BA25" s="117">
        <v>187465</v>
      </c>
      <c r="BB25" s="117">
        <v>52624</v>
      </c>
      <c r="BC25" s="116">
        <v>1345685</v>
      </c>
      <c r="BD25" s="119">
        <v>1479635</v>
      </c>
      <c r="BE25" s="113">
        <v>52277</v>
      </c>
      <c r="BF25" s="117">
        <v>28921</v>
      </c>
      <c r="BG25" s="115">
        <v>81198</v>
      </c>
      <c r="BH25" s="114">
        <v>0</v>
      </c>
      <c r="BI25" s="117">
        <v>59701</v>
      </c>
      <c r="BJ25" s="117">
        <v>178473</v>
      </c>
      <c r="BK25" s="117">
        <v>129142</v>
      </c>
      <c r="BL25" s="117">
        <v>0</v>
      </c>
      <c r="BM25" s="117">
        <v>16207</v>
      </c>
      <c r="BN25" s="116">
        <v>383523</v>
      </c>
      <c r="BO25" s="119">
        <v>464721</v>
      </c>
      <c r="BP25" s="113">
        <v>0</v>
      </c>
      <c r="BQ25" s="117">
        <v>0</v>
      </c>
      <c r="BR25" s="116">
        <v>0</v>
      </c>
      <c r="BS25" s="113">
        <v>0</v>
      </c>
      <c r="BT25" s="117">
        <v>268835</v>
      </c>
      <c r="BU25" s="117">
        <v>176897</v>
      </c>
      <c r="BV25" s="117">
        <v>111629</v>
      </c>
      <c r="BW25" s="117">
        <v>270333</v>
      </c>
      <c r="BX25" s="117">
        <v>86996</v>
      </c>
      <c r="BY25" s="116">
        <v>914690</v>
      </c>
      <c r="BZ25" s="119">
        <v>914690</v>
      </c>
      <c r="CA25" s="113">
        <v>36837</v>
      </c>
      <c r="CB25" s="117">
        <v>71677</v>
      </c>
      <c r="CC25" s="116">
        <v>108514</v>
      </c>
      <c r="CD25" s="113">
        <v>0</v>
      </c>
      <c r="CE25" s="117">
        <v>922236</v>
      </c>
      <c r="CF25" s="117">
        <v>1107412</v>
      </c>
      <c r="CG25" s="117">
        <v>738283</v>
      </c>
      <c r="CH25" s="117">
        <v>342528</v>
      </c>
      <c r="CI25" s="117">
        <v>505322</v>
      </c>
      <c r="CJ25" s="116">
        <v>3615781</v>
      </c>
      <c r="CK25" s="119">
        <v>3724295</v>
      </c>
      <c r="CL25" s="113">
        <v>0</v>
      </c>
      <c r="CM25" s="117">
        <v>0</v>
      </c>
      <c r="CN25" s="116">
        <v>0</v>
      </c>
      <c r="CO25" s="114">
        <v>0</v>
      </c>
      <c r="CP25" s="117">
        <v>402936</v>
      </c>
      <c r="CQ25" s="117">
        <v>358830</v>
      </c>
      <c r="CR25" s="117">
        <v>437422</v>
      </c>
      <c r="CS25" s="117">
        <v>232165</v>
      </c>
      <c r="CT25" s="117">
        <v>377096</v>
      </c>
      <c r="CU25" s="116">
        <v>1808449</v>
      </c>
      <c r="CV25" s="119">
        <v>1808449</v>
      </c>
      <c r="CW25" s="113">
        <v>36837</v>
      </c>
      <c r="CX25" s="117">
        <v>71677</v>
      </c>
      <c r="CY25" s="116">
        <v>108514</v>
      </c>
      <c r="CZ25" s="113">
        <v>0</v>
      </c>
      <c r="DA25" s="117">
        <v>519300</v>
      </c>
      <c r="DB25" s="117">
        <v>748582</v>
      </c>
      <c r="DC25" s="117">
        <v>300861</v>
      </c>
      <c r="DD25" s="117">
        <v>110363</v>
      </c>
      <c r="DE25" s="117">
        <v>128226</v>
      </c>
      <c r="DF25" s="116">
        <v>1807332</v>
      </c>
      <c r="DG25" s="119">
        <v>1915846</v>
      </c>
      <c r="DH25" s="113">
        <v>0</v>
      </c>
      <c r="DI25" s="117">
        <v>39690</v>
      </c>
      <c r="DJ25" s="115">
        <v>39690</v>
      </c>
      <c r="DK25" s="114">
        <v>0</v>
      </c>
      <c r="DL25" s="117">
        <v>33414</v>
      </c>
      <c r="DM25" s="117">
        <v>73130</v>
      </c>
      <c r="DN25" s="117">
        <v>837957</v>
      </c>
      <c r="DO25" s="117">
        <v>356091</v>
      </c>
      <c r="DP25" s="117">
        <v>0</v>
      </c>
      <c r="DQ25" s="116">
        <v>1300592</v>
      </c>
      <c r="DR25" s="119">
        <v>1340282</v>
      </c>
      <c r="DS25" s="113">
        <v>0</v>
      </c>
      <c r="DT25" s="117">
        <v>39690</v>
      </c>
      <c r="DU25" s="116">
        <v>39690</v>
      </c>
      <c r="DV25" s="113">
        <v>0</v>
      </c>
      <c r="DW25" s="117">
        <v>33414</v>
      </c>
      <c r="DX25" s="117">
        <v>0</v>
      </c>
      <c r="DY25" s="117">
        <v>755073</v>
      </c>
      <c r="DZ25" s="117">
        <v>356091</v>
      </c>
      <c r="EA25" s="117">
        <v>0</v>
      </c>
      <c r="EB25" s="116">
        <v>1144578</v>
      </c>
      <c r="EC25" s="119">
        <v>1184268</v>
      </c>
      <c r="ED25" s="113">
        <v>0</v>
      </c>
      <c r="EE25" s="115">
        <v>0</v>
      </c>
      <c r="EF25" s="116">
        <v>0</v>
      </c>
      <c r="EG25" s="113">
        <v>0</v>
      </c>
      <c r="EH25" s="117">
        <v>0</v>
      </c>
      <c r="EI25" s="117">
        <v>73130</v>
      </c>
      <c r="EJ25" s="117">
        <v>82884</v>
      </c>
      <c r="EK25" s="117">
        <v>0</v>
      </c>
      <c r="EL25" s="117">
        <v>0</v>
      </c>
      <c r="EM25" s="115">
        <v>156014</v>
      </c>
      <c r="EN25" s="119">
        <v>156014</v>
      </c>
      <c r="EO25" s="113">
        <v>0</v>
      </c>
      <c r="EP25" s="117">
        <v>0</v>
      </c>
      <c r="EQ25" s="115">
        <v>0</v>
      </c>
      <c r="ER25" s="114">
        <v>0</v>
      </c>
      <c r="ES25" s="117">
        <v>0</v>
      </c>
      <c r="ET25" s="117">
        <v>0</v>
      </c>
      <c r="EU25" s="117">
        <v>0</v>
      </c>
      <c r="EV25" s="117">
        <v>0</v>
      </c>
      <c r="EW25" s="117">
        <v>0</v>
      </c>
      <c r="EX25" s="116">
        <v>0</v>
      </c>
      <c r="EY25" s="119">
        <v>0</v>
      </c>
      <c r="EZ25" s="113">
        <v>0</v>
      </c>
      <c r="FA25" s="117">
        <v>0</v>
      </c>
      <c r="FB25" s="115">
        <v>0</v>
      </c>
      <c r="FC25" s="387"/>
      <c r="FD25" s="117">
        <v>0</v>
      </c>
      <c r="FE25" s="117">
        <v>0</v>
      </c>
      <c r="FF25" s="117">
        <v>0</v>
      </c>
      <c r="FG25" s="117">
        <v>0</v>
      </c>
      <c r="FH25" s="117">
        <v>0</v>
      </c>
      <c r="FI25" s="116">
        <v>0</v>
      </c>
      <c r="FJ25" s="119">
        <v>0</v>
      </c>
      <c r="FK25" s="113">
        <v>23555</v>
      </c>
      <c r="FL25" s="117">
        <v>63784</v>
      </c>
      <c r="FM25" s="116">
        <v>87339</v>
      </c>
      <c r="FN25" s="113">
        <v>0</v>
      </c>
      <c r="FO25" s="117">
        <v>255325</v>
      </c>
      <c r="FP25" s="117">
        <v>351400</v>
      </c>
      <c r="FQ25" s="117">
        <v>267533</v>
      </c>
      <c r="FR25" s="117">
        <v>159691</v>
      </c>
      <c r="FS25" s="117">
        <v>113169</v>
      </c>
      <c r="FT25" s="116">
        <v>1147118</v>
      </c>
      <c r="FU25" s="119">
        <v>1234457</v>
      </c>
      <c r="FV25" s="118">
        <v>23555</v>
      </c>
      <c r="FW25" s="117">
        <v>63784</v>
      </c>
      <c r="FX25" s="115">
        <v>87339</v>
      </c>
      <c r="FY25" s="114">
        <v>0</v>
      </c>
      <c r="FZ25" s="117">
        <v>230475</v>
      </c>
      <c r="GA25" s="117">
        <v>305368</v>
      </c>
      <c r="GB25" s="117">
        <v>267533</v>
      </c>
      <c r="GC25" s="117">
        <v>121191</v>
      </c>
      <c r="GD25" s="117">
        <v>113169</v>
      </c>
      <c r="GE25" s="116">
        <v>1037736</v>
      </c>
      <c r="GF25" s="351">
        <v>1125075</v>
      </c>
      <c r="GG25" s="118">
        <v>0</v>
      </c>
      <c r="GH25" s="117">
        <v>0</v>
      </c>
      <c r="GI25" s="115">
        <v>0</v>
      </c>
      <c r="GJ25" s="114">
        <v>0</v>
      </c>
      <c r="GK25" s="117">
        <v>24850</v>
      </c>
      <c r="GL25" s="117">
        <v>16632</v>
      </c>
      <c r="GM25" s="117">
        <v>0</v>
      </c>
      <c r="GN25" s="117">
        <v>0</v>
      </c>
      <c r="GO25" s="117">
        <v>0</v>
      </c>
      <c r="GP25" s="116">
        <v>41482</v>
      </c>
      <c r="GQ25" s="119">
        <v>41482</v>
      </c>
      <c r="GR25" s="113">
        <v>0</v>
      </c>
      <c r="GS25" s="117">
        <v>0</v>
      </c>
      <c r="GT25" s="116">
        <v>0</v>
      </c>
      <c r="GU25" s="113">
        <v>0</v>
      </c>
      <c r="GV25" s="117">
        <v>0</v>
      </c>
      <c r="GW25" s="117">
        <v>29400</v>
      </c>
      <c r="GX25" s="117">
        <v>0</v>
      </c>
      <c r="GY25" s="117">
        <v>38500</v>
      </c>
      <c r="GZ25" s="117">
        <v>0</v>
      </c>
      <c r="HA25" s="115">
        <v>67900</v>
      </c>
      <c r="HB25" s="119">
        <v>67900</v>
      </c>
      <c r="HC25" s="113">
        <v>48892</v>
      </c>
      <c r="HD25" s="117">
        <v>155242</v>
      </c>
      <c r="HE25" s="115">
        <v>204134</v>
      </c>
      <c r="HF25" s="114">
        <v>0</v>
      </c>
      <c r="HG25" s="117">
        <v>1026624</v>
      </c>
      <c r="HH25" s="117">
        <v>940242</v>
      </c>
      <c r="HI25" s="117">
        <v>339576</v>
      </c>
      <c r="HJ25" s="117">
        <v>2598449</v>
      </c>
      <c r="HK25" s="117">
        <v>239739</v>
      </c>
      <c r="HL25" s="116">
        <v>5144630</v>
      </c>
      <c r="HM25" s="112">
        <v>5348764</v>
      </c>
      <c r="HN25" s="367"/>
      <c r="HO25" s="368"/>
      <c r="HP25" s="369"/>
      <c r="HQ25" s="370"/>
      <c r="HR25" s="368"/>
      <c r="HS25" s="368"/>
      <c r="HT25" s="368"/>
      <c r="HU25" s="368"/>
      <c r="HV25" s="368"/>
      <c r="HW25" s="371"/>
      <c r="HX25" s="372"/>
      <c r="HY25" s="149">
        <v>0</v>
      </c>
      <c r="HZ25" s="150">
        <v>0</v>
      </c>
      <c r="IA25" s="151">
        <v>0</v>
      </c>
      <c r="IB25" s="164">
        <v>0</v>
      </c>
      <c r="IC25" s="150">
        <v>627594</v>
      </c>
      <c r="ID25" s="165">
        <v>538396</v>
      </c>
      <c r="IE25" s="151">
        <v>222793</v>
      </c>
      <c r="IF25" s="150">
        <v>395823</v>
      </c>
      <c r="IG25" s="151">
        <v>0</v>
      </c>
      <c r="IH25" s="166">
        <v>1784606</v>
      </c>
      <c r="II25" s="157">
        <v>1784606</v>
      </c>
      <c r="IJ25" s="262">
        <v>0</v>
      </c>
      <c r="IK25" s="269">
        <v>0</v>
      </c>
      <c r="IL25" s="270">
        <v>0</v>
      </c>
      <c r="IM25" s="158"/>
      <c r="IN25" s="123">
        <v>0</v>
      </c>
      <c r="IO25" s="123">
        <v>0</v>
      </c>
      <c r="IP25" s="123">
        <v>0</v>
      </c>
      <c r="IQ25" s="123">
        <v>0</v>
      </c>
      <c r="IR25" s="123">
        <v>0</v>
      </c>
      <c r="IS25" s="159">
        <v>0</v>
      </c>
      <c r="IT25" s="354">
        <v>0</v>
      </c>
      <c r="IU25" s="160">
        <v>0</v>
      </c>
      <c r="IV25" s="123">
        <v>0</v>
      </c>
      <c r="IW25" s="124">
        <v>0</v>
      </c>
      <c r="IX25" s="162"/>
      <c r="IY25" s="123">
        <v>0</v>
      </c>
      <c r="IZ25" s="123">
        <v>0</v>
      </c>
      <c r="JA25" s="123">
        <v>0</v>
      </c>
      <c r="JB25" s="123">
        <v>0</v>
      </c>
      <c r="JC25" s="123">
        <v>0</v>
      </c>
      <c r="JD25" s="124">
        <v>0</v>
      </c>
      <c r="JE25" s="125">
        <v>0</v>
      </c>
      <c r="JF25" s="160">
        <v>0</v>
      </c>
      <c r="JG25" s="123">
        <v>0</v>
      </c>
      <c r="JH25" s="159">
        <v>0</v>
      </c>
      <c r="JI25" s="122">
        <v>0</v>
      </c>
      <c r="JJ25" s="123">
        <v>208910</v>
      </c>
      <c r="JK25" s="123">
        <v>196516</v>
      </c>
      <c r="JL25" s="123">
        <v>0</v>
      </c>
      <c r="JM25" s="123">
        <v>79076</v>
      </c>
      <c r="JN25" s="123">
        <v>0</v>
      </c>
      <c r="JO25" s="124">
        <v>484502</v>
      </c>
      <c r="JP25" s="354">
        <v>484502</v>
      </c>
      <c r="JQ25" s="160">
        <v>0</v>
      </c>
      <c r="JR25" s="123">
        <v>0</v>
      </c>
      <c r="JS25" s="159">
        <v>0</v>
      </c>
      <c r="JT25" s="122">
        <v>0</v>
      </c>
      <c r="JU25" s="123">
        <v>0</v>
      </c>
      <c r="JV25" s="123">
        <v>0</v>
      </c>
      <c r="JW25" s="123">
        <v>0</v>
      </c>
      <c r="JX25" s="123">
        <v>84215</v>
      </c>
      <c r="JY25" s="123">
        <v>0</v>
      </c>
      <c r="JZ25" s="124">
        <v>84215</v>
      </c>
      <c r="KA25" s="354">
        <v>84215</v>
      </c>
      <c r="KB25" s="265">
        <v>0</v>
      </c>
      <c r="KC25" s="259">
        <v>0</v>
      </c>
      <c r="KD25" s="124">
        <v>0</v>
      </c>
      <c r="KE25" s="122">
        <v>0</v>
      </c>
      <c r="KF25" s="123">
        <v>0</v>
      </c>
      <c r="KG25" s="123">
        <v>121286</v>
      </c>
      <c r="KH25" s="123">
        <v>0</v>
      </c>
      <c r="KI25" s="123">
        <v>0</v>
      </c>
      <c r="KJ25" s="123">
        <v>0</v>
      </c>
      <c r="KK25" s="124">
        <v>121286</v>
      </c>
      <c r="KL25" s="161">
        <v>121286</v>
      </c>
      <c r="KM25" s="262">
        <v>0</v>
      </c>
      <c r="KN25" s="269">
        <v>0</v>
      </c>
      <c r="KO25" s="270">
        <v>0</v>
      </c>
      <c r="KP25" s="158">
        <v>0</v>
      </c>
      <c r="KQ25" s="123">
        <v>418684</v>
      </c>
      <c r="KR25" s="123">
        <v>220594</v>
      </c>
      <c r="KS25" s="123">
        <v>222793</v>
      </c>
      <c r="KT25" s="123">
        <v>232532</v>
      </c>
      <c r="KU25" s="123">
        <v>0</v>
      </c>
      <c r="KV25" s="124">
        <v>1094603</v>
      </c>
      <c r="KW25" s="354">
        <v>1094603</v>
      </c>
      <c r="KX25" s="160">
        <v>0</v>
      </c>
      <c r="KY25" s="123">
        <v>0</v>
      </c>
      <c r="KZ25" s="124">
        <v>0</v>
      </c>
      <c r="LA25" s="163">
        <v>0</v>
      </c>
      <c r="LB25" s="123">
        <v>0</v>
      </c>
      <c r="LC25" s="123">
        <v>0</v>
      </c>
      <c r="LD25" s="123">
        <v>0</v>
      </c>
      <c r="LE25" s="123">
        <v>0</v>
      </c>
      <c r="LF25" s="123">
        <v>0</v>
      </c>
      <c r="LG25" s="124">
        <v>0</v>
      </c>
      <c r="LH25" s="125">
        <v>0</v>
      </c>
      <c r="LI25" s="160">
        <v>0</v>
      </c>
      <c r="LJ25" s="123">
        <v>0</v>
      </c>
      <c r="LK25" s="124">
        <v>0</v>
      </c>
      <c r="LL25" s="163"/>
      <c r="LM25" s="123">
        <v>0</v>
      </c>
      <c r="LN25" s="123">
        <v>0</v>
      </c>
      <c r="LO25" s="123">
        <v>0</v>
      </c>
      <c r="LP25" s="123">
        <v>0</v>
      </c>
      <c r="LQ25" s="123">
        <v>0</v>
      </c>
      <c r="LR25" s="124">
        <v>0</v>
      </c>
      <c r="LS25" s="354">
        <v>0</v>
      </c>
      <c r="LT25" s="160">
        <v>0</v>
      </c>
      <c r="LU25" s="123">
        <v>0</v>
      </c>
      <c r="LV25" s="124">
        <v>0</v>
      </c>
      <c r="LW25" s="163"/>
      <c r="LX25" s="123">
        <v>0</v>
      </c>
      <c r="LY25" s="123">
        <v>0</v>
      </c>
      <c r="LZ25" s="123">
        <v>0</v>
      </c>
      <c r="MA25" s="123">
        <v>0</v>
      </c>
      <c r="MB25" s="123">
        <v>0</v>
      </c>
      <c r="MC25" s="124">
        <v>0</v>
      </c>
      <c r="MD25" s="125">
        <v>0</v>
      </c>
      <c r="ME25" s="160">
        <v>0</v>
      </c>
      <c r="MF25" s="123">
        <v>0</v>
      </c>
      <c r="MG25" s="124">
        <v>0</v>
      </c>
      <c r="MH25" s="163"/>
      <c r="MI25" s="123">
        <v>248789</v>
      </c>
      <c r="MJ25" s="123">
        <v>432003</v>
      </c>
      <c r="MK25" s="123">
        <v>1854616</v>
      </c>
      <c r="ML25" s="123">
        <v>1880728</v>
      </c>
      <c r="MM25" s="123">
        <v>504152</v>
      </c>
      <c r="MN25" s="124">
        <v>4920288</v>
      </c>
      <c r="MO25" s="161">
        <v>4920288</v>
      </c>
      <c r="MP25" s="160">
        <v>0</v>
      </c>
      <c r="MQ25" s="123">
        <v>0</v>
      </c>
      <c r="MR25" s="124">
        <v>0</v>
      </c>
      <c r="MS25" s="163"/>
      <c r="MT25" s="123">
        <v>0</v>
      </c>
      <c r="MU25" s="123">
        <v>209933</v>
      </c>
      <c r="MV25" s="123">
        <v>822783</v>
      </c>
      <c r="MW25" s="123">
        <v>1636030</v>
      </c>
      <c r="MX25" s="123">
        <v>504152</v>
      </c>
      <c r="MY25" s="124">
        <v>3172898</v>
      </c>
      <c r="MZ25" s="161">
        <v>3172898</v>
      </c>
      <c r="NA25" s="160">
        <v>0</v>
      </c>
      <c r="NB25" s="123">
        <v>0</v>
      </c>
      <c r="NC25" s="124">
        <v>0</v>
      </c>
      <c r="ND25" s="163"/>
      <c r="NE25" s="123">
        <v>248789</v>
      </c>
      <c r="NF25" s="123">
        <v>222070</v>
      </c>
      <c r="NG25" s="123">
        <v>1031833</v>
      </c>
      <c r="NH25" s="123">
        <v>244698</v>
      </c>
      <c r="NI25" s="123">
        <v>0</v>
      </c>
      <c r="NJ25" s="124">
        <v>1747390</v>
      </c>
      <c r="NK25" s="354">
        <v>1747390</v>
      </c>
      <c r="NL25" s="160">
        <v>0</v>
      </c>
      <c r="NM25" s="123">
        <v>0</v>
      </c>
      <c r="NN25" s="124">
        <v>0</v>
      </c>
      <c r="NO25" s="163"/>
      <c r="NP25" s="123">
        <v>0</v>
      </c>
      <c r="NQ25" s="123">
        <v>0</v>
      </c>
      <c r="NR25" s="123">
        <v>0</v>
      </c>
      <c r="NS25" s="123">
        <v>0</v>
      </c>
      <c r="NT25" s="123">
        <v>0</v>
      </c>
      <c r="NU25" s="124">
        <v>0</v>
      </c>
      <c r="NV25" s="125">
        <v>0</v>
      </c>
      <c r="NW25" s="160">
        <v>0</v>
      </c>
      <c r="NX25" s="123">
        <v>0</v>
      </c>
      <c r="NY25" s="124">
        <v>0</v>
      </c>
      <c r="NZ25" s="163"/>
      <c r="OA25" s="123">
        <v>0</v>
      </c>
      <c r="OB25" s="123">
        <v>0</v>
      </c>
      <c r="OC25" s="123">
        <v>0</v>
      </c>
      <c r="OD25" s="123">
        <v>0</v>
      </c>
      <c r="OE25" s="123">
        <v>0</v>
      </c>
      <c r="OF25" s="124">
        <v>0</v>
      </c>
      <c r="OG25" s="125">
        <v>0</v>
      </c>
      <c r="OH25" s="160">
        <v>180550</v>
      </c>
      <c r="OI25" s="123">
        <v>474275</v>
      </c>
      <c r="OJ25" s="159">
        <v>654825</v>
      </c>
      <c r="OK25" s="122">
        <v>0</v>
      </c>
      <c r="OL25" s="123">
        <v>4688708</v>
      </c>
      <c r="OM25" s="123">
        <v>4311047</v>
      </c>
      <c r="ON25" s="123">
        <v>5054219</v>
      </c>
      <c r="OO25" s="123">
        <v>6769785</v>
      </c>
      <c r="OP25" s="123">
        <v>2127298</v>
      </c>
      <c r="OQ25" s="124">
        <v>22951057</v>
      </c>
      <c r="OR25" s="161">
        <v>23605882</v>
      </c>
    </row>
    <row r="26" spans="1:408" ht="20.25" customHeight="1" x14ac:dyDescent="0.2">
      <c r="A26" s="130" t="s">
        <v>21</v>
      </c>
      <c r="B26" s="113">
        <v>339319</v>
      </c>
      <c r="C26" s="117">
        <v>290224</v>
      </c>
      <c r="D26" s="116">
        <v>629543</v>
      </c>
      <c r="E26" s="112">
        <v>0</v>
      </c>
      <c r="F26" s="117">
        <v>1946678</v>
      </c>
      <c r="G26" s="117">
        <v>2997503</v>
      </c>
      <c r="H26" s="117">
        <v>2413329</v>
      </c>
      <c r="I26" s="117">
        <v>2045968</v>
      </c>
      <c r="J26" s="117">
        <v>1362476</v>
      </c>
      <c r="K26" s="201">
        <v>10765954</v>
      </c>
      <c r="L26" s="119">
        <v>11395497</v>
      </c>
      <c r="M26" s="113">
        <v>100050</v>
      </c>
      <c r="N26" s="117">
        <v>74411</v>
      </c>
      <c r="O26" s="116">
        <v>174461</v>
      </c>
      <c r="P26" s="113">
        <v>0</v>
      </c>
      <c r="Q26" s="117">
        <v>734421</v>
      </c>
      <c r="R26" s="117">
        <v>771388</v>
      </c>
      <c r="S26" s="117">
        <v>1016602</v>
      </c>
      <c r="T26" s="117">
        <v>641748</v>
      </c>
      <c r="U26" s="117">
        <v>409276</v>
      </c>
      <c r="V26" s="116">
        <v>3573435</v>
      </c>
      <c r="W26" s="119">
        <v>3747896</v>
      </c>
      <c r="X26" s="113">
        <v>0</v>
      </c>
      <c r="Y26" s="117">
        <v>0</v>
      </c>
      <c r="Z26" s="116">
        <v>0</v>
      </c>
      <c r="AA26" s="113">
        <v>0</v>
      </c>
      <c r="AB26" s="117">
        <v>249282</v>
      </c>
      <c r="AC26" s="117">
        <v>254109</v>
      </c>
      <c r="AD26" s="117">
        <v>422221</v>
      </c>
      <c r="AE26" s="117">
        <v>178718</v>
      </c>
      <c r="AF26" s="117">
        <v>19159</v>
      </c>
      <c r="AG26" s="116">
        <v>1123489</v>
      </c>
      <c r="AH26" s="119">
        <v>1123489</v>
      </c>
      <c r="AI26" s="113">
        <v>0</v>
      </c>
      <c r="AJ26" s="117">
        <v>0</v>
      </c>
      <c r="AK26" s="116">
        <v>0</v>
      </c>
      <c r="AL26" s="113">
        <v>0</v>
      </c>
      <c r="AM26" s="117">
        <v>0</v>
      </c>
      <c r="AN26" s="117">
        <v>0</v>
      </c>
      <c r="AO26" s="117">
        <v>91137</v>
      </c>
      <c r="AP26" s="117">
        <v>92330</v>
      </c>
      <c r="AQ26" s="117">
        <v>100389</v>
      </c>
      <c r="AR26" s="116">
        <v>283856</v>
      </c>
      <c r="AS26" s="119">
        <v>283856</v>
      </c>
      <c r="AT26" s="113">
        <v>33465</v>
      </c>
      <c r="AU26" s="117">
        <v>50961</v>
      </c>
      <c r="AV26" s="116">
        <v>84426</v>
      </c>
      <c r="AW26" s="113">
        <v>0</v>
      </c>
      <c r="AX26" s="117">
        <v>399753</v>
      </c>
      <c r="AY26" s="117">
        <v>346656</v>
      </c>
      <c r="AZ26" s="117">
        <v>374073</v>
      </c>
      <c r="BA26" s="117">
        <v>287162</v>
      </c>
      <c r="BB26" s="117">
        <v>159691</v>
      </c>
      <c r="BC26" s="116">
        <v>1567335</v>
      </c>
      <c r="BD26" s="119">
        <v>1651761</v>
      </c>
      <c r="BE26" s="113">
        <v>13868</v>
      </c>
      <c r="BF26" s="117">
        <v>0</v>
      </c>
      <c r="BG26" s="115">
        <v>13868</v>
      </c>
      <c r="BH26" s="114">
        <v>0</v>
      </c>
      <c r="BI26" s="117">
        <v>0</v>
      </c>
      <c r="BJ26" s="117">
        <v>53975</v>
      </c>
      <c r="BK26" s="117">
        <v>0</v>
      </c>
      <c r="BL26" s="117">
        <v>0</v>
      </c>
      <c r="BM26" s="117">
        <v>28026</v>
      </c>
      <c r="BN26" s="116">
        <v>82001</v>
      </c>
      <c r="BO26" s="119">
        <v>95869</v>
      </c>
      <c r="BP26" s="113">
        <v>52717</v>
      </c>
      <c r="BQ26" s="117">
        <v>23450</v>
      </c>
      <c r="BR26" s="116">
        <v>76167</v>
      </c>
      <c r="BS26" s="113">
        <v>0</v>
      </c>
      <c r="BT26" s="117">
        <v>85386</v>
      </c>
      <c r="BU26" s="117">
        <v>116648</v>
      </c>
      <c r="BV26" s="117">
        <v>129171</v>
      </c>
      <c r="BW26" s="117">
        <v>83538</v>
      </c>
      <c r="BX26" s="117">
        <v>102011</v>
      </c>
      <c r="BY26" s="116">
        <v>516754</v>
      </c>
      <c r="BZ26" s="119">
        <v>592921</v>
      </c>
      <c r="CA26" s="113">
        <v>35853</v>
      </c>
      <c r="CB26" s="117">
        <v>33195</v>
      </c>
      <c r="CC26" s="116">
        <v>69048</v>
      </c>
      <c r="CD26" s="113">
        <v>0</v>
      </c>
      <c r="CE26" s="117">
        <v>831401</v>
      </c>
      <c r="CF26" s="117">
        <v>1018487</v>
      </c>
      <c r="CG26" s="117">
        <v>368566</v>
      </c>
      <c r="CH26" s="117">
        <v>529308</v>
      </c>
      <c r="CI26" s="117">
        <v>131912</v>
      </c>
      <c r="CJ26" s="116">
        <v>2879674</v>
      </c>
      <c r="CK26" s="119">
        <v>2948722</v>
      </c>
      <c r="CL26" s="113">
        <v>0</v>
      </c>
      <c r="CM26" s="117">
        <v>0</v>
      </c>
      <c r="CN26" s="116">
        <v>0</v>
      </c>
      <c r="CO26" s="114">
        <v>0</v>
      </c>
      <c r="CP26" s="117">
        <v>831401</v>
      </c>
      <c r="CQ26" s="117">
        <v>933199</v>
      </c>
      <c r="CR26" s="117">
        <v>280658</v>
      </c>
      <c r="CS26" s="117">
        <v>458331</v>
      </c>
      <c r="CT26" s="117">
        <v>0</v>
      </c>
      <c r="CU26" s="116">
        <v>2503589</v>
      </c>
      <c r="CV26" s="119">
        <v>2503589</v>
      </c>
      <c r="CW26" s="113">
        <v>35853</v>
      </c>
      <c r="CX26" s="117">
        <v>33195</v>
      </c>
      <c r="CY26" s="116">
        <v>69048</v>
      </c>
      <c r="CZ26" s="113">
        <v>0</v>
      </c>
      <c r="DA26" s="117">
        <v>0</v>
      </c>
      <c r="DB26" s="117">
        <v>85288</v>
      </c>
      <c r="DC26" s="117">
        <v>87908</v>
      </c>
      <c r="DD26" s="117">
        <v>70977</v>
      </c>
      <c r="DE26" s="117">
        <v>131912</v>
      </c>
      <c r="DF26" s="116">
        <v>376085</v>
      </c>
      <c r="DG26" s="119">
        <v>445133</v>
      </c>
      <c r="DH26" s="113">
        <v>23772</v>
      </c>
      <c r="DI26" s="117">
        <v>14510</v>
      </c>
      <c r="DJ26" s="115">
        <v>38282</v>
      </c>
      <c r="DK26" s="114">
        <v>0</v>
      </c>
      <c r="DL26" s="117">
        <v>21017</v>
      </c>
      <c r="DM26" s="117">
        <v>125766</v>
      </c>
      <c r="DN26" s="117">
        <v>212696</v>
      </c>
      <c r="DO26" s="117">
        <v>183980</v>
      </c>
      <c r="DP26" s="117">
        <v>138042</v>
      </c>
      <c r="DQ26" s="116">
        <v>681501</v>
      </c>
      <c r="DR26" s="119">
        <v>719783</v>
      </c>
      <c r="DS26" s="113">
        <v>23772</v>
      </c>
      <c r="DT26" s="117">
        <v>14510</v>
      </c>
      <c r="DU26" s="116">
        <v>38282</v>
      </c>
      <c r="DV26" s="113">
        <v>0</v>
      </c>
      <c r="DW26" s="117">
        <v>21017</v>
      </c>
      <c r="DX26" s="117">
        <v>43615</v>
      </c>
      <c r="DY26" s="117">
        <v>212696</v>
      </c>
      <c r="DZ26" s="117">
        <v>183980</v>
      </c>
      <c r="EA26" s="117">
        <v>0</v>
      </c>
      <c r="EB26" s="116">
        <v>461308</v>
      </c>
      <c r="EC26" s="119">
        <v>499590</v>
      </c>
      <c r="ED26" s="113">
        <v>0</v>
      </c>
      <c r="EE26" s="115">
        <v>0</v>
      </c>
      <c r="EF26" s="116">
        <v>0</v>
      </c>
      <c r="EG26" s="113">
        <v>0</v>
      </c>
      <c r="EH26" s="117">
        <v>0</v>
      </c>
      <c r="EI26" s="117">
        <v>82151</v>
      </c>
      <c r="EJ26" s="117">
        <v>0</v>
      </c>
      <c r="EK26" s="117">
        <v>0</v>
      </c>
      <c r="EL26" s="117">
        <v>138042</v>
      </c>
      <c r="EM26" s="115">
        <v>220193</v>
      </c>
      <c r="EN26" s="119">
        <v>220193</v>
      </c>
      <c r="EO26" s="113">
        <v>0</v>
      </c>
      <c r="EP26" s="117">
        <v>0</v>
      </c>
      <c r="EQ26" s="115">
        <v>0</v>
      </c>
      <c r="ER26" s="114">
        <v>0</v>
      </c>
      <c r="ES26" s="117">
        <v>0</v>
      </c>
      <c r="ET26" s="117">
        <v>0</v>
      </c>
      <c r="EU26" s="117">
        <v>0</v>
      </c>
      <c r="EV26" s="117">
        <v>0</v>
      </c>
      <c r="EW26" s="117">
        <v>0</v>
      </c>
      <c r="EX26" s="116">
        <v>0</v>
      </c>
      <c r="EY26" s="119">
        <v>0</v>
      </c>
      <c r="EZ26" s="113">
        <v>0</v>
      </c>
      <c r="FA26" s="117">
        <v>0</v>
      </c>
      <c r="FB26" s="115">
        <v>0</v>
      </c>
      <c r="FC26" s="387"/>
      <c r="FD26" s="117">
        <v>0</v>
      </c>
      <c r="FE26" s="117">
        <v>0</v>
      </c>
      <c r="FF26" s="117">
        <v>0</v>
      </c>
      <c r="FG26" s="117">
        <v>0</v>
      </c>
      <c r="FH26" s="117">
        <v>0</v>
      </c>
      <c r="FI26" s="116">
        <v>0</v>
      </c>
      <c r="FJ26" s="119">
        <v>0</v>
      </c>
      <c r="FK26" s="113">
        <v>31654</v>
      </c>
      <c r="FL26" s="117">
        <v>25648</v>
      </c>
      <c r="FM26" s="116">
        <v>57302</v>
      </c>
      <c r="FN26" s="113">
        <v>0</v>
      </c>
      <c r="FO26" s="117">
        <v>89481</v>
      </c>
      <c r="FP26" s="117">
        <v>265118</v>
      </c>
      <c r="FQ26" s="117">
        <v>224133</v>
      </c>
      <c r="FR26" s="117">
        <v>111916</v>
      </c>
      <c r="FS26" s="117">
        <v>96530</v>
      </c>
      <c r="FT26" s="116">
        <v>787178</v>
      </c>
      <c r="FU26" s="119">
        <v>844480</v>
      </c>
      <c r="FV26" s="118">
        <v>31654</v>
      </c>
      <c r="FW26" s="117">
        <v>25648</v>
      </c>
      <c r="FX26" s="115">
        <v>57302</v>
      </c>
      <c r="FY26" s="114">
        <v>0</v>
      </c>
      <c r="FZ26" s="117">
        <v>79520</v>
      </c>
      <c r="GA26" s="117">
        <v>265118</v>
      </c>
      <c r="GB26" s="117">
        <v>194733</v>
      </c>
      <c r="GC26" s="117">
        <v>111916</v>
      </c>
      <c r="GD26" s="117">
        <v>96530</v>
      </c>
      <c r="GE26" s="116">
        <v>747817</v>
      </c>
      <c r="GF26" s="351">
        <v>805119</v>
      </c>
      <c r="GG26" s="118">
        <v>0</v>
      </c>
      <c r="GH26" s="117">
        <v>0</v>
      </c>
      <c r="GI26" s="115">
        <v>0</v>
      </c>
      <c r="GJ26" s="114">
        <v>0</v>
      </c>
      <c r="GK26" s="117">
        <v>0</v>
      </c>
      <c r="GL26" s="117">
        <v>0</v>
      </c>
      <c r="GM26" s="117">
        <v>0</v>
      </c>
      <c r="GN26" s="117">
        <v>0</v>
      </c>
      <c r="GO26" s="117">
        <v>0</v>
      </c>
      <c r="GP26" s="116">
        <v>0</v>
      </c>
      <c r="GQ26" s="119">
        <v>0</v>
      </c>
      <c r="GR26" s="113">
        <v>0</v>
      </c>
      <c r="GS26" s="117">
        <v>0</v>
      </c>
      <c r="GT26" s="116">
        <v>0</v>
      </c>
      <c r="GU26" s="113">
        <v>0</v>
      </c>
      <c r="GV26" s="117">
        <v>9961</v>
      </c>
      <c r="GW26" s="117">
        <v>0</v>
      </c>
      <c r="GX26" s="117">
        <v>29400</v>
      </c>
      <c r="GY26" s="117">
        <v>0</v>
      </c>
      <c r="GZ26" s="117">
        <v>0</v>
      </c>
      <c r="HA26" s="115">
        <v>39361</v>
      </c>
      <c r="HB26" s="119">
        <v>39361</v>
      </c>
      <c r="HC26" s="113">
        <v>147990</v>
      </c>
      <c r="HD26" s="117">
        <v>142460</v>
      </c>
      <c r="HE26" s="115">
        <v>290450</v>
      </c>
      <c r="HF26" s="114">
        <v>0</v>
      </c>
      <c r="HG26" s="117">
        <v>270358</v>
      </c>
      <c r="HH26" s="117">
        <v>816744</v>
      </c>
      <c r="HI26" s="117">
        <v>591332</v>
      </c>
      <c r="HJ26" s="117">
        <v>579016</v>
      </c>
      <c r="HK26" s="117">
        <v>586716</v>
      </c>
      <c r="HL26" s="116">
        <v>2844166</v>
      </c>
      <c r="HM26" s="112">
        <v>3134616</v>
      </c>
      <c r="HN26" s="367"/>
      <c r="HO26" s="368"/>
      <c r="HP26" s="369"/>
      <c r="HQ26" s="370"/>
      <c r="HR26" s="368"/>
      <c r="HS26" s="368"/>
      <c r="HT26" s="368"/>
      <c r="HU26" s="368"/>
      <c r="HV26" s="368"/>
      <c r="HW26" s="371"/>
      <c r="HX26" s="372"/>
      <c r="HY26" s="168">
        <v>0</v>
      </c>
      <c r="HZ26" s="153">
        <v>0</v>
      </c>
      <c r="IA26" s="168">
        <v>0</v>
      </c>
      <c r="IB26" s="152">
        <v>0</v>
      </c>
      <c r="IC26" s="153">
        <v>683637</v>
      </c>
      <c r="ID26" s="154">
        <v>318210</v>
      </c>
      <c r="IE26" s="155">
        <v>961660</v>
      </c>
      <c r="IF26" s="153">
        <v>263909</v>
      </c>
      <c r="IG26" s="155">
        <v>0</v>
      </c>
      <c r="IH26" s="156">
        <v>2227416</v>
      </c>
      <c r="II26" s="168">
        <v>2227416</v>
      </c>
      <c r="IJ26" s="262">
        <v>0</v>
      </c>
      <c r="IK26" s="269">
        <v>0</v>
      </c>
      <c r="IL26" s="270">
        <v>0</v>
      </c>
      <c r="IM26" s="158"/>
      <c r="IN26" s="123">
        <v>0</v>
      </c>
      <c r="IO26" s="123">
        <v>0</v>
      </c>
      <c r="IP26" s="123">
        <v>0</v>
      </c>
      <c r="IQ26" s="123">
        <v>0</v>
      </c>
      <c r="IR26" s="123">
        <v>0</v>
      </c>
      <c r="IS26" s="159">
        <v>0</v>
      </c>
      <c r="IT26" s="354">
        <v>0</v>
      </c>
      <c r="IU26" s="160">
        <v>0</v>
      </c>
      <c r="IV26" s="123">
        <v>0</v>
      </c>
      <c r="IW26" s="124">
        <v>0</v>
      </c>
      <c r="IX26" s="162"/>
      <c r="IY26" s="123">
        <v>0</v>
      </c>
      <c r="IZ26" s="123">
        <v>0</v>
      </c>
      <c r="JA26" s="123">
        <v>0</v>
      </c>
      <c r="JB26" s="123">
        <v>0</v>
      </c>
      <c r="JC26" s="123">
        <v>0</v>
      </c>
      <c r="JD26" s="124">
        <v>0</v>
      </c>
      <c r="JE26" s="125">
        <v>0</v>
      </c>
      <c r="JF26" s="160">
        <v>0</v>
      </c>
      <c r="JG26" s="123">
        <v>0</v>
      </c>
      <c r="JH26" s="159">
        <v>0</v>
      </c>
      <c r="JI26" s="122">
        <v>0</v>
      </c>
      <c r="JJ26" s="123">
        <v>480229</v>
      </c>
      <c r="JK26" s="123">
        <v>103677</v>
      </c>
      <c r="JL26" s="123">
        <v>156188</v>
      </c>
      <c r="JM26" s="123">
        <v>38732</v>
      </c>
      <c r="JN26" s="123">
        <v>0</v>
      </c>
      <c r="JO26" s="124">
        <v>778826</v>
      </c>
      <c r="JP26" s="354">
        <v>778826</v>
      </c>
      <c r="JQ26" s="160">
        <v>0</v>
      </c>
      <c r="JR26" s="123">
        <v>0</v>
      </c>
      <c r="JS26" s="159">
        <v>0</v>
      </c>
      <c r="JT26" s="122">
        <v>0</v>
      </c>
      <c r="JU26" s="123">
        <v>0</v>
      </c>
      <c r="JV26" s="123">
        <v>0</v>
      </c>
      <c r="JW26" s="123">
        <v>0</v>
      </c>
      <c r="JX26" s="123">
        <v>0</v>
      </c>
      <c r="JY26" s="123">
        <v>0</v>
      </c>
      <c r="JZ26" s="124">
        <v>0</v>
      </c>
      <c r="KA26" s="354">
        <v>0</v>
      </c>
      <c r="KB26" s="265">
        <v>0</v>
      </c>
      <c r="KC26" s="259">
        <v>0</v>
      </c>
      <c r="KD26" s="124">
        <v>0</v>
      </c>
      <c r="KE26" s="122">
        <v>0</v>
      </c>
      <c r="KF26" s="123">
        <v>0</v>
      </c>
      <c r="KG26" s="123">
        <v>0</v>
      </c>
      <c r="KH26" s="123">
        <v>805472</v>
      </c>
      <c r="KI26" s="123">
        <v>0</v>
      </c>
      <c r="KJ26" s="123">
        <v>0</v>
      </c>
      <c r="KK26" s="124">
        <v>805472</v>
      </c>
      <c r="KL26" s="161">
        <v>805472</v>
      </c>
      <c r="KM26" s="262">
        <v>0</v>
      </c>
      <c r="KN26" s="269">
        <v>0</v>
      </c>
      <c r="KO26" s="270">
        <v>0</v>
      </c>
      <c r="KP26" s="158">
        <v>0</v>
      </c>
      <c r="KQ26" s="123">
        <v>203408</v>
      </c>
      <c r="KR26" s="123">
        <v>214533</v>
      </c>
      <c r="KS26" s="123">
        <v>0</v>
      </c>
      <c r="KT26" s="123">
        <v>225177</v>
      </c>
      <c r="KU26" s="123">
        <v>0</v>
      </c>
      <c r="KV26" s="124">
        <v>643118</v>
      </c>
      <c r="KW26" s="354">
        <v>643118</v>
      </c>
      <c r="KX26" s="160">
        <v>0</v>
      </c>
      <c r="KY26" s="123">
        <v>0</v>
      </c>
      <c r="KZ26" s="124">
        <v>0</v>
      </c>
      <c r="LA26" s="163">
        <v>0</v>
      </c>
      <c r="LB26" s="123">
        <v>0</v>
      </c>
      <c r="LC26" s="123">
        <v>0</v>
      </c>
      <c r="LD26" s="123">
        <v>0</v>
      </c>
      <c r="LE26" s="123">
        <v>0</v>
      </c>
      <c r="LF26" s="123">
        <v>0</v>
      </c>
      <c r="LG26" s="124">
        <v>0</v>
      </c>
      <c r="LH26" s="125">
        <v>0</v>
      </c>
      <c r="LI26" s="160">
        <v>0</v>
      </c>
      <c r="LJ26" s="123">
        <v>0</v>
      </c>
      <c r="LK26" s="124">
        <v>0</v>
      </c>
      <c r="LL26" s="163"/>
      <c r="LM26" s="123">
        <v>0</v>
      </c>
      <c r="LN26" s="123">
        <v>0</v>
      </c>
      <c r="LO26" s="123">
        <v>0</v>
      </c>
      <c r="LP26" s="123">
        <v>0</v>
      </c>
      <c r="LQ26" s="123">
        <v>0</v>
      </c>
      <c r="LR26" s="124">
        <v>0</v>
      </c>
      <c r="LS26" s="354">
        <v>0</v>
      </c>
      <c r="LT26" s="160">
        <v>0</v>
      </c>
      <c r="LU26" s="123">
        <v>0</v>
      </c>
      <c r="LV26" s="124">
        <v>0</v>
      </c>
      <c r="LW26" s="163"/>
      <c r="LX26" s="123">
        <v>0</v>
      </c>
      <c r="LY26" s="123">
        <v>0</v>
      </c>
      <c r="LZ26" s="123">
        <v>0</v>
      </c>
      <c r="MA26" s="123">
        <v>0</v>
      </c>
      <c r="MB26" s="123">
        <v>0</v>
      </c>
      <c r="MC26" s="124">
        <v>0</v>
      </c>
      <c r="MD26" s="125">
        <v>0</v>
      </c>
      <c r="ME26" s="160">
        <v>0</v>
      </c>
      <c r="MF26" s="123">
        <v>0</v>
      </c>
      <c r="MG26" s="124">
        <v>0</v>
      </c>
      <c r="MH26" s="163"/>
      <c r="MI26" s="123">
        <v>0</v>
      </c>
      <c r="MJ26" s="123">
        <v>503532</v>
      </c>
      <c r="MK26" s="123">
        <v>872601</v>
      </c>
      <c r="ML26" s="123">
        <v>2138325</v>
      </c>
      <c r="MM26" s="123">
        <v>1004510</v>
      </c>
      <c r="MN26" s="124">
        <v>4518968</v>
      </c>
      <c r="MO26" s="161">
        <v>4518968</v>
      </c>
      <c r="MP26" s="160">
        <v>0</v>
      </c>
      <c r="MQ26" s="123">
        <v>0</v>
      </c>
      <c r="MR26" s="124">
        <v>0</v>
      </c>
      <c r="MS26" s="163"/>
      <c r="MT26" s="123">
        <v>0</v>
      </c>
      <c r="MU26" s="123">
        <v>0</v>
      </c>
      <c r="MV26" s="123">
        <v>446431</v>
      </c>
      <c r="MW26" s="123">
        <v>1158452</v>
      </c>
      <c r="MX26" s="123">
        <v>483315</v>
      </c>
      <c r="MY26" s="124">
        <v>2088198</v>
      </c>
      <c r="MZ26" s="161">
        <v>2088198</v>
      </c>
      <c r="NA26" s="160">
        <v>0</v>
      </c>
      <c r="NB26" s="123">
        <v>0</v>
      </c>
      <c r="NC26" s="124">
        <v>0</v>
      </c>
      <c r="ND26" s="163"/>
      <c r="NE26" s="123">
        <v>0</v>
      </c>
      <c r="NF26" s="123">
        <v>503532</v>
      </c>
      <c r="NG26" s="123">
        <v>426170</v>
      </c>
      <c r="NH26" s="123">
        <v>979873</v>
      </c>
      <c r="NI26" s="123">
        <v>521195</v>
      </c>
      <c r="NJ26" s="124">
        <v>2430770</v>
      </c>
      <c r="NK26" s="354">
        <v>2430770</v>
      </c>
      <c r="NL26" s="160">
        <v>0</v>
      </c>
      <c r="NM26" s="123">
        <v>0</v>
      </c>
      <c r="NN26" s="124">
        <v>0</v>
      </c>
      <c r="NO26" s="163"/>
      <c r="NP26" s="123">
        <v>0</v>
      </c>
      <c r="NQ26" s="123">
        <v>0</v>
      </c>
      <c r="NR26" s="123">
        <v>0</v>
      </c>
      <c r="NS26" s="123">
        <v>0</v>
      </c>
      <c r="NT26" s="123">
        <v>0</v>
      </c>
      <c r="NU26" s="124">
        <v>0</v>
      </c>
      <c r="NV26" s="125">
        <v>0</v>
      </c>
      <c r="NW26" s="160">
        <v>0</v>
      </c>
      <c r="NX26" s="123">
        <v>0</v>
      </c>
      <c r="NY26" s="124">
        <v>0</v>
      </c>
      <c r="NZ26" s="163"/>
      <c r="OA26" s="123">
        <v>0</v>
      </c>
      <c r="OB26" s="123">
        <v>0</v>
      </c>
      <c r="OC26" s="123">
        <v>0</v>
      </c>
      <c r="OD26" s="123">
        <v>0</v>
      </c>
      <c r="OE26" s="123">
        <v>0</v>
      </c>
      <c r="OF26" s="124">
        <v>0</v>
      </c>
      <c r="OG26" s="125">
        <v>0</v>
      </c>
      <c r="OH26" s="160">
        <v>339319</v>
      </c>
      <c r="OI26" s="123">
        <v>290224</v>
      </c>
      <c r="OJ26" s="159">
        <v>629543</v>
      </c>
      <c r="OK26" s="122">
        <v>0</v>
      </c>
      <c r="OL26" s="123">
        <v>2630315</v>
      </c>
      <c r="OM26" s="123">
        <v>3819245</v>
      </c>
      <c r="ON26" s="123">
        <v>4247590</v>
      </c>
      <c r="OO26" s="123">
        <v>4448202</v>
      </c>
      <c r="OP26" s="123">
        <v>2366986</v>
      </c>
      <c r="OQ26" s="124">
        <v>17512338</v>
      </c>
      <c r="OR26" s="161">
        <v>18141881</v>
      </c>
    </row>
    <row r="27" spans="1:408" ht="20.25" customHeight="1" x14ac:dyDescent="0.2">
      <c r="A27" s="130" t="s">
        <v>22</v>
      </c>
      <c r="B27" s="113">
        <v>154574</v>
      </c>
      <c r="C27" s="117">
        <v>142492</v>
      </c>
      <c r="D27" s="116">
        <v>297066</v>
      </c>
      <c r="E27" s="112">
        <v>0</v>
      </c>
      <c r="F27" s="117">
        <v>841929</v>
      </c>
      <c r="G27" s="117">
        <v>773106</v>
      </c>
      <c r="H27" s="117">
        <v>627949</v>
      </c>
      <c r="I27" s="117">
        <v>1991826</v>
      </c>
      <c r="J27" s="117">
        <v>1591847</v>
      </c>
      <c r="K27" s="201">
        <v>5826657</v>
      </c>
      <c r="L27" s="119">
        <v>6123723</v>
      </c>
      <c r="M27" s="113">
        <v>6384</v>
      </c>
      <c r="N27" s="117">
        <v>39991</v>
      </c>
      <c r="O27" s="116">
        <v>46375</v>
      </c>
      <c r="P27" s="113">
        <v>0</v>
      </c>
      <c r="Q27" s="117">
        <v>206584</v>
      </c>
      <c r="R27" s="117">
        <v>202338</v>
      </c>
      <c r="S27" s="117">
        <v>247891</v>
      </c>
      <c r="T27" s="117">
        <v>725248</v>
      </c>
      <c r="U27" s="117">
        <v>885358</v>
      </c>
      <c r="V27" s="116">
        <v>2267419</v>
      </c>
      <c r="W27" s="119">
        <v>2313794</v>
      </c>
      <c r="X27" s="113">
        <v>0</v>
      </c>
      <c r="Y27" s="117">
        <v>0</v>
      </c>
      <c r="Z27" s="116">
        <v>0</v>
      </c>
      <c r="AA27" s="113">
        <v>0</v>
      </c>
      <c r="AB27" s="117">
        <v>68327</v>
      </c>
      <c r="AC27" s="117">
        <v>0</v>
      </c>
      <c r="AD27" s="117">
        <v>205261</v>
      </c>
      <c r="AE27" s="117">
        <v>404401</v>
      </c>
      <c r="AF27" s="117">
        <v>263886</v>
      </c>
      <c r="AG27" s="116">
        <v>941875</v>
      </c>
      <c r="AH27" s="119">
        <v>941875</v>
      </c>
      <c r="AI27" s="113">
        <v>0</v>
      </c>
      <c r="AJ27" s="117">
        <v>0</v>
      </c>
      <c r="AK27" s="116">
        <v>0</v>
      </c>
      <c r="AL27" s="113">
        <v>0</v>
      </c>
      <c r="AM27" s="117">
        <v>0</v>
      </c>
      <c r="AN27" s="117">
        <v>0</v>
      </c>
      <c r="AO27" s="117">
        <v>0</v>
      </c>
      <c r="AP27" s="117">
        <v>74760</v>
      </c>
      <c r="AQ27" s="117">
        <v>301418</v>
      </c>
      <c r="AR27" s="116">
        <v>376178</v>
      </c>
      <c r="AS27" s="119">
        <v>376178</v>
      </c>
      <c r="AT27" s="113">
        <v>6384</v>
      </c>
      <c r="AU27" s="117">
        <v>16786</v>
      </c>
      <c r="AV27" s="116">
        <v>23170</v>
      </c>
      <c r="AW27" s="113">
        <v>0</v>
      </c>
      <c r="AX27" s="117">
        <v>68649</v>
      </c>
      <c r="AY27" s="117">
        <v>185538</v>
      </c>
      <c r="AZ27" s="117">
        <v>3192</v>
      </c>
      <c r="BA27" s="117">
        <v>169878</v>
      </c>
      <c r="BB27" s="117">
        <v>311136</v>
      </c>
      <c r="BC27" s="116">
        <v>738393</v>
      </c>
      <c r="BD27" s="119">
        <v>761563</v>
      </c>
      <c r="BE27" s="113">
        <v>0</v>
      </c>
      <c r="BF27" s="117">
        <v>0</v>
      </c>
      <c r="BG27" s="115">
        <v>0</v>
      </c>
      <c r="BH27" s="114">
        <v>0</v>
      </c>
      <c r="BI27" s="117">
        <v>26768</v>
      </c>
      <c r="BJ27" s="117">
        <v>0</v>
      </c>
      <c r="BK27" s="117">
        <v>0</v>
      </c>
      <c r="BL27" s="117">
        <v>0</v>
      </c>
      <c r="BM27" s="117">
        <v>0</v>
      </c>
      <c r="BN27" s="116">
        <v>26768</v>
      </c>
      <c r="BO27" s="119">
        <v>26768</v>
      </c>
      <c r="BP27" s="113">
        <v>0</v>
      </c>
      <c r="BQ27" s="117">
        <v>23205</v>
      </c>
      <c r="BR27" s="116">
        <v>23205</v>
      </c>
      <c r="BS27" s="113">
        <v>0</v>
      </c>
      <c r="BT27" s="117">
        <v>42840</v>
      </c>
      <c r="BU27" s="117">
        <v>16800</v>
      </c>
      <c r="BV27" s="117">
        <v>39438</v>
      </c>
      <c r="BW27" s="117">
        <v>76209</v>
      </c>
      <c r="BX27" s="117">
        <v>8918</v>
      </c>
      <c r="BY27" s="116">
        <v>184205</v>
      </c>
      <c r="BZ27" s="119">
        <v>207410</v>
      </c>
      <c r="CA27" s="113">
        <v>0</v>
      </c>
      <c r="CB27" s="117">
        <v>0</v>
      </c>
      <c r="CC27" s="116">
        <v>0</v>
      </c>
      <c r="CD27" s="113">
        <v>0</v>
      </c>
      <c r="CE27" s="117">
        <v>347260</v>
      </c>
      <c r="CF27" s="117">
        <v>368237</v>
      </c>
      <c r="CG27" s="117">
        <v>7487</v>
      </c>
      <c r="CH27" s="117">
        <v>391369</v>
      </c>
      <c r="CI27" s="117">
        <v>227192</v>
      </c>
      <c r="CJ27" s="116">
        <v>1341545</v>
      </c>
      <c r="CK27" s="119">
        <v>1341545</v>
      </c>
      <c r="CL27" s="113">
        <v>0</v>
      </c>
      <c r="CM27" s="117">
        <v>0</v>
      </c>
      <c r="CN27" s="116">
        <v>0</v>
      </c>
      <c r="CO27" s="114">
        <v>0</v>
      </c>
      <c r="CP27" s="117">
        <v>347260</v>
      </c>
      <c r="CQ27" s="117">
        <v>332820</v>
      </c>
      <c r="CR27" s="117">
        <v>0</v>
      </c>
      <c r="CS27" s="117">
        <v>323490</v>
      </c>
      <c r="CT27" s="117">
        <v>227192</v>
      </c>
      <c r="CU27" s="116">
        <v>1230762</v>
      </c>
      <c r="CV27" s="119">
        <v>1230762</v>
      </c>
      <c r="CW27" s="113">
        <v>0</v>
      </c>
      <c r="CX27" s="117">
        <v>0</v>
      </c>
      <c r="CY27" s="116">
        <v>0</v>
      </c>
      <c r="CZ27" s="113">
        <v>0</v>
      </c>
      <c r="DA27" s="117">
        <v>0</v>
      </c>
      <c r="DB27" s="117">
        <v>35417</v>
      </c>
      <c r="DC27" s="117">
        <v>7487</v>
      </c>
      <c r="DD27" s="117">
        <v>67879</v>
      </c>
      <c r="DE27" s="117">
        <v>0</v>
      </c>
      <c r="DF27" s="116">
        <v>110783</v>
      </c>
      <c r="DG27" s="119">
        <v>110783</v>
      </c>
      <c r="DH27" s="113">
        <v>0</v>
      </c>
      <c r="DI27" s="117">
        <v>0</v>
      </c>
      <c r="DJ27" s="115">
        <v>0</v>
      </c>
      <c r="DK27" s="114">
        <v>0</v>
      </c>
      <c r="DL27" s="117">
        <v>0</v>
      </c>
      <c r="DM27" s="117">
        <v>0</v>
      </c>
      <c r="DN27" s="117">
        <v>147755</v>
      </c>
      <c r="DO27" s="117">
        <v>0</v>
      </c>
      <c r="DP27" s="117">
        <v>194003</v>
      </c>
      <c r="DQ27" s="116">
        <v>341758</v>
      </c>
      <c r="DR27" s="119">
        <v>341758</v>
      </c>
      <c r="DS27" s="113">
        <v>0</v>
      </c>
      <c r="DT27" s="117">
        <v>0</v>
      </c>
      <c r="DU27" s="116">
        <v>0</v>
      </c>
      <c r="DV27" s="113">
        <v>0</v>
      </c>
      <c r="DW27" s="117">
        <v>0</v>
      </c>
      <c r="DX27" s="117">
        <v>0</v>
      </c>
      <c r="DY27" s="117">
        <v>0</v>
      </c>
      <c r="DZ27" s="117">
        <v>0</v>
      </c>
      <c r="EA27" s="117">
        <v>194003</v>
      </c>
      <c r="EB27" s="116">
        <v>194003</v>
      </c>
      <c r="EC27" s="119">
        <v>194003</v>
      </c>
      <c r="ED27" s="113">
        <v>0</v>
      </c>
      <c r="EE27" s="115">
        <v>0</v>
      </c>
      <c r="EF27" s="116">
        <v>0</v>
      </c>
      <c r="EG27" s="113">
        <v>0</v>
      </c>
      <c r="EH27" s="117">
        <v>0</v>
      </c>
      <c r="EI27" s="117">
        <v>0</v>
      </c>
      <c r="EJ27" s="117">
        <v>147755</v>
      </c>
      <c r="EK27" s="117">
        <v>0</v>
      </c>
      <c r="EL27" s="117">
        <v>0</v>
      </c>
      <c r="EM27" s="115">
        <v>147755</v>
      </c>
      <c r="EN27" s="119">
        <v>147755</v>
      </c>
      <c r="EO27" s="113">
        <v>0</v>
      </c>
      <c r="EP27" s="117">
        <v>0</v>
      </c>
      <c r="EQ27" s="115">
        <v>0</v>
      </c>
      <c r="ER27" s="114">
        <v>0</v>
      </c>
      <c r="ES27" s="117">
        <v>0</v>
      </c>
      <c r="ET27" s="117">
        <v>0</v>
      </c>
      <c r="EU27" s="117">
        <v>0</v>
      </c>
      <c r="EV27" s="117">
        <v>0</v>
      </c>
      <c r="EW27" s="117">
        <v>0</v>
      </c>
      <c r="EX27" s="116">
        <v>0</v>
      </c>
      <c r="EY27" s="119">
        <v>0</v>
      </c>
      <c r="EZ27" s="113">
        <v>0</v>
      </c>
      <c r="FA27" s="117">
        <v>0</v>
      </c>
      <c r="FB27" s="115">
        <v>0</v>
      </c>
      <c r="FC27" s="387"/>
      <c r="FD27" s="117">
        <v>0</v>
      </c>
      <c r="FE27" s="117">
        <v>0</v>
      </c>
      <c r="FF27" s="117">
        <v>0</v>
      </c>
      <c r="FG27" s="117">
        <v>0</v>
      </c>
      <c r="FH27" s="117">
        <v>0</v>
      </c>
      <c r="FI27" s="116">
        <v>0</v>
      </c>
      <c r="FJ27" s="119">
        <v>0</v>
      </c>
      <c r="FK27" s="113">
        <v>148190</v>
      </c>
      <c r="FL27" s="117">
        <v>26096</v>
      </c>
      <c r="FM27" s="116">
        <v>174286</v>
      </c>
      <c r="FN27" s="113">
        <v>0</v>
      </c>
      <c r="FO27" s="117">
        <v>23282</v>
      </c>
      <c r="FP27" s="117">
        <v>54726</v>
      </c>
      <c r="FQ27" s="117">
        <v>44751</v>
      </c>
      <c r="FR27" s="117">
        <v>176778</v>
      </c>
      <c r="FS27" s="117">
        <v>80248</v>
      </c>
      <c r="FT27" s="116">
        <v>379785</v>
      </c>
      <c r="FU27" s="119">
        <v>554071</v>
      </c>
      <c r="FV27" s="118">
        <v>31990</v>
      </c>
      <c r="FW27" s="117">
        <v>26096</v>
      </c>
      <c r="FX27" s="115">
        <v>58086</v>
      </c>
      <c r="FY27" s="114">
        <v>0</v>
      </c>
      <c r="FZ27" s="117">
        <v>23282</v>
      </c>
      <c r="GA27" s="117">
        <v>54726</v>
      </c>
      <c r="GB27" s="117">
        <v>44751</v>
      </c>
      <c r="GC27" s="117">
        <v>112378</v>
      </c>
      <c r="GD27" s="117">
        <v>80248</v>
      </c>
      <c r="GE27" s="116">
        <v>315385</v>
      </c>
      <c r="GF27" s="351">
        <v>373471</v>
      </c>
      <c r="GG27" s="118">
        <v>0</v>
      </c>
      <c r="GH27" s="117">
        <v>0</v>
      </c>
      <c r="GI27" s="115">
        <v>0</v>
      </c>
      <c r="GJ27" s="114">
        <v>0</v>
      </c>
      <c r="GK27" s="117">
        <v>0</v>
      </c>
      <c r="GL27" s="117">
        <v>0</v>
      </c>
      <c r="GM27" s="117">
        <v>0</v>
      </c>
      <c r="GN27" s="117">
        <v>34300</v>
      </c>
      <c r="GO27" s="117">
        <v>0</v>
      </c>
      <c r="GP27" s="116">
        <v>34300</v>
      </c>
      <c r="GQ27" s="119">
        <v>34300</v>
      </c>
      <c r="GR27" s="113">
        <v>116200</v>
      </c>
      <c r="GS27" s="117">
        <v>0</v>
      </c>
      <c r="GT27" s="116">
        <v>116200</v>
      </c>
      <c r="GU27" s="113">
        <v>0</v>
      </c>
      <c r="GV27" s="117">
        <v>0</v>
      </c>
      <c r="GW27" s="117">
        <v>0</v>
      </c>
      <c r="GX27" s="117">
        <v>0</v>
      </c>
      <c r="GY27" s="117">
        <v>30100</v>
      </c>
      <c r="GZ27" s="117">
        <v>0</v>
      </c>
      <c r="HA27" s="115">
        <v>30100</v>
      </c>
      <c r="HB27" s="119">
        <v>146300</v>
      </c>
      <c r="HC27" s="113">
        <v>0</v>
      </c>
      <c r="HD27" s="117">
        <v>76405</v>
      </c>
      <c r="HE27" s="115">
        <v>76405</v>
      </c>
      <c r="HF27" s="114">
        <v>0</v>
      </c>
      <c r="HG27" s="117">
        <v>264803</v>
      </c>
      <c r="HH27" s="117">
        <v>147805</v>
      </c>
      <c r="HI27" s="117">
        <v>180065</v>
      </c>
      <c r="HJ27" s="117">
        <v>698431</v>
      </c>
      <c r="HK27" s="117">
        <v>205046</v>
      </c>
      <c r="HL27" s="116">
        <v>1496150</v>
      </c>
      <c r="HM27" s="112">
        <v>1572555</v>
      </c>
      <c r="HN27" s="367"/>
      <c r="HO27" s="368"/>
      <c r="HP27" s="369"/>
      <c r="HQ27" s="370"/>
      <c r="HR27" s="368"/>
      <c r="HS27" s="368"/>
      <c r="HT27" s="368"/>
      <c r="HU27" s="368"/>
      <c r="HV27" s="368"/>
      <c r="HW27" s="371"/>
      <c r="HX27" s="372"/>
      <c r="HY27" s="149">
        <v>34923</v>
      </c>
      <c r="HZ27" s="150">
        <v>0</v>
      </c>
      <c r="IA27" s="151">
        <v>34923</v>
      </c>
      <c r="IB27" s="164">
        <v>0</v>
      </c>
      <c r="IC27" s="150">
        <v>412048</v>
      </c>
      <c r="ID27" s="165">
        <v>357882</v>
      </c>
      <c r="IE27" s="151">
        <v>241164</v>
      </c>
      <c r="IF27" s="150">
        <v>483074</v>
      </c>
      <c r="IG27" s="151">
        <v>224273</v>
      </c>
      <c r="IH27" s="166">
        <v>1718441</v>
      </c>
      <c r="II27" s="157">
        <v>1753364</v>
      </c>
      <c r="IJ27" s="262">
        <v>0</v>
      </c>
      <c r="IK27" s="269">
        <v>0</v>
      </c>
      <c r="IL27" s="270">
        <v>0</v>
      </c>
      <c r="IM27" s="158"/>
      <c r="IN27" s="123">
        <v>153636</v>
      </c>
      <c r="IO27" s="123">
        <v>183624</v>
      </c>
      <c r="IP27" s="123">
        <v>0</v>
      </c>
      <c r="IQ27" s="123">
        <v>0</v>
      </c>
      <c r="IR27" s="123">
        <v>0</v>
      </c>
      <c r="IS27" s="159">
        <v>337260</v>
      </c>
      <c r="IT27" s="354">
        <v>337260</v>
      </c>
      <c r="IU27" s="160">
        <v>0</v>
      </c>
      <c r="IV27" s="123">
        <v>0</v>
      </c>
      <c r="IW27" s="124">
        <v>0</v>
      </c>
      <c r="IX27" s="162"/>
      <c r="IY27" s="123">
        <v>0</v>
      </c>
      <c r="IZ27" s="123">
        <v>0</v>
      </c>
      <c r="JA27" s="123">
        <v>0</v>
      </c>
      <c r="JB27" s="123">
        <v>0</v>
      </c>
      <c r="JC27" s="123">
        <v>0</v>
      </c>
      <c r="JD27" s="124">
        <v>0</v>
      </c>
      <c r="JE27" s="125">
        <v>0</v>
      </c>
      <c r="JF27" s="160">
        <v>0</v>
      </c>
      <c r="JG27" s="123">
        <v>0</v>
      </c>
      <c r="JH27" s="159">
        <v>0</v>
      </c>
      <c r="JI27" s="122">
        <v>0</v>
      </c>
      <c r="JJ27" s="123">
        <v>258412</v>
      </c>
      <c r="JK27" s="123">
        <v>46697</v>
      </c>
      <c r="JL27" s="123">
        <v>0</v>
      </c>
      <c r="JM27" s="123">
        <v>33114</v>
      </c>
      <c r="JN27" s="123">
        <v>0</v>
      </c>
      <c r="JO27" s="124">
        <v>338223</v>
      </c>
      <c r="JP27" s="354">
        <v>338223</v>
      </c>
      <c r="JQ27" s="160">
        <v>0</v>
      </c>
      <c r="JR27" s="123">
        <v>0</v>
      </c>
      <c r="JS27" s="159">
        <v>0</v>
      </c>
      <c r="JT27" s="122">
        <v>0</v>
      </c>
      <c r="JU27" s="123">
        <v>0</v>
      </c>
      <c r="JV27" s="123">
        <v>0</v>
      </c>
      <c r="JW27" s="123">
        <v>31437</v>
      </c>
      <c r="JX27" s="123">
        <v>0</v>
      </c>
      <c r="JY27" s="123">
        <v>0</v>
      </c>
      <c r="JZ27" s="124">
        <v>31437</v>
      </c>
      <c r="KA27" s="354">
        <v>31437</v>
      </c>
      <c r="KB27" s="265">
        <v>34923</v>
      </c>
      <c r="KC27" s="259">
        <v>0</v>
      </c>
      <c r="KD27" s="124">
        <v>34923</v>
      </c>
      <c r="KE27" s="122">
        <v>0</v>
      </c>
      <c r="KF27" s="123">
        <v>0</v>
      </c>
      <c r="KG27" s="123">
        <v>127561</v>
      </c>
      <c r="KH27" s="123">
        <v>0</v>
      </c>
      <c r="KI27" s="123">
        <v>0</v>
      </c>
      <c r="KJ27" s="123">
        <v>0</v>
      </c>
      <c r="KK27" s="124">
        <v>127561</v>
      </c>
      <c r="KL27" s="161">
        <v>162484</v>
      </c>
      <c r="KM27" s="262">
        <v>0</v>
      </c>
      <c r="KN27" s="269">
        <v>0</v>
      </c>
      <c r="KO27" s="270">
        <v>0</v>
      </c>
      <c r="KP27" s="158">
        <v>0</v>
      </c>
      <c r="KQ27" s="123">
        <v>0</v>
      </c>
      <c r="KR27" s="123">
        <v>0</v>
      </c>
      <c r="KS27" s="123">
        <v>209727</v>
      </c>
      <c r="KT27" s="123">
        <v>222397</v>
      </c>
      <c r="KU27" s="123">
        <v>224273</v>
      </c>
      <c r="KV27" s="124">
        <v>656397</v>
      </c>
      <c r="KW27" s="354">
        <v>656397</v>
      </c>
      <c r="KX27" s="160">
        <v>0</v>
      </c>
      <c r="KY27" s="123">
        <v>0</v>
      </c>
      <c r="KZ27" s="124">
        <v>0</v>
      </c>
      <c r="LA27" s="163">
        <v>0</v>
      </c>
      <c r="LB27" s="123">
        <v>0</v>
      </c>
      <c r="LC27" s="123">
        <v>0</v>
      </c>
      <c r="LD27" s="123">
        <v>0</v>
      </c>
      <c r="LE27" s="123">
        <v>0</v>
      </c>
      <c r="LF27" s="123">
        <v>0</v>
      </c>
      <c r="LG27" s="124">
        <v>0</v>
      </c>
      <c r="LH27" s="125">
        <v>0</v>
      </c>
      <c r="LI27" s="160">
        <v>0</v>
      </c>
      <c r="LJ27" s="123">
        <v>0</v>
      </c>
      <c r="LK27" s="124">
        <v>0</v>
      </c>
      <c r="LL27" s="163"/>
      <c r="LM27" s="123">
        <v>0</v>
      </c>
      <c r="LN27" s="123">
        <v>0</v>
      </c>
      <c r="LO27" s="123">
        <v>0</v>
      </c>
      <c r="LP27" s="123">
        <v>227563</v>
      </c>
      <c r="LQ27" s="123">
        <v>0</v>
      </c>
      <c r="LR27" s="124">
        <v>227563</v>
      </c>
      <c r="LS27" s="354">
        <v>227563</v>
      </c>
      <c r="LT27" s="160">
        <v>0</v>
      </c>
      <c r="LU27" s="123">
        <v>0</v>
      </c>
      <c r="LV27" s="124">
        <v>0</v>
      </c>
      <c r="LW27" s="163"/>
      <c r="LX27" s="123">
        <v>0</v>
      </c>
      <c r="LY27" s="123">
        <v>0</v>
      </c>
      <c r="LZ27" s="123">
        <v>0</v>
      </c>
      <c r="MA27" s="123">
        <v>0</v>
      </c>
      <c r="MB27" s="123">
        <v>0</v>
      </c>
      <c r="MC27" s="124">
        <v>0</v>
      </c>
      <c r="MD27" s="125">
        <v>0</v>
      </c>
      <c r="ME27" s="160">
        <v>0</v>
      </c>
      <c r="MF27" s="123">
        <v>0</v>
      </c>
      <c r="MG27" s="124">
        <v>0</v>
      </c>
      <c r="MH27" s="163"/>
      <c r="MI27" s="123">
        <v>194188</v>
      </c>
      <c r="MJ27" s="123">
        <v>229310</v>
      </c>
      <c r="MK27" s="123">
        <v>332560</v>
      </c>
      <c r="ML27" s="123">
        <v>0</v>
      </c>
      <c r="MM27" s="123">
        <v>0</v>
      </c>
      <c r="MN27" s="124">
        <v>756058</v>
      </c>
      <c r="MO27" s="161">
        <v>756058</v>
      </c>
      <c r="MP27" s="160">
        <v>0</v>
      </c>
      <c r="MQ27" s="123">
        <v>0</v>
      </c>
      <c r="MR27" s="124">
        <v>0</v>
      </c>
      <c r="MS27" s="163"/>
      <c r="MT27" s="123">
        <v>0</v>
      </c>
      <c r="MU27" s="123">
        <v>0</v>
      </c>
      <c r="MV27" s="123">
        <v>0</v>
      </c>
      <c r="MW27" s="123">
        <v>0</v>
      </c>
      <c r="MX27" s="123">
        <v>0</v>
      </c>
      <c r="MY27" s="124">
        <v>0</v>
      </c>
      <c r="MZ27" s="161">
        <v>0</v>
      </c>
      <c r="NA27" s="160">
        <v>0</v>
      </c>
      <c r="NB27" s="123">
        <v>0</v>
      </c>
      <c r="NC27" s="124">
        <v>0</v>
      </c>
      <c r="ND27" s="163"/>
      <c r="NE27" s="123">
        <v>194188</v>
      </c>
      <c r="NF27" s="123">
        <v>229310</v>
      </c>
      <c r="NG27" s="123">
        <v>332560</v>
      </c>
      <c r="NH27" s="123">
        <v>0</v>
      </c>
      <c r="NI27" s="123">
        <v>0</v>
      </c>
      <c r="NJ27" s="124">
        <v>756058</v>
      </c>
      <c r="NK27" s="354">
        <v>756058</v>
      </c>
      <c r="NL27" s="160">
        <v>0</v>
      </c>
      <c r="NM27" s="123">
        <v>0</v>
      </c>
      <c r="NN27" s="124">
        <v>0</v>
      </c>
      <c r="NO27" s="163"/>
      <c r="NP27" s="123">
        <v>0</v>
      </c>
      <c r="NQ27" s="123">
        <v>0</v>
      </c>
      <c r="NR27" s="123">
        <v>0</v>
      </c>
      <c r="NS27" s="123">
        <v>0</v>
      </c>
      <c r="NT27" s="123">
        <v>0</v>
      </c>
      <c r="NU27" s="124">
        <v>0</v>
      </c>
      <c r="NV27" s="125">
        <v>0</v>
      </c>
      <c r="NW27" s="160">
        <v>0</v>
      </c>
      <c r="NX27" s="123">
        <v>0</v>
      </c>
      <c r="NY27" s="124">
        <v>0</v>
      </c>
      <c r="NZ27" s="163"/>
      <c r="OA27" s="123">
        <v>0</v>
      </c>
      <c r="OB27" s="123">
        <v>0</v>
      </c>
      <c r="OC27" s="123">
        <v>0</v>
      </c>
      <c r="OD27" s="123">
        <v>0</v>
      </c>
      <c r="OE27" s="123">
        <v>0</v>
      </c>
      <c r="OF27" s="124">
        <v>0</v>
      </c>
      <c r="OG27" s="125">
        <v>0</v>
      </c>
      <c r="OH27" s="160">
        <v>189497</v>
      </c>
      <c r="OI27" s="123">
        <v>142492</v>
      </c>
      <c r="OJ27" s="159">
        <v>331989</v>
      </c>
      <c r="OK27" s="122">
        <v>0</v>
      </c>
      <c r="OL27" s="123">
        <v>1448165</v>
      </c>
      <c r="OM27" s="123">
        <v>1360298</v>
      </c>
      <c r="ON27" s="123">
        <v>1201673</v>
      </c>
      <c r="OO27" s="123">
        <v>2474900</v>
      </c>
      <c r="OP27" s="123">
        <v>1816120</v>
      </c>
      <c r="OQ27" s="124">
        <v>8301156</v>
      </c>
      <c r="OR27" s="161">
        <v>8633145</v>
      </c>
    </row>
    <row r="28" spans="1:408" ht="20.25" customHeight="1" x14ac:dyDescent="0.2">
      <c r="A28" s="130" t="s">
        <v>23</v>
      </c>
      <c r="B28" s="113">
        <v>73897</v>
      </c>
      <c r="C28" s="117">
        <v>160619</v>
      </c>
      <c r="D28" s="116">
        <v>234516</v>
      </c>
      <c r="E28" s="112">
        <v>0</v>
      </c>
      <c r="F28" s="117">
        <v>1512949</v>
      </c>
      <c r="G28" s="117">
        <v>2274230</v>
      </c>
      <c r="H28" s="117">
        <v>1886847</v>
      </c>
      <c r="I28" s="117">
        <v>2742971</v>
      </c>
      <c r="J28" s="117">
        <v>130664</v>
      </c>
      <c r="K28" s="201">
        <v>8547661</v>
      </c>
      <c r="L28" s="119">
        <v>8782177</v>
      </c>
      <c r="M28" s="113">
        <v>59603</v>
      </c>
      <c r="N28" s="117">
        <v>66585</v>
      </c>
      <c r="O28" s="116">
        <v>126188</v>
      </c>
      <c r="P28" s="113">
        <v>0</v>
      </c>
      <c r="Q28" s="117">
        <v>151913</v>
      </c>
      <c r="R28" s="117">
        <v>496807</v>
      </c>
      <c r="S28" s="117">
        <v>785753</v>
      </c>
      <c r="T28" s="117">
        <v>430958</v>
      </c>
      <c r="U28" s="117">
        <v>77744</v>
      </c>
      <c r="V28" s="116">
        <v>1943175</v>
      </c>
      <c r="W28" s="119">
        <v>2069363</v>
      </c>
      <c r="X28" s="113">
        <v>0</v>
      </c>
      <c r="Y28" s="117">
        <v>0</v>
      </c>
      <c r="Z28" s="116">
        <v>0</v>
      </c>
      <c r="AA28" s="113">
        <v>0</v>
      </c>
      <c r="AB28" s="117">
        <v>89189</v>
      </c>
      <c r="AC28" s="117">
        <v>212751</v>
      </c>
      <c r="AD28" s="117">
        <v>336441</v>
      </c>
      <c r="AE28" s="117">
        <v>35906</v>
      </c>
      <c r="AF28" s="117">
        <v>25120</v>
      </c>
      <c r="AG28" s="116">
        <v>699407</v>
      </c>
      <c r="AH28" s="119">
        <v>699407</v>
      </c>
      <c r="AI28" s="113">
        <v>0</v>
      </c>
      <c r="AJ28" s="117">
        <v>0</v>
      </c>
      <c r="AK28" s="116">
        <v>0</v>
      </c>
      <c r="AL28" s="113">
        <v>0</v>
      </c>
      <c r="AM28" s="117">
        <v>0</v>
      </c>
      <c r="AN28" s="117">
        <v>0</v>
      </c>
      <c r="AO28" s="117">
        <v>81011</v>
      </c>
      <c r="AP28" s="117">
        <v>49920</v>
      </c>
      <c r="AQ28" s="117">
        <v>0</v>
      </c>
      <c r="AR28" s="116">
        <v>130931</v>
      </c>
      <c r="AS28" s="119">
        <v>130931</v>
      </c>
      <c r="AT28" s="113">
        <v>59603</v>
      </c>
      <c r="AU28" s="117">
        <v>37283</v>
      </c>
      <c r="AV28" s="116">
        <v>96886</v>
      </c>
      <c r="AW28" s="113">
        <v>0</v>
      </c>
      <c r="AX28" s="117">
        <v>25799</v>
      </c>
      <c r="AY28" s="117">
        <v>95357</v>
      </c>
      <c r="AZ28" s="117">
        <v>262034</v>
      </c>
      <c r="BA28" s="117">
        <v>193449</v>
      </c>
      <c r="BB28" s="117">
        <v>52624</v>
      </c>
      <c r="BC28" s="116">
        <v>629263</v>
      </c>
      <c r="BD28" s="119">
        <v>726149</v>
      </c>
      <c r="BE28" s="113">
        <v>0</v>
      </c>
      <c r="BF28" s="117">
        <v>27489</v>
      </c>
      <c r="BG28" s="115">
        <v>27489</v>
      </c>
      <c r="BH28" s="114">
        <v>0</v>
      </c>
      <c r="BI28" s="117">
        <v>0</v>
      </c>
      <c r="BJ28" s="117">
        <v>108416</v>
      </c>
      <c r="BK28" s="117">
        <v>0</v>
      </c>
      <c r="BL28" s="117">
        <v>0</v>
      </c>
      <c r="BM28" s="117">
        <v>0</v>
      </c>
      <c r="BN28" s="116">
        <v>108416</v>
      </c>
      <c r="BO28" s="119">
        <v>135905</v>
      </c>
      <c r="BP28" s="113">
        <v>0</v>
      </c>
      <c r="BQ28" s="117">
        <v>1813</v>
      </c>
      <c r="BR28" s="116">
        <v>1813</v>
      </c>
      <c r="BS28" s="113">
        <v>0</v>
      </c>
      <c r="BT28" s="117">
        <v>36925</v>
      </c>
      <c r="BU28" s="117">
        <v>80283</v>
      </c>
      <c r="BV28" s="117">
        <v>106267</v>
      </c>
      <c r="BW28" s="117">
        <v>151683</v>
      </c>
      <c r="BX28" s="117">
        <v>0</v>
      </c>
      <c r="BY28" s="116">
        <v>375158</v>
      </c>
      <c r="BZ28" s="119">
        <v>376971</v>
      </c>
      <c r="CA28" s="113">
        <v>0</v>
      </c>
      <c r="CB28" s="117">
        <v>0</v>
      </c>
      <c r="CC28" s="116">
        <v>0</v>
      </c>
      <c r="CD28" s="113">
        <v>0</v>
      </c>
      <c r="CE28" s="117">
        <v>671709</v>
      </c>
      <c r="CF28" s="117">
        <v>1051548</v>
      </c>
      <c r="CG28" s="117">
        <v>545332</v>
      </c>
      <c r="CH28" s="117">
        <v>487118</v>
      </c>
      <c r="CI28" s="117">
        <v>0</v>
      </c>
      <c r="CJ28" s="116">
        <v>2755707</v>
      </c>
      <c r="CK28" s="119">
        <v>2755707</v>
      </c>
      <c r="CL28" s="113">
        <v>0</v>
      </c>
      <c r="CM28" s="117">
        <v>0</v>
      </c>
      <c r="CN28" s="116">
        <v>0</v>
      </c>
      <c r="CO28" s="114">
        <v>0</v>
      </c>
      <c r="CP28" s="117">
        <v>476217</v>
      </c>
      <c r="CQ28" s="117">
        <v>881621</v>
      </c>
      <c r="CR28" s="117">
        <v>270928</v>
      </c>
      <c r="CS28" s="117">
        <v>302420</v>
      </c>
      <c r="CT28" s="117">
        <v>0</v>
      </c>
      <c r="CU28" s="116">
        <v>1931186</v>
      </c>
      <c r="CV28" s="119">
        <v>1931186</v>
      </c>
      <c r="CW28" s="113">
        <v>0</v>
      </c>
      <c r="CX28" s="117">
        <v>0</v>
      </c>
      <c r="CY28" s="116">
        <v>0</v>
      </c>
      <c r="CZ28" s="113">
        <v>0</v>
      </c>
      <c r="DA28" s="117">
        <v>195492</v>
      </c>
      <c r="DB28" s="117">
        <v>169927</v>
      </c>
      <c r="DC28" s="117">
        <v>274404</v>
      </c>
      <c r="DD28" s="117">
        <v>184698</v>
      </c>
      <c r="DE28" s="117">
        <v>0</v>
      </c>
      <c r="DF28" s="116">
        <v>824521</v>
      </c>
      <c r="DG28" s="119">
        <v>824521</v>
      </c>
      <c r="DH28" s="113">
        <v>0</v>
      </c>
      <c r="DI28" s="117">
        <v>0</v>
      </c>
      <c r="DJ28" s="115">
        <v>0</v>
      </c>
      <c r="DK28" s="114">
        <v>0</v>
      </c>
      <c r="DL28" s="117">
        <v>69447</v>
      </c>
      <c r="DM28" s="117">
        <v>59049</v>
      </c>
      <c r="DN28" s="117">
        <v>31563</v>
      </c>
      <c r="DO28" s="117">
        <v>52521</v>
      </c>
      <c r="DP28" s="117">
        <v>0</v>
      </c>
      <c r="DQ28" s="116">
        <v>212580</v>
      </c>
      <c r="DR28" s="119">
        <v>212580</v>
      </c>
      <c r="DS28" s="113">
        <v>0</v>
      </c>
      <c r="DT28" s="117">
        <v>0</v>
      </c>
      <c r="DU28" s="116">
        <v>0</v>
      </c>
      <c r="DV28" s="113">
        <v>0</v>
      </c>
      <c r="DW28" s="117">
        <v>69447</v>
      </c>
      <c r="DX28" s="117">
        <v>59049</v>
      </c>
      <c r="DY28" s="117">
        <v>31563</v>
      </c>
      <c r="DZ28" s="117">
        <v>52521</v>
      </c>
      <c r="EA28" s="117">
        <v>0</v>
      </c>
      <c r="EB28" s="116">
        <v>212580</v>
      </c>
      <c r="EC28" s="119">
        <v>212580</v>
      </c>
      <c r="ED28" s="113">
        <v>0</v>
      </c>
      <c r="EE28" s="115">
        <v>0</v>
      </c>
      <c r="EF28" s="116">
        <v>0</v>
      </c>
      <c r="EG28" s="113">
        <v>0</v>
      </c>
      <c r="EH28" s="117">
        <v>0</v>
      </c>
      <c r="EI28" s="117">
        <v>0</v>
      </c>
      <c r="EJ28" s="117">
        <v>0</v>
      </c>
      <c r="EK28" s="117">
        <v>0</v>
      </c>
      <c r="EL28" s="117">
        <v>0</v>
      </c>
      <c r="EM28" s="115">
        <v>0</v>
      </c>
      <c r="EN28" s="119">
        <v>0</v>
      </c>
      <c r="EO28" s="113">
        <v>0</v>
      </c>
      <c r="EP28" s="117">
        <v>0</v>
      </c>
      <c r="EQ28" s="115">
        <v>0</v>
      </c>
      <c r="ER28" s="114">
        <v>0</v>
      </c>
      <c r="ES28" s="117">
        <v>0</v>
      </c>
      <c r="ET28" s="117">
        <v>0</v>
      </c>
      <c r="EU28" s="117">
        <v>0</v>
      </c>
      <c r="EV28" s="117">
        <v>0</v>
      </c>
      <c r="EW28" s="117">
        <v>0</v>
      </c>
      <c r="EX28" s="116">
        <v>0</v>
      </c>
      <c r="EY28" s="119">
        <v>0</v>
      </c>
      <c r="EZ28" s="113">
        <v>0</v>
      </c>
      <c r="FA28" s="117">
        <v>0</v>
      </c>
      <c r="FB28" s="115">
        <v>0</v>
      </c>
      <c r="FC28" s="387"/>
      <c r="FD28" s="117">
        <v>0</v>
      </c>
      <c r="FE28" s="117">
        <v>0</v>
      </c>
      <c r="FF28" s="117">
        <v>0</v>
      </c>
      <c r="FG28" s="117">
        <v>0</v>
      </c>
      <c r="FH28" s="117">
        <v>0</v>
      </c>
      <c r="FI28" s="116">
        <v>0</v>
      </c>
      <c r="FJ28" s="119">
        <v>0</v>
      </c>
      <c r="FK28" s="113">
        <v>14294</v>
      </c>
      <c r="FL28" s="117">
        <v>16240</v>
      </c>
      <c r="FM28" s="116">
        <v>30534</v>
      </c>
      <c r="FN28" s="113">
        <v>0</v>
      </c>
      <c r="FO28" s="117">
        <v>57208</v>
      </c>
      <c r="FP28" s="117">
        <v>202692</v>
      </c>
      <c r="FQ28" s="117">
        <v>177975</v>
      </c>
      <c r="FR28" s="117">
        <v>128646</v>
      </c>
      <c r="FS28" s="117">
        <v>52920</v>
      </c>
      <c r="FT28" s="116">
        <v>619441</v>
      </c>
      <c r="FU28" s="119">
        <v>649975</v>
      </c>
      <c r="FV28" s="118">
        <v>14294</v>
      </c>
      <c r="FW28" s="117">
        <v>16240</v>
      </c>
      <c r="FX28" s="115">
        <v>30534</v>
      </c>
      <c r="FY28" s="114">
        <v>0</v>
      </c>
      <c r="FZ28" s="117">
        <v>57208</v>
      </c>
      <c r="GA28" s="117">
        <v>202692</v>
      </c>
      <c r="GB28" s="117">
        <v>154511</v>
      </c>
      <c r="GC28" s="117">
        <v>128646</v>
      </c>
      <c r="GD28" s="117">
        <v>52920</v>
      </c>
      <c r="GE28" s="116">
        <v>595977</v>
      </c>
      <c r="GF28" s="351">
        <v>626511</v>
      </c>
      <c r="GG28" s="118">
        <v>0</v>
      </c>
      <c r="GH28" s="117">
        <v>0</v>
      </c>
      <c r="GI28" s="115">
        <v>0</v>
      </c>
      <c r="GJ28" s="114">
        <v>0</v>
      </c>
      <c r="GK28" s="117">
        <v>0</v>
      </c>
      <c r="GL28" s="117">
        <v>0</v>
      </c>
      <c r="GM28" s="117">
        <v>23464</v>
      </c>
      <c r="GN28" s="117">
        <v>0</v>
      </c>
      <c r="GO28" s="117">
        <v>0</v>
      </c>
      <c r="GP28" s="116">
        <v>23464</v>
      </c>
      <c r="GQ28" s="119">
        <v>23464</v>
      </c>
      <c r="GR28" s="113">
        <v>0</v>
      </c>
      <c r="GS28" s="117">
        <v>0</v>
      </c>
      <c r="GT28" s="116">
        <v>0</v>
      </c>
      <c r="GU28" s="113">
        <v>0</v>
      </c>
      <c r="GV28" s="117">
        <v>0</v>
      </c>
      <c r="GW28" s="117">
        <v>0</v>
      </c>
      <c r="GX28" s="117">
        <v>0</v>
      </c>
      <c r="GY28" s="117">
        <v>0</v>
      </c>
      <c r="GZ28" s="117">
        <v>0</v>
      </c>
      <c r="HA28" s="115">
        <v>0</v>
      </c>
      <c r="HB28" s="119">
        <v>0</v>
      </c>
      <c r="HC28" s="113">
        <v>0</v>
      </c>
      <c r="HD28" s="117">
        <v>77794</v>
      </c>
      <c r="HE28" s="115">
        <v>77794</v>
      </c>
      <c r="HF28" s="114">
        <v>0</v>
      </c>
      <c r="HG28" s="117">
        <v>562672</v>
      </c>
      <c r="HH28" s="117">
        <v>464134</v>
      </c>
      <c r="HI28" s="117">
        <v>346224</v>
      </c>
      <c r="HJ28" s="117">
        <v>1643728</v>
      </c>
      <c r="HK28" s="117">
        <v>0</v>
      </c>
      <c r="HL28" s="116">
        <v>3016758</v>
      </c>
      <c r="HM28" s="112">
        <v>3094552</v>
      </c>
      <c r="HN28" s="367"/>
      <c r="HO28" s="368"/>
      <c r="HP28" s="369"/>
      <c r="HQ28" s="370"/>
      <c r="HR28" s="368"/>
      <c r="HS28" s="368"/>
      <c r="HT28" s="368"/>
      <c r="HU28" s="368"/>
      <c r="HV28" s="368"/>
      <c r="HW28" s="371"/>
      <c r="HX28" s="372"/>
      <c r="HY28" s="168">
        <v>0</v>
      </c>
      <c r="HZ28" s="153">
        <v>0</v>
      </c>
      <c r="IA28" s="168">
        <v>0</v>
      </c>
      <c r="IB28" s="152">
        <v>0</v>
      </c>
      <c r="IC28" s="153">
        <v>94421</v>
      </c>
      <c r="ID28" s="154">
        <v>50877</v>
      </c>
      <c r="IE28" s="155">
        <v>222609</v>
      </c>
      <c r="IF28" s="153">
        <v>0</v>
      </c>
      <c r="IG28" s="155">
        <v>216955</v>
      </c>
      <c r="IH28" s="156">
        <v>584862</v>
      </c>
      <c r="II28" s="168">
        <v>584862</v>
      </c>
      <c r="IJ28" s="262">
        <v>0</v>
      </c>
      <c r="IK28" s="269">
        <v>0</v>
      </c>
      <c r="IL28" s="270">
        <v>0</v>
      </c>
      <c r="IM28" s="158"/>
      <c r="IN28" s="123">
        <v>0</v>
      </c>
      <c r="IO28" s="123">
        <v>0</v>
      </c>
      <c r="IP28" s="123">
        <v>0</v>
      </c>
      <c r="IQ28" s="123">
        <v>0</v>
      </c>
      <c r="IR28" s="123">
        <v>0</v>
      </c>
      <c r="IS28" s="159">
        <v>0</v>
      </c>
      <c r="IT28" s="354">
        <v>0</v>
      </c>
      <c r="IU28" s="160">
        <v>0</v>
      </c>
      <c r="IV28" s="123">
        <v>0</v>
      </c>
      <c r="IW28" s="124">
        <v>0</v>
      </c>
      <c r="IX28" s="162"/>
      <c r="IY28" s="123">
        <v>0</v>
      </c>
      <c r="IZ28" s="123">
        <v>0</v>
      </c>
      <c r="JA28" s="123">
        <v>0</v>
      </c>
      <c r="JB28" s="123">
        <v>0</v>
      </c>
      <c r="JC28" s="123">
        <v>0</v>
      </c>
      <c r="JD28" s="124">
        <v>0</v>
      </c>
      <c r="JE28" s="125">
        <v>0</v>
      </c>
      <c r="JF28" s="160">
        <v>0</v>
      </c>
      <c r="JG28" s="123">
        <v>0</v>
      </c>
      <c r="JH28" s="159">
        <v>0</v>
      </c>
      <c r="JI28" s="122">
        <v>0</v>
      </c>
      <c r="JJ28" s="123">
        <v>94421</v>
      </c>
      <c r="JK28" s="123">
        <v>50877</v>
      </c>
      <c r="JL28" s="123">
        <v>0</v>
      </c>
      <c r="JM28" s="123">
        <v>0</v>
      </c>
      <c r="JN28" s="123">
        <v>216955</v>
      </c>
      <c r="JO28" s="124">
        <v>362253</v>
      </c>
      <c r="JP28" s="354">
        <v>362253</v>
      </c>
      <c r="JQ28" s="160">
        <v>0</v>
      </c>
      <c r="JR28" s="123">
        <v>0</v>
      </c>
      <c r="JS28" s="159">
        <v>0</v>
      </c>
      <c r="JT28" s="122">
        <v>0</v>
      </c>
      <c r="JU28" s="123">
        <v>0</v>
      </c>
      <c r="JV28" s="123">
        <v>0</v>
      </c>
      <c r="JW28" s="123">
        <v>0</v>
      </c>
      <c r="JX28" s="123">
        <v>0</v>
      </c>
      <c r="JY28" s="123">
        <v>0</v>
      </c>
      <c r="JZ28" s="124">
        <v>0</v>
      </c>
      <c r="KA28" s="354">
        <v>0</v>
      </c>
      <c r="KB28" s="265">
        <v>0</v>
      </c>
      <c r="KC28" s="259">
        <v>0</v>
      </c>
      <c r="KD28" s="124">
        <v>0</v>
      </c>
      <c r="KE28" s="122">
        <v>0</v>
      </c>
      <c r="KF28" s="123">
        <v>0</v>
      </c>
      <c r="KG28" s="123">
        <v>0</v>
      </c>
      <c r="KH28" s="123">
        <v>0</v>
      </c>
      <c r="KI28" s="123">
        <v>0</v>
      </c>
      <c r="KJ28" s="123">
        <v>0</v>
      </c>
      <c r="KK28" s="124">
        <v>0</v>
      </c>
      <c r="KL28" s="161">
        <v>0</v>
      </c>
      <c r="KM28" s="262">
        <v>0</v>
      </c>
      <c r="KN28" s="269">
        <v>0</v>
      </c>
      <c r="KO28" s="270">
        <v>0</v>
      </c>
      <c r="KP28" s="158">
        <v>0</v>
      </c>
      <c r="KQ28" s="123">
        <v>0</v>
      </c>
      <c r="KR28" s="123">
        <v>0</v>
      </c>
      <c r="KS28" s="123">
        <v>222609</v>
      </c>
      <c r="KT28" s="123">
        <v>0</v>
      </c>
      <c r="KU28" s="123">
        <v>0</v>
      </c>
      <c r="KV28" s="124">
        <v>222609</v>
      </c>
      <c r="KW28" s="354">
        <v>222609</v>
      </c>
      <c r="KX28" s="160">
        <v>0</v>
      </c>
      <c r="KY28" s="123">
        <v>0</v>
      </c>
      <c r="KZ28" s="124">
        <v>0</v>
      </c>
      <c r="LA28" s="163">
        <v>0</v>
      </c>
      <c r="LB28" s="123">
        <v>0</v>
      </c>
      <c r="LC28" s="123">
        <v>0</v>
      </c>
      <c r="LD28" s="123">
        <v>0</v>
      </c>
      <c r="LE28" s="123">
        <v>0</v>
      </c>
      <c r="LF28" s="123">
        <v>0</v>
      </c>
      <c r="LG28" s="124">
        <v>0</v>
      </c>
      <c r="LH28" s="125">
        <v>0</v>
      </c>
      <c r="LI28" s="160">
        <v>0</v>
      </c>
      <c r="LJ28" s="123">
        <v>0</v>
      </c>
      <c r="LK28" s="124">
        <v>0</v>
      </c>
      <c r="LL28" s="163"/>
      <c r="LM28" s="123">
        <v>0</v>
      </c>
      <c r="LN28" s="123">
        <v>0</v>
      </c>
      <c r="LO28" s="123">
        <v>0</v>
      </c>
      <c r="LP28" s="123">
        <v>0</v>
      </c>
      <c r="LQ28" s="123">
        <v>0</v>
      </c>
      <c r="LR28" s="124">
        <v>0</v>
      </c>
      <c r="LS28" s="354">
        <v>0</v>
      </c>
      <c r="LT28" s="160">
        <v>0</v>
      </c>
      <c r="LU28" s="123">
        <v>0</v>
      </c>
      <c r="LV28" s="124">
        <v>0</v>
      </c>
      <c r="LW28" s="163"/>
      <c r="LX28" s="123">
        <v>0</v>
      </c>
      <c r="LY28" s="123">
        <v>0</v>
      </c>
      <c r="LZ28" s="123">
        <v>0</v>
      </c>
      <c r="MA28" s="123">
        <v>0</v>
      </c>
      <c r="MB28" s="123">
        <v>0</v>
      </c>
      <c r="MC28" s="124">
        <v>0</v>
      </c>
      <c r="MD28" s="125">
        <v>0</v>
      </c>
      <c r="ME28" s="160">
        <v>0</v>
      </c>
      <c r="MF28" s="123">
        <v>0</v>
      </c>
      <c r="MG28" s="124">
        <v>0</v>
      </c>
      <c r="MH28" s="163"/>
      <c r="MI28" s="123">
        <v>0</v>
      </c>
      <c r="MJ28" s="123">
        <v>204215</v>
      </c>
      <c r="MK28" s="123">
        <v>869750</v>
      </c>
      <c r="ML28" s="123">
        <v>1785093</v>
      </c>
      <c r="MM28" s="123">
        <v>1226335</v>
      </c>
      <c r="MN28" s="124">
        <v>4085393</v>
      </c>
      <c r="MO28" s="161">
        <v>4085393</v>
      </c>
      <c r="MP28" s="160">
        <v>0</v>
      </c>
      <c r="MQ28" s="123">
        <v>0</v>
      </c>
      <c r="MR28" s="124">
        <v>0</v>
      </c>
      <c r="MS28" s="163"/>
      <c r="MT28" s="123">
        <v>0</v>
      </c>
      <c r="MU28" s="123">
        <v>0</v>
      </c>
      <c r="MV28" s="123">
        <v>312268</v>
      </c>
      <c r="MW28" s="123">
        <v>1349091</v>
      </c>
      <c r="MX28" s="123">
        <v>267481</v>
      </c>
      <c r="MY28" s="124">
        <v>1928840</v>
      </c>
      <c r="MZ28" s="161">
        <v>1928840</v>
      </c>
      <c r="NA28" s="160">
        <v>0</v>
      </c>
      <c r="NB28" s="123">
        <v>0</v>
      </c>
      <c r="NC28" s="124">
        <v>0</v>
      </c>
      <c r="ND28" s="163"/>
      <c r="NE28" s="123">
        <v>0</v>
      </c>
      <c r="NF28" s="123">
        <v>204215</v>
      </c>
      <c r="NG28" s="123">
        <v>557482</v>
      </c>
      <c r="NH28" s="123">
        <v>436002</v>
      </c>
      <c r="NI28" s="123">
        <v>680727</v>
      </c>
      <c r="NJ28" s="124">
        <v>1878426</v>
      </c>
      <c r="NK28" s="354">
        <v>1878426</v>
      </c>
      <c r="NL28" s="160">
        <v>0</v>
      </c>
      <c r="NM28" s="123">
        <v>0</v>
      </c>
      <c r="NN28" s="124">
        <v>0</v>
      </c>
      <c r="NO28" s="163"/>
      <c r="NP28" s="123">
        <v>0</v>
      </c>
      <c r="NQ28" s="123">
        <v>0</v>
      </c>
      <c r="NR28" s="123">
        <v>0</v>
      </c>
      <c r="NS28" s="123">
        <v>0</v>
      </c>
      <c r="NT28" s="123">
        <v>278127</v>
      </c>
      <c r="NU28" s="124">
        <v>278127</v>
      </c>
      <c r="NV28" s="125">
        <v>278127</v>
      </c>
      <c r="NW28" s="160">
        <v>0</v>
      </c>
      <c r="NX28" s="123">
        <v>0</v>
      </c>
      <c r="NY28" s="124">
        <v>0</v>
      </c>
      <c r="NZ28" s="163"/>
      <c r="OA28" s="123">
        <v>0</v>
      </c>
      <c r="OB28" s="123">
        <v>0</v>
      </c>
      <c r="OC28" s="123">
        <v>0</v>
      </c>
      <c r="OD28" s="123">
        <v>0</v>
      </c>
      <c r="OE28" s="123">
        <v>0</v>
      </c>
      <c r="OF28" s="124">
        <v>0</v>
      </c>
      <c r="OG28" s="125">
        <v>0</v>
      </c>
      <c r="OH28" s="160">
        <v>73897</v>
      </c>
      <c r="OI28" s="123">
        <v>160619</v>
      </c>
      <c r="OJ28" s="159">
        <v>234516</v>
      </c>
      <c r="OK28" s="122">
        <v>0</v>
      </c>
      <c r="OL28" s="123">
        <v>1607370</v>
      </c>
      <c r="OM28" s="123">
        <v>2529322</v>
      </c>
      <c r="ON28" s="123">
        <v>2979206</v>
      </c>
      <c r="OO28" s="123">
        <v>4528064</v>
      </c>
      <c r="OP28" s="123">
        <v>1573954</v>
      </c>
      <c r="OQ28" s="124">
        <v>13217916</v>
      </c>
      <c r="OR28" s="161">
        <v>13452432</v>
      </c>
    </row>
    <row r="29" spans="1:408" ht="20.25" customHeight="1" x14ac:dyDescent="0.2">
      <c r="A29" s="130" t="s">
        <v>24</v>
      </c>
      <c r="B29" s="113">
        <v>326536</v>
      </c>
      <c r="C29" s="117">
        <v>231963</v>
      </c>
      <c r="D29" s="116">
        <v>558499</v>
      </c>
      <c r="E29" s="112">
        <v>0</v>
      </c>
      <c r="F29" s="117">
        <v>1893913</v>
      </c>
      <c r="G29" s="117">
        <v>1779674</v>
      </c>
      <c r="H29" s="117">
        <v>657806</v>
      </c>
      <c r="I29" s="117">
        <v>2733388</v>
      </c>
      <c r="J29" s="117">
        <v>1723645</v>
      </c>
      <c r="K29" s="201">
        <v>8788426</v>
      </c>
      <c r="L29" s="119">
        <v>9346925</v>
      </c>
      <c r="M29" s="113">
        <v>65324</v>
      </c>
      <c r="N29" s="117">
        <v>61560</v>
      </c>
      <c r="O29" s="116">
        <v>126884</v>
      </c>
      <c r="P29" s="113">
        <v>0</v>
      </c>
      <c r="Q29" s="117">
        <v>440969</v>
      </c>
      <c r="R29" s="117">
        <v>513415</v>
      </c>
      <c r="S29" s="117">
        <v>164579</v>
      </c>
      <c r="T29" s="117">
        <v>828590</v>
      </c>
      <c r="U29" s="117">
        <v>937057</v>
      </c>
      <c r="V29" s="116">
        <v>2884610</v>
      </c>
      <c r="W29" s="119">
        <v>3011494</v>
      </c>
      <c r="X29" s="113">
        <v>0</v>
      </c>
      <c r="Y29" s="117">
        <v>0</v>
      </c>
      <c r="Z29" s="116">
        <v>0</v>
      </c>
      <c r="AA29" s="113">
        <v>0</v>
      </c>
      <c r="AB29" s="117">
        <v>155587</v>
      </c>
      <c r="AC29" s="117">
        <v>246949</v>
      </c>
      <c r="AD29" s="117">
        <v>69844</v>
      </c>
      <c r="AE29" s="117">
        <v>548319</v>
      </c>
      <c r="AF29" s="117">
        <v>332329</v>
      </c>
      <c r="AG29" s="116">
        <v>1353028</v>
      </c>
      <c r="AH29" s="119">
        <v>1353028</v>
      </c>
      <c r="AI29" s="113">
        <v>0</v>
      </c>
      <c r="AJ29" s="117">
        <v>0</v>
      </c>
      <c r="AK29" s="116">
        <v>0</v>
      </c>
      <c r="AL29" s="113">
        <v>0</v>
      </c>
      <c r="AM29" s="117">
        <v>0</v>
      </c>
      <c r="AN29" s="117">
        <v>0</v>
      </c>
      <c r="AO29" s="117">
        <v>0</v>
      </c>
      <c r="AP29" s="117">
        <v>0</v>
      </c>
      <c r="AQ29" s="117">
        <v>113881</v>
      </c>
      <c r="AR29" s="116">
        <v>113881</v>
      </c>
      <c r="AS29" s="119">
        <v>113881</v>
      </c>
      <c r="AT29" s="113">
        <v>0</v>
      </c>
      <c r="AU29" s="117">
        <v>52796</v>
      </c>
      <c r="AV29" s="116">
        <v>52796</v>
      </c>
      <c r="AW29" s="113">
        <v>0</v>
      </c>
      <c r="AX29" s="117">
        <v>196069</v>
      </c>
      <c r="AY29" s="117">
        <v>92606</v>
      </c>
      <c r="AZ29" s="117">
        <v>47541</v>
      </c>
      <c r="BA29" s="117">
        <v>108393</v>
      </c>
      <c r="BB29" s="117">
        <v>299343</v>
      </c>
      <c r="BC29" s="116">
        <v>743952</v>
      </c>
      <c r="BD29" s="119">
        <v>796748</v>
      </c>
      <c r="BE29" s="113">
        <v>0</v>
      </c>
      <c r="BF29" s="117">
        <v>0</v>
      </c>
      <c r="BG29" s="115">
        <v>0</v>
      </c>
      <c r="BH29" s="114">
        <v>0</v>
      </c>
      <c r="BI29" s="117">
        <v>0</v>
      </c>
      <c r="BJ29" s="117">
        <v>43226</v>
      </c>
      <c r="BK29" s="117">
        <v>0</v>
      </c>
      <c r="BL29" s="117">
        <v>0</v>
      </c>
      <c r="BM29" s="117">
        <v>88968</v>
      </c>
      <c r="BN29" s="116">
        <v>132194</v>
      </c>
      <c r="BO29" s="119">
        <v>132194</v>
      </c>
      <c r="BP29" s="113">
        <v>65324</v>
      </c>
      <c r="BQ29" s="117">
        <v>8764</v>
      </c>
      <c r="BR29" s="116">
        <v>74088</v>
      </c>
      <c r="BS29" s="113">
        <v>0</v>
      </c>
      <c r="BT29" s="117">
        <v>89313</v>
      </c>
      <c r="BU29" s="117">
        <v>130634</v>
      </c>
      <c r="BV29" s="117">
        <v>47194</v>
      </c>
      <c r="BW29" s="117">
        <v>171878</v>
      </c>
      <c r="BX29" s="117">
        <v>102536</v>
      </c>
      <c r="BY29" s="116">
        <v>541555</v>
      </c>
      <c r="BZ29" s="119">
        <v>615643</v>
      </c>
      <c r="CA29" s="113">
        <v>17860</v>
      </c>
      <c r="CB29" s="117">
        <v>0</v>
      </c>
      <c r="CC29" s="116">
        <v>17860</v>
      </c>
      <c r="CD29" s="113">
        <v>0</v>
      </c>
      <c r="CE29" s="117">
        <v>625312</v>
      </c>
      <c r="CF29" s="117">
        <v>233202</v>
      </c>
      <c r="CG29" s="117">
        <v>53039</v>
      </c>
      <c r="CH29" s="117">
        <v>386245</v>
      </c>
      <c r="CI29" s="117">
        <v>165927</v>
      </c>
      <c r="CJ29" s="116">
        <v>1463725</v>
      </c>
      <c r="CK29" s="119">
        <v>1481585</v>
      </c>
      <c r="CL29" s="113">
        <v>0</v>
      </c>
      <c r="CM29" s="117">
        <v>0</v>
      </c>
      <c r="CN29" s="116">
        <v>0</v>
      </c>
      <c r="CO29" s="114">
        <v>0</v>
      </c>
      <c r="CP29" s="117">
        <v>391882</v>
      </c>
      <c r="CQ29" s="117">
        <v>130260</v>
      </c>
      <c r="CR29" s="117">
        <v>0</v>
      </c>
      <c r="CS29" s="117">
        <v>80890</v>
      </c>
      <c r="CT29" s="117">
        <v>0</v>
      </c>
      <c r="CU29" s="116">
        <v>603032</v>
      </c>
      <c r="CV29" s="119">
        <v>603032</v>
      </c>
      <c r="CW29" s="113">
        <v>17860</v>
      </c>
      <c r="CX29" s="117">
        <v>0</v>
      </c>
      <c r="CY29" s="116">
        <v>17860</v>
      </c>
      <c r="CZ29" s="113">
        <v>0</v>
      </c>
      <c r="DA29" s="117">
        <v>233430</v>
      </c>
      <c r="DB29" s="117">
        <v>102942</v>
      </c>
      <c r="DC29" s="117">
        <v>53039</v>
      </c>
      <c r="DD29" s="117">
        <v>305355</v>
      </c>
      <c r="DE29" s="117">
        <v>165927</v>
      </c>
      <c r="DF29" s="116">
        <v>860693</v>
      </c>
      <c r="DG29" s="119">
        <v>878553</v>
      </c>
      <c r="DH29" s="113">
        <v>0</v>
      </c>
      <c r="DI29" s="117">
        <v>0</v>
      </c>
      <c r="DJ29" s="115">
        <v>0</v>
      </c>
      <c r="DK29" s="114">
        <v>0</v>
      </c>
      <c r="DL29" s="117">
        <v>18631</v>
      </c>
      <c r="DM29" s="117">
        <v>48850</v>
      </c>
      <c r="DN29" s="117">
        <v>0</v>
      </c>
      <c r="DO29" s="117">
        <v>0</v>
      </c>
      <c r="DP29" s="117">
        <v>66922</v>
      </c>
      <c r="DQ29" s="116">
        <v>134403</v>
      </c>
      <c r="DR29" s="119">
        <v>134403</v>
      </c>
      <c r="DS29" s="113">
        <v>0</v>
      </c>
      <c r="DT29" s="117">
        <v>0</v>
      </c>
      <c r="DU29" s="116">
        <v>0</v>
      </c>
      <c r="DV29" s="113">
        <v>0</v>
      </c>
      <c r="DW29" s="117">
        <v>18631</v>
      </c>
      <c r="DX29" s="117">
        <v>48850</v>
      </c>
      <c r="DY29" s="117">
        <v>0</v>
      </c>
      <c r="DZ29" s="117">
        <v>0</v>
      </c>
      <c r="EA29" s="117">
        <v>66922</v>
      </c>
      <c r="EB29" s="116">
        <v>134403</v>
      </c>
      <c r="EC29" s="119">
        <v>134403</v>
      </c>
      <c r="ED29" s="113">
        <v>0</v>
      </c>
      <c r="EE29" s="115">
        <v>0</v>
      </c>
      <c r="EF29" s="116">
        <v>0</v>
      </c>
      <c r="EG29" s="113">
        <v>0</v>
      </c>
      <c r="EH29" s="117">
        <v>0</v>
      </c>
      <c r="EI29" s="117">
        <v>0</v>
      </c>
      <c r="EJ29" s="117">
        <v>0</v>
      </c>
      <c r="EK29" s="117">
        <v>0</v>
      </c>
      <c r="EL29" s="117">
        <v>0</v>
      </c>
      <c r="EM29" s="115">
        <v>0</v>
      </c>
      <c r="EN29" s="119">
        <v>0</v>
      </c>
      <c r="EO29" s="113">
        <v>0</v>
      </c>
      <c r="EP29" s="117">
        <v>0</v>
      </c>
      <c r="EQ29" s="115">
        <v>0</v>
      </c>
      <c r="ER29" s="114">
        <v>0</v>
      </c>
      <c r="ES29" s="117">
        <v>0</v>
      </c>
      <c r="ET29" s="117">
        <v>0</v>
      </c>
      <c r="EU29" s="117">
        <v>0</v>
      </c>
      <c r="EV29" s="117">
        <v>0</v>
      </c>
      <c r="EW29" s="117">
        <v>0</v>
      </c>
      <c r="EX29" s="116">
        <v>0</v>
      </c>
      <c r="EY29" s="119">
        <v>0</v>
      </c>
      <c r="EZ29" s="113">
        <v>0</v>
      </c>
      <c r="FA29" s="117">
        <v>0</v>
      </c>
      <c r="FB29" s="115">
        <v>0</v>
      </c>
      <c r="FC29" s="387"/>
      <c r="FD29" s="117">
        <v>0</v>
      </c>
      <c r="FE29" s="117">
        <v>0</v>
      </c>
      <c r="FF29" s="117">
        <v>0</v>
      </c>
      <c r="FG29" s="117">
        <v>0</v>
      </c>
      <c r="FH29" s="117">
        <v>0</v>
      </c>
      <c r="FI29" s="116">
        <v>0</v>
      </c>
      <c r="FJ29" s="119">
        <v>0</v>
      </c>
      <c r="FK29" s="113">
        <v>11130</v>
      </c>
      <c r="FL29" s="117">
        <v>94430</v>
      </c>
      <c r="FM29" s="116">
        <v>105560</v>
      </c>
      <c r="FN29" s="113">
        <v>0</v>
      </c>
      <c r="FO29" s="117">
        <v>99610</v>
      </c>
      <c r="FP29" s="117">
        <v>157290</v>
      </c>
      <c r="FQ29" s="117">
        <v>94237</v>
      </c>
      <c r="FR29" s="117">
        <v>181734</v>
      </c>
      <c r="FS29" s="117">
        <v>136675</v>
      </c>
      <c r="FT29" s="116">
        <v>669546</v>
      </c>
      <c r="FU29" s="119">
        <v>775106</v>
      </c>
      <c r="FV29" s="118">
        <v>11130</v>
      </c>
      <c r="FW29" s="117">
        <v>27930</v>
      </c>
      <c r="FX29" s="115">
        <v>39060</v>
      </c>
      <c r="FY29" s="114">
        <v>0</v>
      </c>
      <c r="FZ29" s="117">
        <v>99610</v>
      </c>
      <c r="GA29" s="117">
        <v>149590</v>
      </c>
      <c r="GB29" s="117">
        <v>21126</v>
      </c>
      <c r="GC29" s="117">
        <v>141134</v>
      </c>
      <c r="GD29" s="117">
        <v>136675</v>
      </c>
      <c r="GE29" s="116">
        <v>548135</v>
      </c>
      <c r="GF29" s="351">
        <v>587195</v>
      </c>
      <c r="GG29" s="118">
        <v>0</v>
      </c>
      <c r="GH29" s="117">
        <v>0</v>
      </c>
      <c r="GI29" s="115">
        <v>0</v>
      </c>
      <c r="GJ29" s="114">
        <v>0</v>
      </c>
      <c r="GK29" s="117">
        <v>0</v>
      </c>
      <c r="GL29" s="117">
        <v>7700</v>
      </c>
      <c r="GM29" s="117">
        <v>0</v>
      </c>
      <c r="GN29" s="117">
        <v>0</v>
      </c>
      <c r="GO29" s="117">
        <v>0</v>
      </c>
      <c r="GP29" s="116">
        <v>7700</v>
      </c>
      <c r="GQ29" s="119">
        <v>7700</v>
      </c>
      <c r="GR29" s="113">
        <v>0</v>
      </c>
      <c r="GS29" s="117">
        <v>66500</v>
      </c>
      <c r="GT29" s="116">
        <v>66500</v>
      </c>
      <c r="GU29" s="113">
        <v>0</v>
      </c>
      <c r="GV29" s="117">
        <v>0</v>
      </c>
      <c r="GW29" s="117">
        <v>0</v>
      </c>
      <c r="GX29" s="117">
        <v>73111</v>
      </c>
      <c r="GY29" s="117">
        <v>40600</v>
      </c>
      <c r="GZ29" s="117">
        <v>0</v>
      </c>
      <c r="HA29" s="115">
        <v>113711</v>
      </c>
      <c r="HB29" s="119">
        <v>180211</v>
      </c>
      <c r="HC29" s="113">
        <v>232222</v>
      </c>
      <c r="HD29" s="117">
        <v>75973</v>
      </c>
      <c r="HE29" s="115">
        <v>308195</v>
      </c>
      <c r="HF29" s="114">
        <v>0</v>
      </c>
      <c r="HG29" s="117">
        <v>709391</v>
      </c>
      <c r="HH29" s="117">
        <v>826917</v>
      </c>
      <c r="HI29" s="117">
        <v>345951</v>
      </c>
      <c r="HJ29" s="117">
        <v>1336819</v>
      </c>
      <c r="HK29" s="117">
        <v>417064</v>
      </c>
      <c r="HL29" s="116">
        <v>3636142</v>
      </c>
      <c r="HM29" s="112">
        <v>3944337</v>
      </c>
      <c r="HN29" s="367"/>
      <c r="HO29" s="368"/>
      <c r="HP29" s="369"/>
      <c r="HQ29" s="370"/>
      <c r="HR29" s="368"/>
      <c r="HS29" s="368"/>
      <c r="HT29" s="368"/>
      <c r="HU29" s="368"/>
      <c r="HV29" s="368"/>
      <c r="HW29" s="371"/>
      <c r="HX29" s="372"/>
      <c r="HY29" s="149">
        <v>35829</v>
      </c>
      <c r="HZ29" s="150">
        <v>61296</v>
      </c>
      <c r="IA29" s="151">
        <v>97125</v>
      </c>
      <c r="IB29" s="164">
        <v>0</v>
      </c>
      <c r="IC29" s="150">
        <v>414723</v>
      </c>
      <c r="ID29" s="165">
        <v>316528</v>
      </c>
      <c r="IE29" s="151">
        <v>354462</v>
      </c>
      <c r="IF29" s="150">
        <v>589054</v>
      </c>
      <c r="IG29" s="151">
        <v>435323</v>
      </c>
      <c r="IH29" s="166">
        <v>2110090</v>
      </c>
      <c r="II29" s="157">
        <v>2207215</v>
      </c>
      <c r="IJ29" s="262">
        <v>0</v>
      </c>
      <c r="IK29" s="269">
        <v>0</v>
      </c>
      <c r="IL29" s="270">
        <v>0</v>
      </c>
      <c r="IM29" s="158"/>
      <c r="IN29" s="123">
        <v>0</v>
      </c>
      <c r="IO29" s="123">
        <v>0</v>
      </c>
      <c r="IP29" s="123">
        <v>0</v>
      </c>
      <c r="IQ29" s="123">
        <v>378288</v>
      </c>
      <c r="IR29" s="123">
        <v>0</v>
      </c>
      <c r="IS29" s="159">
        <v>378288</v>
      </c>
      <c r="IT29" s="354">
        <v>378288</v>
      </c>
      <c r="IU29" s="160">
        <v>0</v>
      </c>
      <c r="IV29" s="123">
        <v>0</v>
      </c>
      <c r="IW29" s="124">
        <v>0</v>
      </c>
      <c r="IX29" s="162"/>
      <c r="IY29" s="123">
        <v>0</v>
      </c>
      <c r="IZ29" s="123">
        <v>0</v>
      </c>
      <c r="JA29" s="123">
        <v>0</v>
      </c>
      <c r="JB29" s="123">
        <v>0</v>
      </c>
      <c r="JC29" s="123">
        <v>0</v>
      </c>
      <c r="JD29" s="124">
        <v>0</v>
      </c>
      <c r="JE29" s="125">
        <v>0</v>
      </c>
      <c r="JF29" s="160">
        <v>0</v>
      </c>
      <c r="JG29" s="123">
        <v>0</v>
      </c>
      <c r="JH29" s="159">
        <v>0</v>
      </c>
      <c r="JI29" s="122">
        <v>0</v>
      </c>
      <c r="JJ29" s="123">
        <v>60315</v>
      </c>
      <c r="JK29" s="123">
        <v>133434</v>
      </c>
      <c r="JL29" s="123">
        <v>81113</v>
      </c>
      <c r="JM29" s="123">
        <v>0</v>
      </c>
      <c r="JN29" s="123">
        <v>0</v>
      </c>
      <c r="JO29" s="124">
        <v>274862</v>
      </c>
      <c r="JP29" s="354">
        <v>274862</v>
      </c>
      <c r="JQ29" s="160">
        <v>0</v>
      </c>
      <c r="JR29" s="123">
        <v>0</v>
      </c>
      <c r="JS29" s="159">
        <v>0</v>
      </c>
      <c r="JT29" s="122">
        <v>0</v>
      </c>
      <c r="JU29" s="123">
        <v>0</v>
      </c>
      <c r="JV29" s="123">
        <v>54600</v>
      </c>
      <c r="JW29" s="123">
        <v>0</v>
      </c>
      <c r="JX29" s="123">
        <v>0</v>
      </c>
      <c r="JY29" s="123">
        <v>219503</v>
      </c>
      <c r="JZ29" s="124">
        <v>274103</v>
      </c>
      <c r="KA29" s="354">
        <v>274103</v>
      </c>
      <c r="KB29" s="265">
        <v>35829</v>
      </c>
      <c r="KC29" s="259">
        <v>61296</v>
      </c>
      <c r="KD29" s="124">
        <v>97125</v>
      </c>
      <c r="KE29" s="122">
        <v>0</v>
      </c>
      <c r="KF29" s="123">
        <v>354408</v>
      </c>
      <c r="KG29" s="123">
        <v>128494</v>
      </c>
      <c r="KH29" s="123">
        <v>0</v>
      </c>
      <c r="KI29" s="123">
        <v>0</v>
      </c>
      <c r="KJ29" s="123">
        <v>0</v>
      </c>
      <c r="KK29" s="124">
        <v>482902</v>
      </c>
      <c r="KL29" s="161">
        <v>580027</v>
      </c>
      <c r="KM29" s="262">
        <v>0</v>
      </c>
      <c r="KN29" s="269">
        <v>0</v>
      </c>
      <c r="KO29" s="270">
        <v>0</v>
      </c>
      <c r="KP29" s="158">
        <v>0</v>
      </c>
      <c r="KQ29" s="123">
        <v>0</v>
      </c>
      <c r="KR29" s="123">
        <v>0</v>
      </c>
      <c r="KS29" s="123">
        <v>273349</v>
      </c>
      <c r="KT29" s="123">
        <v>210766</v>
      </c>
      <c r="KU29" s="123">
        <v>215820</v>
      </c>
      <c r="KV29" s="124">
        <v>699935</v>
      </c>
      <c r="KW29" s="354">
        <v>699935</v>
      </c>
      <c r="KX29" s="160">
        <v>0</v>
      </c>
      <c r="KY29" s="123">
        <v>0</v>
      </c>
      <c r="KZ29" s="124">
        <v>0</v>
      </c>
      <c r="LA29" s="163">
        <v>0</v>
      </c>
      <c r="LB29" s="123">
        <v>0</v>
      </c>
      <c r="LC29" s="123">
        <v>0</v>
      </c>
      <c r="LD29" s="123">
        <v>0</v>
      </c>
      <c r="LE29" s="123">
        <v>0</v>
      </c>
      <c r="LF29" s="123">
        <v>0</v>
      </c>
      <c r="LG29" s="124">
        <v>0</v>
      </c>
      <c r="LH29" s="125">
        <v>0</v>
      </c>
      <c r="LI29" s="160">
        <v>0</v>
      </c>
      <c r="LJ29" s="123">
        <v>0</v>
      </c>
      <c r="LK29" s="124">
        <v>0</v>
      </c>
      <c r="LL29" s="163"/>
      <c r="LM29" s="123">
        <v>0</v>
      </c>
      <c r="LN29" s="123">
        <v>0</v>
      </c>
      <c r="LO29" s="123">
        <v>0</v>
      </c>
      <c r="LP29" s="123">
        <v>0</v>
      </c>
      <c r="LQ29" s="123">
        <v>0</v>
      </c>
      <c r="LR29" s="124">
        <v>0</v>
      </c>
      <c r="LS29" s="354">
        <v>0</v>
      </c>
      <c r="LT29" s="160">
        <v>0</v>
      </c>
      <c r="LU29" s="123">
        <v>0</v>
      </c>
      <c r="LV29" s="124">
        <v>0</v>
      </c>
      <c r="LW29" s="163"/>
      <c r="LX29" s="123">
        <v>0</v>
      </c>
      <c r="LY29" s="123">
        <v>0</v>
      </c>
      <c r="LZ29" s="123">
        <v>0</v>
      </c>
      <c r="MA29" s="123">
        <v>0</v>
      </c>
      <c r="MB29" s="123">
        <v>0</v>
      </c>
      <c r="MC29" s="124">
        <v>0</v>
      </c>
      <c r="MD29" s="125">
        <v>0</v>
      </c>
      <c r="ME29" s="160">
        <v>0</v>
      </c>
      <c r="MF29" s="123">
        <v>0</v>
      </c>
      <c r="MG29" s="124">
        <v>0</v>
      </c>
      <c r="MH29" s="163"/>
      <c r="MI29" s="123">
        <v>205044</v>
      </c>
      <c r="MJ29" s="123">
        <v>0</v>
      </c>
      <c r="MK29" s="123">
        <v>178747</v>
      </c>
      <c r="ML29" s="123">
        <v>994706</v>
      </c>
      <c r="MM29" s="123">
        <v>0</v>
      </c>
      <c r="MN29" s="124">
        <v>1378497</v>
      </c>
      <c r="MO29" s="161">
        <v>1378497</v>
      </c>
      <c r="MP29" s="160">
        <v>0</v>
      </c>
      <c r="MQ29" s="123">
        <v>0</v>
      </c>
      <c r="MR29" s="124">
        <v>0</v>
      </c>
      <c r="MS29" s="163"/>
      <c r="MT29" s="123">
        <v>0</v>
      </c>
      <c r="MU29" s="123">
        <v>0</v>
      </c>
      <c r="MV29" s="123">
        <v>178747</v>
      </c>
      <c r="MW29" s="123">
        <v>468559</v>
      </c>
      <c r="MX29" s="123">
        <v>0</v>
      </c>
      <c r="MY29" s="124">
        <v>647306</v>
      </c>
      <c r="MZ29" s="161">
        <v>647306</v>
      </c>
      <c r="NA29" s="160">
        <v>0</v>
      </c>
      <c r="NB29" s="123">
        <v>0</v>
      </c>
      <c r="NC29" s="124">
        <v>0</v>
      </c>
      <c r="ND29" s="163"/>
      <c r="NE29" s="123">
        <v>205044</v>
      </c>
      <c r="NF29" s="123">
        <v>0</v>
      </c>
      <c r="NG29" s="123">
        <v>0</v>
      </c>
      <c r="NH29" s="123">
        <v>526147</v>
      </c>
      <c r="NI29" s="123">
        <v>0</v>
      </c>
      <c r="NJ29" s="124">
        <v>731191</v>
      </c>
      <c r="NK29" s="354">
        <v>731191</v>
      </c>
      <c r="NL29" s="160">
        <v>0</v>
      </c>
      <c r="NM29" s="123">
        <v>0</v>
      </c>
      <c r="NN29" s="124">
        <v>0</v>
      </c>
      <c r="NO29" s="163"/>
      <c r="NP29" s="123">
        <v>0</v>
      </c>
      <c r="NQ29" s="123">
        <v>0</v>
      </c>
      <c r="NR29" s="123">
        <v>0</v>
      </c>
      <c r="NS29" s="123">
        <v>0</v>
      </c>
      <c r="NT29" s="123">
        <v>0</v>
      </c>
      <c r="NU29" s="124">
        <v>0</v>
      </c>
      <c r="NV29" s="125">
        <v>0</v>
      </c>
      <c r="NW29" s="160">
        <v>0</v>
      </c>
      <c r="NX29" s="123">
        <v>0</v>
      </c>
      <c r="NY29" s="124">
        <v>0</v>
      </c>
      <c r="NZ29" s="163"/>
      <c r="OA29" s="123">
        <v>0</v>
      </c>
      <c r="OB29" s="123">
        <v>0</v>
      </c>
      <c r="OC29" s="123">
        <v>0</v>
      </c>
      <c r="OD29" s="123">
        <v>0</v>
      </c>
      <c r="OE29" s="123">
        <v>0</v>
      </c>
      <c r="OF29" s="124">
        <v>0</v>
      </c>
      <c r="OG29" s="125">
        <v>0</v>
      </c>
      <c r="OH29" s="160">
        <v>362365</v>
      </c>
      <c r="OI29" s="123">
        <v>293259</v>
      </c>
      <c r="OJ29" s="159">
        <v>655624</v>
      </c>
      <c r="OK29" s="122">
        <v>0</v>
      </c>
      <c r="OL29" s="123">
        <v>2513680</v>
      </c>
      <c r="OM29" s="123">
        <v>2096202</v>
      </c>
      <c r="ON29" s="123">
        <v>1191015</v>
      </c>
      <c r="OO29" s="123">
        <v>4317148</v>
      </c>
      <c r="OP29" s="123">
        <v>2158968</v>
      </c>
      <c r="OQ29" s="124">
        <v>12277013</v>
      </c>
      <c r="OR29" s="161">
        <v>12932637</v>
      </c>
    </row>
    <row r="30" spans="1:408" ht="20.25" customHeight="1" x14ac:dyDescent="0.2">
      <c r="A30" s="130" t="s">
        <v>25</v>
      </c>
      <c r="B30" s="113">
        <v>27692</v>
      </c>
      <c r="C30" s="117">
        <v>165325</v>
      </c>
      <c r="D30" s="116">
        <v>193017</v>
      </c>
      <c r="E30" s="112">
        <v>0</v>
      </c>
      <c r="F30" s="117">
        <v>821092</v>
      </c>
      <c r="G30" s="117">
        <v>1056776</v>
      </c>
      <c r="H30" s="117">
        <v>595066</v>
      </c>
      <c r="I30" s="117">
        <v>894559</v>
      </c>
      <c r="J30" s="117">
        <v>607005</v>
      </c>
      <c r="K30" s="201">
        <v>3974498</v>
      </c>
      <c r="L30" s="119">
        <v>4167515</v>
      </c>
      <c r="M30" s="113">
        <v>17654</v>
      </c>
      <c r="N30" s="117">
        <v>71965</v>
      </c>
      <c r="O30" s="116">
        <v>89619</v>
      </c>
      <c r="P30" s="113">
        <v>0</v>
      </c>
      <c r="Q30" s="117">
        <v>219829</v>
      </c>
      <c r="R30" s="117">
        <v>198468</v>
      </c>
      <c r="S30" s="117">
        <v>109756</v>
      </c>
      <c r="T30" s="117">
        <v>109653</v>
      </c>
      <c r="U30" s="117">
        <v>258842</v>
      </c>
      <c r="V30" s="116">
        <v>896548</v>
      </c>
      <c r="W30" s="119">
        <v>986167</v>
      </c>
      <c r="X30" s="113">
        <v>0</v>
      </c>
      <c r="Y30" s="117">
        <v>0</v>
      </c>
      <c r="Z30" s="116">
        <v>0</v>
      </c>
      <c r="AA30" s="113">
        <v>0</v>
      </c>
      <c r="AB30" s="117">
        <v>71145</v>
      </c>
      <c r="AC30" s="117">
        <v>25974</v>
      </c>
      <c r="AD30" s="117">
        <v>67888</v>
      </c>
      <c r="AE30" s="117">
        <v>27096</v>
      </c>
      <c r="AF30" s="117">
        <v>24453</v>
      </c>
      <c r="AG30" s="116">
        <v>216556</v>
      </c>
      <c r="AH30" s="119">
        <v>216556</v>
      </c>
      <c r="AI30" s="113">
        <v>0</v>
      </c>
      <c r="AJ30" s="117">
        <v>0</v>
      </c>
      <c r="AK30" s="116">
        <v>0</v>
      </c>
      <c r="AL30" s="113">
        <v>0</v>
      </c>
      <c r="AM30" s="117">
        <v>0</v>
      </c>
      <c r="AN30" s="117">
        <v>41035</v>
      </c>
      <c r="AO30" s="117">
        <v>0</v>
      </c>
      <c r="AP30" s="117">
        <v>0</v>
      </c>
      <c r="AQ30" s="117">
        <v>89864</v>
      </c>
      <c r="AR30" s="116">
        <v>130899</v>
      </c>
      <c r="AS30" s="119">
        <v>130899</v>
      </c>
      <c r="AT30" s="113">
        <v>13482</v>
      </c>
      <c r="AU30" s="117">
        <v>71965</v>
      </c>
      <c r="AV30" s="116">
        <v>85447</v>
      </c>
      <c r="AW30" s="113">
        <v>0</v>
      </c>
      <c r="AX30" s="117">
        <v>102148</v>
      </c>
      <c r="AY30" s="117">
        <v>80744</v>
      </c>
      <c r="AZ30" s="117">
        <v>41868</v>
      </c>
      <c r="BA30" s="117">
        <v>36362</v>
      </c>
      <c r="BB30" s="117">
        <v>136895</v>
      </c>
      <c r="BC30" s="116">
        <v>398017</v>
      </c>
      <c r="BD30" s="119">
        <v>483464</v>
      </c>
      <c r="BE30" s="113">
        <v>0</v>
      </c>
      <c r="BF30" s="117">
        <v>0</v>
      </c>
      <c r="BG30" s="115">
        <v>0</v>
      </c>
      <c r="BH30" s="114">
        <v>0</v>
      </c>
      <c r="BI30" s="117">
        <v>0</v>
      </c>
      <c r="BJ30" s="117">
        <v>0</v>
      </c>
      <c r="BK30" s="117">
        <v>0</v>
      </c>
      <c r="BL30" s="117">
        <v>18993</v>
      </c>
      <c r="BM30" s="117">
        <v>0</v>
      </c>
      <c r="BN30" s="116">
        <v>18993</v>
      </c>
      <c r="BO30" s="119">
        <v>18993</v>
      </c>
      <c r="BP30" s="113">
        <v>4172</v>
      </c>
      <c r="BQ30" s="117">
        <v>0</v>
      </c>
      <c r="BR30" s="116">
        <v>4172</v>
      </c>
      <c r="BS30" s="113">
        <v>0</v>
      </c>
      <c r="BT30" s="117">
        <v>46536</v>
      </c>
      <c r="BU30" s="117">
        <v>50715</v>
      </c>
      <c r="BV30" s="117">
        <v>0</v>
      </c>
      <c r="BW30" s="117">
        <v>27202</v>
      </c>
      <c r="BX30" s="117">
        <v>7630</v>
      </c>
      <c r="BY30" s="116">
        <v>132083</v>
      </c>
      <c r="BZ30" s="119">
        <v>136255</v>
      </c>
      <c r="CA30" s="113">
        <v>0</v>
      </c>
      <c r="CB30" s="117">
        <v>64156</v>
      </c>
      <c r="CC30" s="116">
        <v>64156</v>
      </c>
      <c r="CD30" s="113">
        <v>0</v>
      </c>
      <c r="CE30" s="117">
        <v>396344</v>
      </c>
      <c r="CF30" s="117">
        <v>456281</v>
      </c>
      <c r="CG30" s="117">
        <v>399633</v>
      </c>
      <c r="CH30" s="117">
        <v>354965</v>
      </c>
      <c r="CI30" s="117">
        <v>0</v>
      </c>
      <c r="CJ30" s="116">
        <v>1607223</v>
      </c>
      <c r="CK30" s="119">
        <v>1671379</v>
      </c>
      <c r="CL30" s="113">
        <v>0</v>
      </c>
      <c r="CM30" s="117">
        <v>0</v>
      </c>
      <c r="CN30" s="116">
        <v>0</v>
      </c>
      <c r="CO30" s="114">
        <v>0</v>
      </c>
      <c r="CP30" s="117">
        <v>396344</v>
      </c>
      <c r="CQ30" s="117">
        <v>129580</v>
      </c>
      <c r="CR30" s="117">
        <v>162589</v>
      </c>
      <c r="CS30" s="117">
        <v>223743</v>
      </c>
      <c r="CT30" s="117">
        <v>0</v>
      </c>
      <c r="CU30" s="116">
        <v>912256</v>
      </c>
      <c r="CV30" s="119">
        <v>912256</v>
      </c>
      <c r="CW30" s="113">
        <v>0</v>
      </c>
      <c r="CX30" s="117">
        <v>64156</v>
      </c>
      <c r="CY30" s="116">
        <v>64156</v>
      </c>
      <c r="CZ30" s="113">
        <v>0</v>
      </c>
      <c r="DA30" s="117">
        <v>0</v>
      </c>
      <c r="DB30" s="117">
        <v>326701</v>
      </c>
      <c r="DC30" s="117">
        <v>237044</v>
      </c>
      <c r="DD30" s="117">
        <v>131222</v>
      </c>
      <c r="DE30" s="117">
        <v>0</v>
      </c>
      <c r="DF30" s="116">
        <v>694967</v>
      </c>
      <c r="DG30" s="119">
        <v>759123</v>
      </c>
      <c r="DH30" s="113">
        <v>0</v>
      </c>
      <c r="DI30" s="117">
        <v>0</v>
      </c>
      <c r="DJ30" s="115">
        <v>0</v>
      </c>
      <c r="DK30" s="114">
        <v>0</v>
      </c>
      <c r="DL30" s="117">
        <v>162247</v>
      </c>
      <c r="DM30" s="117">
        <v>33520</v>
      </c>
      <c r="DN30" s="117">
        <v>30706</v>
      </c>
      <c r="DO30" s="117">
        <v>0</v>
      </c>
      <c r="DP30" s="117">
        <v>0</v>
      </c>
      <c r="DQ30" s="116">
        <v>226473</v>
      </c>
      <c r="DR30" s="119">
        <v>226473</v>
      </c>
      <c r="DS30" s="113">
        <v>0</v>
      </c>
      <c r="DT30" s="117">
        <v>0</v>
      </c>
      <c r="DU30" s="116">
        <v>0</v>
      </c>
      <c r="DV30" s="113">
        <v>0</v>
      </c>
      <c r="DW30" s="117">
        <v>162247</v>
      </c>
      <c r="DX30" s="117">
        <v>33520</v>
      </c>
      <c r="DY30" s="117">
        <v>30706</v>
      </c>
      <c r="DZ30" s="117">
        <v>0</v>
      </c>
      <c r="EA30" s="117">
        <v>0</v>
      </c>
      <c r="EB30" s="116">
        <v>226473</v>
      </c>
      <c r="EC30" s="119">
        <v>226473</v>
      </c>
      <c r="ED30" s="113">
        <v>0</v>
      </c>
      <c r="EE30" s="115">
        <v>0</v>
      </c>
      <c r="EF30" s="116">
        <v>0</v>
      </c>
      <c r="EG30" s="113">
        <v>0</v>
      </c>
      <c r="EH30" s="117">
        <v>0</v>
      </c>
      <c r="EI30" s="117">
        <v>0</v>
      </c>
      <c r="EJ30" s="117">
        <v>0</v>
      </c>
      <c r="EK30" s="117">
        <v>0</v>
      </c>
      <c r="EL30" s="117">
        <v>0</v>
      </c>
      <c r="EM30" s="115">
        <v>0</v>
      </c>
      <c r="EN30" s="119">
        <v>0</v>
      </c>
      <c r="EO30" s="113">
        <v>0</v>
      </c>
      <c r="EP30" s="117">
        <v>0</v>
      </c>
      <c r="EQ30" s="115">
        <v>0</v>
      </c>
      <c r="ER30" s="114">
        <v>0</v>
      </c>
      <c r="ES30" s="117">
        <v>0</v>
      </c>
      <c r="ET30" s="117">
        <v>0</v>
      </c>
      <c r="EU30" s="117">
        <v>0</v>
      </c>
      <c r="EV30" s="117">
        <v>0</v>
      </c>
      <c r="EW30" s="117">
        <v>0</v>
      </c>
      <c r="EX30" s="116">
        <v>0</v>
      </c>
      <c r="EY30" s="119">
        <v>0</v>
      </c>
      <c r="EZ30" s="113">
        <v>0</v>
      </c>
      <c r="FA30" s="117">
        <v>0</v>
      </c>
      <c r="FB30" s="115">
        <v>0</v>
      </c>
      <c r="FC30" s="387"/>
      <c r="FD30" s="117">
        <v>0</v>
      </c>
      <c r="FE30" s="117">
        <v>0</v>
      </c>
      <c r="FF30" s="117">
        <v>0</v>
      </c>
      <c r="FG30" s="117">
        <v>0</v>
      </c>
      <c r="FH30" s="117">
        <v>0</v>
      </c>
      <c r="FI30" s="116">
        <v>0</v>
      </c>
      <c r="FJ30" s="119">
        <v>0</v>
      </c>
      <c r="FK30" s="113">
        <v>10038</v>
      </c>
      <c r="FL30" s="117">
        <v>29204</v>
      </c>
      <c r="FM30" s="116">
        <v>39242</v>
      </c>
      <c r="FN30" s="113">
        <v>0</v>
      </c>
      <c r="FO30" s="117">
        <v>42672</v>
      </c>
      <c r="FP30" s="117">
        <v>60200</v>
      </c>
      <c r="FQ30" s="117">
        <v>54971</v>
      </c>
      <c r="FR30" s="117">
        <v>57960</v>
      </c>
      <c r="FS30" s="117">
        <v>145838</v>
      </c>
      <c r="FT30" s="116">
        <v>361641</v>
      </c>
      <c r="FU30" s="119">
        <v>400883</v>
      </c>
      <c r="FV30" s="118">
        <v>10038</v>
      </c>
      <c r="FW30" s="117">
        <v>29204</v>
      </c>
      <c r="FX30" s="115">
        <v>39242</v>
      </c>
      <c r="FY30" s="114">
        <v>0</v>
      </c>
      <c r="FZ30" s="117">
        <v>42672</v>
      </c>
      <c r="GA30" s="117">
        <v>60200</v>
      </c>
      <c r="GB30" s="117">
        <v>54971</v>
      </c>
      <c r="GC30" s="117">
        <v>57960</v>
      </c>
      <c r="GD30" s="117">
        <v>145838</v>
      </c>
      <c r="GE30" s="116">
        <v>361641</v>
      </c>
      <c r="GF30" s="351">
        <v>400883</v>
      </c>
      <c r="GG30" s="118">
        <v>0</v>
      </c>
      <c r="GH30" s="117">
        <v>0</v>
      </c>
      <c r="GI30" s="115">
        <v>0</v>
      </c>
      <c r="GJ30" s="114">
        <v>0</v>
      </c>
      <c r="GK30" s="117">
        <v>0</v>
      </c>
      <c r="GL30" s="117">
        <v>0</v>
      </c>
      <c r="GM30" s="117">
        <v>0</v>
      </c>
      <c r="GN30" s="117">
        <v>0</v>
      </c>
      <c r="GO30" s="117">
        <v>0</v>
      </c>
      <c r="GP30" s="116">
        <v>0</v>
      </c>
      <c r="GQ30" s="119">
        <v>0</v>
      </c>
      <c r="GR30" s="113">
        <v>0</v>
      </c>
      <c r="GS30" s="117">
        <v>0</v>
      </c>
      <c r="GT30" s="116">
        <v>0</v>
      </c>
      <c r="GU30" s="113">
        <v>0</v>
      </c>
      <c r="GV30" s="117">
        <v>0</v>
      </c>
      <c r="GW30" s="117">
        <v>0</v>
      </c>
      <c r="GX30" s="117">
        <v>0</v>
      </c>
      <c r="GY30" s="117">
        <v>0</v>
      </c>
      <c r="GZ30" s="117">
        <v>0</v>
      </c>
      <c r="HA30" s="115">
        <v>0</v>
      </c>
      <c r="HB30" s="119">
        <v>0</v>
      </c>
      <c r="HC30" s="113">
        <v>0</v>
      </c>
      <c r="HD30" s="117">
        <v>0</v>
      </c>
      <c r="HE30" s="115">
        <v>0</v>
      </c>
      <c r="HF30" s="114">
        <v>0</v>
      </c>
      <c r="HG30" s="117">
        <v>0</v>
      </c>
      <c r="HH30" s="117">
        <v>308307</v>
      </c>
      <c r="HI30" s="117">
        <v>0</v>
      </c>
      <c r="HJ30" s="117">
        <v>371981</v>
      </c>
      <c r="HK30" s="117">
        <v>202325</v>
      </c>
      <c r="HL30" s="116">
        <v>882613</v>
      </c>
      <c r="HM30" s="112">
        <v>882613</v>
      </c>
      <c r="HN30" s="367"/>
      <c r="HO30" s="368"/>
      <c r="HP30" s="369"/>
      <c r="HQ30" s="370"/>
      <c r="HR30" s="368"/>
      <c r="HS30" s="368"/>
      <c r="HT30" s="368"/>
      <c r="HU30" s="368"/>
      <c r="HV30" s="368"/>
      <c r="HW30" s="371"/>
      <c r="HX30" s="372"/>
      <c r="HY30" s="168">
        <v>0</v>
      </c>
      <c r="HZ30" s="153">
        <v>0</v>
      </c>
      <c r="IA30" s="168">
        <v>0</v>
      </c>
      <c r="IB30" s="152">
        <v>0</v>
      </c>
      <c r="IC30" s="153">
        <v>508236</v>
      </c>
      <c r="ID30" s="154">
        <v>299672</v>
      </c>
      <c r="IE30" s="155">
        <v>0</v>
      </c>
      <c r="IF30" s="153">
        <v>16231</v>
      </c>
      <c r="IG30" s="155">
        <v>228823</v>
      </c>
      <c r="IH30" s="156">
        <v>1052962</v>
      </c>
      <c r="II30" s="168">
        <v>1052962</v>
      </c>
      <c r="IJ30" s="262">
        <v>0</v>
      </c>
      <c r="IK30" s="269">
        <v>0</v>
      </c>
      <c r="IL30" s="270">
        <v>0</v>
      </c>
      <c r="IM30" s="158"/>
      <c r="IN30" s="123">
        <v>0</v>
      </c>
      <c r="IO30" s="123">
        <v>0</v>
      </c>
      <c r="IP30" s="123">
        <v>0</v>
      </c>
      <c r="IQ30" s="123">
        <v>0</v>
      </c>
      <c r="IR30" s="123">
        <v>0</v>
      </c>
      <c r="IS30" s="159">
        <v>0</v>
      </c>
      <c r="IT30" s="354">
        <v>0</v>
      </c>
      <c r="IU30" s="160">
        <v>0</v>
      </c>
      <c r="IV30" s="123">
        <v>0</v>
      </c>
      <c r="IW30" s="124">
        <v>0</v>
      </c>
      <c r="IX30" s="162"/>
      <c r="IY30" s="123">
        <v>0</v>
      </c>
      <c r="IZ30" s="123">
        <v>0</v>
      </c>
      <c r="JA30" s="123">
        <v>0</v>
      </c>
      <c r="JB30" s="123">
        <v>0</v>
      </c>
      <c r="JC30" s="123">
        <v>0</v>
      </c>
      <c r="JD30" s="124">
        <v>0</v>
      </c>
      <c r="JE30" s="125">
        <v>0</v>
      </c>
      <c r="JF30" s="160">
        <v>0</v>
      </c>
      <c r="JG30" s="123">
        <v>0</v>
      </c>
      <c r="JH30" s="159">
        <v>0</v>
      </c>
      <c r="JI30" s="122">
        <v>0</v>
      </c>
      <c r="JJ30" s="123">
        <v>109672</v>
      </c>
      <c r="JK30" s="123">
        <v>0</v>
      </c>
      <c r="JL30" s="123">
        <v>0</v>
      </c>
      <c r="JM30" s="123">
        <v>16231</v>
      </c>
      <c r="JN30" s="123">
        <v>0</v>
      </c>
      <c r="JO30" s="124">
        <v>125903</v>
      </c>
      <c r="JP30" s="354">
        <v>125903</v>
      </c>
      <c r="JQ30" s="160">
        <v>0</v>
      </c>
      <c r="JR30" s="123">
        <v>0</v>
      </c>
      <c r="JS30" s="159">
        <v>0</v>
      </c>
      <c r="JT30" s="122">
        <v>0</v>
      </c>
      <c r="JU30" s="123">
        <v>0</v>
      </c>
      <c r="JV30" s="123">
        <v>0</v>
      </c>
      <c r="JW30" s="123">
        <v>0</v>
      </c>
      <c r="JX30" s="123">
        <v>0</v>
      </c>
      <c r="JY30" s="123">
        <v>0</v>
      </c>
      <c r="JZ30" s="124">
        <v>0</v>
      </c>
      <c r="KA30" s="354">
        <v>0</v>
      </c>
      <c r="KB30" s="265">
        <v>0</v>
      </c>
      <c r="KC30" s="259">
        <v>0</v>
      </c>
      <c r="KD30" s="124">
        <v>0</v>
      </c>
      <c r="KE30" s="122">
        <v>0</v>
      </c>
      <c r="KF30" s="123">
        <v>0</v>
      </c>
      <c r="KG30" s="123">
        <v>0</v>
      </c>
      <c r="KH30" s="123">
        <v>0</v>
      </c>
      <c r="KI30" s="123">
        <v>0</v>
      </c>
      <c r="KJ30" s="123">
        <v>228823</v>
      </c>
      <c r="KK30" s="124">
        <v>228823</v>
      </c>
      <c r="KL30" s="161">
        <v>228823</v>
      </c>
      <c r="KM30" s="262">
        <v>0</v>
      </c>
      <c r="KN30" s="269">
        <v>0</v>
      </c>
      <c r="KO30" s="270">
        <v>0</v>
      </c>
      <c r="KP30" s="158">
        <v>0</v>
      </c>
      <c r="KQ30" s="123">
        <v>398564</v>
      </c>
      <c r="KR30" s="123">
        <v>299672</v>
      </c>
      <c r="KS30" s="123">
        <v>0</v>
      </c>
      <c r="KT30" s="123">
        <v>0</v>
      </c>
      <c r="KU30" s="123">
        <v>0</v>
      </c>
      <c r="KV30" s="124">
        <v>698236</v>
      </c>
      <c r="KW30" s="354">
        <v>698236</v>
      </c>
      <c r="KX30" s="160">
        <v>0</v>
      </c>
      <c r="KY30" s="123">
        <v>0</v>
      </c>
      <c r="KZ30" s="124">
        <v>0</v>
      </c>
      <c r="LA30" s="163">
        <v>0</v>
      </c>
      <c r="LB30" s="123">
        <v>0</v>
      </c>
      <c r="LC30" s="123">
        <v>0</v>
      </c>
      <c r="LD30" s="123">
        <v>0</v>
      </c>
      <c r="LE30" s="123">
        <v>0</v>
      </c>
      <c r="LF30" s="123">
        <v>0</v>
      </c>
      <c r="LG30" s="124">
        <v>0</v>
      </c>
      <c r="LH30" s="125">
        <v>0</v>
      </c>
      <c r="LI30" s="160">
        <v>0</v>
      </c>
      <c r="LJ30" s="123">
        <v>0</v>
      </c>
      <c r="LK30" s="124">
        <v>0</v>
      </c>
      <c r="LL30" s="163"/>
      <c r="LM30" s="123">
        <v>0</v>
      </c>
      <c r="LN30" s="123">
        <v>0</v>
      </c>
      <c r="LO30" s="123">
        <v>0</v>
      </c>
      <c r="LP30" s="123">
        <v>0</v>
      </c>
      <c r="LQ30" s="123">
        <v>0</v>
      </c>
      <c r="LR30" s="124">
        <v>0</v>
      </c>
      <c r="LS30" s="354">
        <v>0</v>
      </c>
      <c r="LT30" s="160">
        <v>0</v>
      </c>
      <c r="LU30" s="123">
        <v>0</v>
      </c>
      <c r="LV30" s="124">
        <v>0</v>
      </c>
      <c r="LW30" s="163"/>
      <c r="LX30" s="123">
        <v>0</v>
      </c>
      <c r="LY30" s="123">
        <v>0</v>
      </c>
      <c r="LZ30" s="123">
        <v>0</v>
      </c>
      <c r="MA30" s="123">
        <v>0</v>
      </c>
      <c r="MB30" s="123">
        <v>0</v>
      </c>
      <c r="MC30" s="124">
        <v>0</v>
      </c>
      <c r="MD30" s="125">
        <v>0</v>
      </c>
      <c r="ME30" s="160">
        <v>0</v>
      </c>
      <c r="MF30" s="123">
        <v>0</v>
      </c>
      <c r="MG30" s="124">
        <v>0</v>
      </c>
      <c r="MH30" s="163"/>
      <c r="MI30" s="123">
        <v>0</v>
      </c>
      <c r="MJ30" s="123">
        <v>0</v>
      </c>
      <c r="MK30" s="123">
        <v>33772</v>
      </c>
      <c r="ML30" s="123">
        <v>469622</v>
      </c>
      <c r="MM30" s="123">
        <v>335194</v>
      </c>
      <c r="MN30" s="124">
        <v>838588</v>
      </c>
      <c r="MO30" s="161">
        <v>838588</v>
      </c>
      <c r="MP30" s="160">
        <v>0</v>
      </c>
      <c r="MQ30" s="123">
        <v>0</v>
      </c>
      <c r="MR30" s="124">
        <v>0</v>
      </c>
      <c r="MS30" s="163"/>
      <c r="MT30" s="123">
        <v>0</v>
      </c>
      <c r="MU30" s="123">
        <v>0</v>
      </c>
      <c r="MV30" s="123">
        <v>33772</v>
      </c>
      <c r="MW30" s="123">
        <v>212186</v>
      </c>
      <c r="MX30" s="123">
        <v>335194</v>
      </c>
      <c r="MY30" s="124">
        <v>581152</v>
      </c>
      <c r="MZ30" s="161">
        <v>581152</v>
      </c>
      <c r="NA30" s="160">
        <v>0</v>
      </c>
      <c r="NB30" s="123">
        <v>0</v>
      </c>
      <c r="NC30" s="124">
        <v>0</v>
      </c>
      <c r="ND30" s="163"/>
      <c r="NE30" s="123">
        <v>0</v>
      </c>
      <c r="NF30" s="123">
        <v>0</v>
      </c>
      <c r="NG30" s="123">
        <v>0</v>
      </c>
      <c r="NH30" s="123">
        <v>257436</v>
      </c>
      <c r="NI30" s="123">
        <v>0</v>
      </c>
      <c r="NJ30" s="124">
        <v>257436</v>
      </c>
      <c r="NK30" s="354">
        <v>257436</v>
      </c>
      <c r="NL30" s="160">
        <v>0</v>
      </c>
      <c r="NM30" s="123">
        <v>0</v>
      </c>
      <c r="NN30" s="124">
        <v>0</v>
      </c>
      <c r="NO30" s="163"/>
      <c r="NP30" s="123">
        <v>0</v>
      </c>
      <c r="NQ30" s="123">
        <v>0</v>
      </c>
      <c r="NR30" s="123">
        <v>0</v>
      </c>
      <c r="NS30" s="123">
        <v>0</v>
      </c>
      <c r="NT30" s="123">
        <v>0</v>
      </c>
      <c r="NU30" s="124">
        <v>0</v>
      </c>
      <c r="NV30" s="125">
        <v>0</v>
      </c>
      <c r="NW30" s="160">
        <v>0</v>
      </c>
      <c r="NX30" s="123">
        <v>0</v>
      </c>
      <c r="NY30" s="124">
        <v>0</v>
      </c>
      <c r="NZ30" s="163"/>
      <c r="OA30" s="123">
        <v>0</v>
      </c>
      <c r="OB30" s="123">
        <v>0</v>
      </c>
      <c r="OC30" s="123">
        <v>0</v>
      </c>
      <c r="OD30" s="123">
        <v>0</v>
      </c>
      <c r="OE30" s="123">
        <v>0</v>
      </c>
      <c r="OF30" s="124">
        <v>0</v>
      </c>
      <c r="OG30" s="125">
        <v>0</v>
      </c>
      <c r="OH30" s="160">
        <v>27692</v>
      </c>
      <c r="OI30" s="123">
        <v>165325</v>
      </c>
      <c r="OJ30" s="159">
        <v>193017</v>
      </c>
      <c r="OK30" s="122">
        <v>0</v>
      </c>
      <c r="OL30" s="123">
        <v>1329328</v>
      </c>
      <c r="OM30" s="123">
        <v>1356448</v>
      </c>
      <c r="ON30" s="123">
        <v>628838</v>
      </c>
      <c r="OO30" s="123">
        <v>1380412</v>
      </c>
      <c r="OP30" s="123">
        <v>1171022</v>
      </c>
      <c r="OQ30" s="124">
        <v>5866048</v>
      </c>
      <c r="OR30" s="161">
        <v>6059065</v>
      </c>
    </row>
    <row r="31" spans="1:408" ht="20.25" customHeight="1" x14ac:dyDescent="0.2">
      <c r="A31" s="130" t="s">
        <v>26</v>
      </c>
      <c r="B31" s="113">
        <v>141173</v>
      </c>
      <c r="C31" s="117">
        <v>183112</v>
      </c>
      <c r="D31" s="116">
        <v>324285</v>
      </c>
      <c r="E31" s="112">
        <v>0</v>
      </c>
      <c r="F31" s="117">
        <v>864206</v>
      </c>
      <c r="G31" s="117">
        <v>1478300</v>
      </c>
      <c r="H31" s="117">
        <v>509487</v>
      </c>
      <c r="I31" s="117">
        <v>610528</v>
      </c>
      <c r="J31" s="117">
        <v>1022689</v>
      </c>
      <c r="K31" s="201">
        <v>4485210</v>
      </c>
      <c r="L31" s="119">
        <v>4809495</v>
      </c>
      <c r="M31" s="113">
        <v>29953</v>
      </c>
      <c r="N31" s="117">
        <v>40261</v>
      </c>
      <c r="O31" s="116">
        <v>70214</v>
      </c>
      <c r="P31" s="113">
        <v>0</v>
      </c>
      <c r="Q31" s="117">
        <v>121670</v>
      </c>
      <c r="R31" s="117">
        <v>379204</v>
      </c>
      <c r="S31" s="117">
        <v>235220</v>
      </c>
      <c r="T31" s="117">
        <v>352258</v>
      </c>
      <c r="U31" s="117">
        <v>740575</v>
      </c>
      <c r="V31" s="116">
        <v>1828927</v>
      </c>
      <c r="W31" s="119">
        <v>1899141</v>
      </c>
      <c r="X31" s="113">
        <v>0</v>
      </c>
      <c r="Y31" s="117">
        <v>0</v>
      </c>
      <c r="Z31" s="116">
        <v>0</v>
      </c>
      <c r="AA31" s="113">
        <v>0</v>
      </c>
      <c r="AB31" s="117">
        <v>60418</v>
      </c>
      <c r="AC31" s="117">
        <v>238230</v>
      </c>
      <c r="AD31" s="117">
        <v>150817</v>
      </c>
      <c r="AE31" s="117">
        <v>216213</v>
      </c>
      <c r="AF31" s="117">
        <v>359339</v>
      </c>
      <c r="AG31" s="116">
        <v>1025017</v>
      </c>
      <c r="AH31" s="119">
        <v>1025017</v>
      </c>
      <c r="AI31" s="113">
        <v>0</v>
      </c>
      <c r="AJ31" s="117">
        <v>0</v>
      </c>
      <c r="AK31" s="116">
        <v>0</v>
      </c>
      <c r="AL31" s="113">
        <v>0</v>
      </c>
      <c r="AM31" s="117">
        <v>0</v>
      </c>
      <c r="AN31" s="117">
        <v>0</v>
      </c>
      <c r="AO31" s="117">
        <v>0</v>
      </c>
      <c r="AP31" s="117">
        <v>0</v>
      </c>
      <c r="AQ31" s="117">
        <v>105083</v>
      </c>
      <c r="AR31" s="116">
        <v>105083</v>
      </c>
      <c r="AS31" s="119">
        <v>105083</v>
      </c>
      <c r="AT31" s="113">
        <v>0</v>
      </c>
      <c r="AU31" s="117">
        <v>40261</v>
      </c>
      <c r="AV31" s="116">
        <v>40261</v>
      </c>
      <c r="AW31" s="113">
        <v>0</v>
      </c>
      <c r="AX31" s="117">
        <v>50766</v>
      </c>
      <c r="AY31" s="117">
        <v>105519</v>
      </c>
      <c r="AZ31" s="117">
        <v>73007</v>
      </c>
      <c r="BA31" s="117">
        <v>78512</v>
      </c>
      <c r="BB31" s="117">
        <v>215428</v>
      </c>
      <c r="BC31" s="116">
        <v>523232</v>
      </c>
      <c r="BD31" s="119">
        <v>563493</v>
      </c>
      <c r="BE31" s="113">
        <v>0</v>
      </c>
      <c r="BF31" s="117">
        <v>0</v>
      </c>
      <c r="BG31" s="115">
        <v>0</v>
      </c>
      <c r="BH31" s="114">
        <v>0</v>
      </c>
      <c r="BI31" s="117">
        <v>0</v>
      </c>
      <c r="BJ31" s="117">
        <v>0</v>
      </c>
      <c r="BK31" s="117">
        <v>0</v>
      </c>
      <c r="BL31" s="117">
        <v>0</v>
      </c>
      <c r="BM31" s="117">
        <v>0</v>
      </c>
      <c r="BN31" s="116">
        <v>0</v>
      </c>
      <c r="BO31" s="119">
        <v>0</v>
      </c>
      <c r="BP31" s="113">
        <v>29953</v>
      </c>
      <c r="BQ31" s="117">
        <v>0</v>
      </c>
      <c r="BR31" s="116">
        <v>29953</v>
      </c>
      <c r="BS31" s="113">
        <v>0</v>
      </c>
      <c r="BT31" s="117">
        <v>10486</v>
      </c>
      <c r="BU31" s="117">
        <v>35455</v>
      </c>
      <c r="BV31" s="117">
        <v>11396</v>
      </c>
      <c r="BW31" s="117">
        <v>57533</v>
      </c>
      <c r="BX31" s="117">
        <v>60725</v>
      </c>
      <c r="BY31" s="116">
        <v>175595</v>
      </c>
      <c r="BZ31" s="119">
        <v>205548</v>
      </c>
      <c r="CA31" s="113">
        <v>0</v>
      </c>
      <c r="CB31" s="117">
        <v>31967</v>
      </c>
      <c r="CC31" s="116">
        <v>31967</v>
      </c>
      <c r="CD31" s="113">
        <v>0</v>
      </c>
      <c r="CE31" s="117">
        <v>541341</v>
      </c>
      <c r="CF31" s="117">
        <v>357859</v>
      </c>
      <c r="CG31" s="117">
        <v>90055</v>
      </c>
      <c r="CH31" s="117">
        <v>0</v>
      </c>
      <c r="CI31" s="117">
        <v>0</v>
      </c>
      <c r="CJ31" s="116">
        <v>989255</v>
      </c>
      <c r="CK31" s="119">
        <v>1021222</v>
      </c>
      <c r="CL31" s="113">
        <v>0</v>
      </c>
      <c r="CM31" s="117">
        <v>0</v>
      </c>
      <c r="CN31" s="116">
        <v>0</v>
      </c>
      <c r="CO31" s="114">
        <v>0</v>
      </c>
      <c r="CP31" s="117">
        <v>461482</v>
      </c>
      <c r="CQ31" s="117">
        <v>114958</v>
      </c>
      <c r="CR31" s="117">
        <v>49316</v>
      </c>
      <c r="CS31" s="117">
        <v>0</v>
      </c>
      <c r="CT31" s="117">
        <v>0</v>
      </c>
      <c r="CU31" s="116">
        <v>625756</v>
      </c>
      <c r="CV31" s="119">
        <v>625756</v>
      </c>
      <c r="CW31" s="113">
        <v>0</v>
      </c>
      <c r="CX31" s="117">
        <v>31967</v>
      </c>
      <c r="CY31" s="116">
        <v>31967</v>
      </c>
      <c r="CZ31" s="113">
        <v>0</v>
      </c>
      <c r="DA31" s="117">
        <v>79859</v>
      </c>
      <c r="DB31" s="117">
        <v>242901</v>
      </c>
      <c r="DC31" s="117">
        <v>40739</v>
      </c>
      <c r="DD31" s="117">
        <v>0</v>
      </c>
      <c r="DE31" s="117">
        <v>0</v>
      </c>
      <c r="DF31" s="116">
        <v>363499</v>
      </c>
      <c r="DG31" s="119">
        <v>395466</v>
      </c>
      <c r="DH31" s="113">
        <v>0</v>
      </c>
      <c r="DI31" s="117">
        <v>0</v>
      </c>
      <c r="DJ31" s="115">
        <v>0</v>
      </c>
      <c r="DK31" s="114">
        <v>0</v>
      </c>
      <c r="DL31" s="117">
        <v>19089</v>
      </c>
      <c r="DM31" s="117">
        <v>0</v>
      </c>
      <c r="DN31" s="117">
        <v>137046</v>
      </c>
      <c r="DO31" s="117">
        <v>0</v>
      </c>
      <c r="DP31" s="117">
        <v>0</v>
      </c>
      <c r="DQ31" s="116">
        <v>156135</v>
      </c>
      <c r="DR31" s="119">
        <v>156135</v>
      </c>
      <c r="DS31" s="113">
        <v>0</v>
      </c>
      <c r="DT31" s="117">
        <v>0</v>
      </c>
      <c r="DU31" s="116">
        <v>0</v>
      </c>
      <c r="DV31" s="113">
        <v>0</v>
      </c>
      <c r="DW31" s="117">
        <v>19089</v>
      </c>
      <c r="DX31" s="117">
        <v>0</v>
      </c>
      <c r="DY31" s="117">
        <v>126084</v>
      </c>
      <c r="DZ31" s="117">
        <v>0</v>
      </c>
      <c r="EA31" s="117">
        <v>0</v>
      </c>
      <c r="EB31" s="116">
        <v>145173</v>
      </c>
      <c r="EC31" s="119">
        <v>145173</v>
      </c>
      <c r="ED31" s="113">
        <v>0</v>
      </c>
      <c r="EE31" s="115">
        <v>0</v>
      </c>
      <c r="EF31" s="116">
        <v>0</v>
      </c>
      <c r="EG31" s="113">
        <v>0</v>
      </c>
      <c r="EH31" s="117">
        <v>0</v>
      </c>
      <c r="EI31" s="117">
        <v>0</v>
      </c>
      <c r="EJ31" s="117">
        <v>10962</v>
      </c>
      <c r="EK31" s="117">
        <v>0</v>
      </c>
      <c r="EL31" s="117">
        <v>0</v>
      </c>
      <c r="EM31" s="115">
        <v>10962</v>
      </c>
      <c r="EN31" s="119">
        <v>10962</v>
      </c>
      <c r="EO31" s="113">
        <v>0</v>
      </c>
      <c r="EP31" s="117">
        <v>0</v>
      </c>
      <c r="EQ31" s="115">
        <v>0</v>
      </c>
      <c r="ER31" s="114">
        <v>0</v>
      </c>
      <c r="ES31" s="117">
        <v>0</v>
      </c>
      <c r="ET31" s="117">
        <v>0</v>
      </c>
      <c r="EU31" s="117">
        <v>0</v>
      </c>
      <c r="EV31" s="117">
        <v>0</v>
      </c>
      <c r="EW31" s="117">
        <v>0</v>
      </c>
      <c r="EX31" s="116">
        <v>0</v>
      </c>
      <c r="EY31" s="119">
        <v>0</v>
      </c>
      <c r="EZ31" s="113">
        <v>0</v>
      </c>
      <c r="FA31" s="117">
        <v>0</v>
      </c>
      <c r="FB31" s="115">
        <v>0</v>
      </c>
      <c r="FC31" s="387"/>
      <c r="FD31" s="117">
        <v>0</v>
      </c>
      <c r="FE31" s="117">
        <v>0</v>
      </c>
      <c r="FF31" s="117">
        <v>0</v>
      </c>
      <c r="FG31" s="117">
        <v>0</v>
      </c>
      <c r="FH31" s="117">
        <v>0</v>
      </c>
      <c r="FI31" s="116">
        <v>0</v>
      </c>
      <c r="FJ31" s="119">
        <v>0</v>
      </c>
      <c r="FK31" s="113">
        <v>13300</v>
      </c>
      <c r="FL31" s="117">
        <v>32970</v>
      </c>
      <c r="FM31" s="116">
        <v>46270</v>
      </c>
      <c r="FN31" s="113">
        <v>0</v>
      </c>
      <c r="FO31" s="117">
        <v>40810</v>
      </c>
      <c r="FP31" s="117">
        <v>99295</v>
      </c>
      <c r="FQ31" s="117">
        <v>47166</v>
      </c>
      <c r="FR31" s="117">
        <v>73262</v>
      </c>
      <c r="FS31" s="117">
        <v>105812</v>
      </c>
      <c r="FT31" s="116">
        <v>366345</v>
      </c>
      <c r="FU31" s="119">
        <v>412615</v>
      </c>
      <c r="FV31" s="118">
        <v>13300</v>
      </c>
      <c r="FW31" s="117">
        <v>32970</v>
      </c>
      <c r="FX31" s="115">
        <v>46270</v>
      </c>
      <c r="FY31" s="114">
        <v>0</v>
      </c>
      <c r="FZ31" s="117">
        <v>40810</v>
      </c>
      <c r="GA31" s="117">
        <v>99295</v>
      </c>
      <c r="GB31" s="117">
        <v>47166</v>
      </c>
      <c r="GC31" s="117">
        <v>56630</v>
      </c>
      <c r="GD31" s="117">
        <v>105812</v>
      </c>
      <c r="GE31" s="116">
        <v>349713</v>
      </c>
      <c r="GF31" s="351">
        <v>395983</v>
      </c>
      <c r="GG31" s="118">
        <v>0</v>
      </c>
      <c r="GH31" s="117">
        <v>0</v>
      </c>
      <c r="GI31" s="115">
        <v>0</v>
      </c>
      <c r="GJ31" s="114">
        <v>0</v>
      </c>
      <c r="GK31" s="117">
        <v>0</v>
      </c>
      <c r="GL31" s="117">
        <v>0</v>
      </c>
      <c r="GM31" s="117">
        <v>0</v>
      </c>
      <c r="GN31" s="117">
        <v>16632</v>
      </c>
      <c r="GO31" s="117">
        <v>0</v>
      </c>
      <c r="GP31" s="116">
        <v>16632</v>
      </c>
      <c r="GQ31" s="119">
        <v>16632</v>
      </c>
      <c r="GR31" s="113">
        <v>0</v>
      </c>
      <c r="GS31" s="117">
        <v>0</v>
      </c>
      <c r="GT31" s="116">
        <v>0</v>
      </c>
      <c r="GU31" s="113">
        <v>0</v>
      </c>
      <c r="GV31" s="117">
        <v>0</v>
      </c>
      <c r="GW31" s="117">
        <v>0</v>
      </c>
      <c r="GX31" s="117">
        <v>0</v>
      </c>
      <c r="GY31" s="117">
        <v>0</v>
      </c>
      <c r="GZ31" s="117">
        <v>0</v>
      </c>
      <c r="HA31" s="115">
        <v>0</v>
      </c>
      <c r="HB31" s="119">
        <v>0</v>
      </c>
      <c r="HC31" s="113">
        <v>97920</v>
      </c>
      <c r="HD31" s="117">
        <v>77914</v>
      </c>
      <c r="HE31" s="115">
        <v>175834</v>
      </c>
      <c r="HF31" s="114">
        <v>0</v>
      </c>
      <c r="HG31" s="117">
        <v>141296</v>
      </c>
      <c r="HH31" s="117">
        <v>641942</v>
      </c>
      <c r="HI31" s="117">
        <v>0</v>
      </c>
      <c r="HJ31" s="117">
        <v>185008</v>
      </c>
      <c r="HK31" s="117">
        <v>176302</v>
      </c>
      <c r="HL31" s="116">
        <v>1144548</v>
      </c>
      <c r="HM31" s="112">
        <v>1320382</v>
      </c>
      <c r="HN31" s="367"/>
      <c r="HO31" s="368"/>
      <c r="HP31" s="369"/>
      <c r="HQ31" s="370"/>
      <c r="HR31" s="368"/>
      <c r="HS31" s="368"/>
      <c r="HT31" s="368"/>
      <c r="HU31" s="368"/>
      <c r="HV31" s="368"/>
      <c r="HW31" s="371"/>
      <c r="HX31" s="372"/>
      <c r="HY31" s="149">
        <v>0</v>
      </c>
      <c r="HZ31" s="150">
        <v>0</v>
      </c>
      <c r="IA31" s="151">
        <v>0</v>
      </c>
      <c r="IB31" s="164">
        <v>0</v>
      </c>
      <c r="IC31" s="150">
        <v>140920</v>
      </c>
      <c r="ID31" s="165">
        <v>0</v>
      </c>
      <c r="IE31" s="151">
        <v>697139</v>
      </c>
      <c r="IF31" s="150">
        <v>216647</v>
      </c>
      <c r="IG31" s="151">
        <v>617992</v>
      </c>
      <c r="IH31" s="166">
        <v>1672698</v>
      </c>
      <c r="II31" s="157">
        <v>1672698</v>
      </c>
      <c r="IJ31" s="262">
        <v>0</v>
      </c>
      <c r="IK31" s="269">
        <v>0</v>
      </c>
      <c r="IL31" s="270">
        <v>0</v>
      </c>
      <c r="IM31" s="158"/>
      <c r="IN31" s="123">
        <v>0</v>
      </c>
      <c r="IO31" s="123">
        <v>0</v>
      </c>
      <c r="IP31" s="123">
        <v>0</v>
      </c>
      <c r="IQ31" s="123">
        <v>0</v>
      </c>
      <c r="IR31" s="123">
        <v>0</v>
      </c>
      <c r="IS31" s="159">
        <v>0</v>
      </c>
      <c r="IT31" s="354">
        <v>0</v>
      </c>
      <c r="IU31" s="160">
        <v>0</v>
      </c>
      <c r="IV31" s="123">
        <v>0</v>
      </c>
      <c r="IW31" s="124">
        <v>0</v>
      </c>
      <c r="IX31" s="162"/>
      <c r="IY31" s="123">
        <v>0</v>
      </c>
      <c r="IZ31" s="123">
        <v>0</v>
      </c>
      <c r="JA31" s="123">
        <v>0</v>
      </c>
      <c r="JB31" s="123">
        <v>0</v>
      </c>
      <c r="JC31" s="123">
        <v>0</v>
      </c>
      <c r="JD31" s="124">
        <v>0</v>
      </c>
      <c r="JE31" s="125">
        <v>0</v>
      </c>
      <c r="JF31" s="160">
        <v>0</v>
      </c>
      <c r="JG31" s="123">
        <v>0</v>
      </c>
      <c r="JH31" s="159">
        <v>0</v>
      </c>
      <c r="JI31" s="122">
        <v>0</v>
      </c>
      <c r="JJ31" s="123">
        <v>35413</v>
      </c>
      <c r="JK31" s="123">
        <v>0</v>
      </c>
      <c r="JL31" s="123">
        <v>267322</v>
      </c>
      <c r="JM31" s="123">
        <v>0</v>
      </c>
      <c r="JN31" s="123">
        <v>176288</v>
      </c>
      <c r="JO31" s="124">
        <v>479023</v>
      </c>
      <c r="JP31" s="354">
        <v>479023</v>
      </c>
      <c r="JQ31" s="160">
        <v>0</v>
      </c>
      <c r="JR31" s="123">
        <v>0</v>
      </c>
      <c r="JS31" s="159">
        <v>0</v>
      </c>
      <c r="JT31" s="122">
        <v>0</v>
      </c>
      <c r="JU31" s="123">
        <v>0</v>
      </c>
      <c r="JV31" s="123">
        <v>0</v>
      </c>
      <c r="JW31" s="123">
        <v>429817</v>
      </c>
      <c r="JX31" s="123">
        <v>0</v>
      </c>
      <c r="JY31" s="123">
        <v>0</v>
      </c>
      <c r="JZ31" s="124">
        <v>429817</v>
      </c>
      <c r="KA31" s="354">
        <v>429817</v>
      </c>
      <c r="KB31" s="265">
        <v>0</v>
      </c>
      <c r="KC31" s="259">
        <v>0</v>
      </c>
      <c r="KD31" s="124">
        <v>0</v>
      </c>
      <c r="KE31" s="122">
        <v>0</v>
      </c>
      <c r="KF31" s="123">
        <v>105507</v>
      </c>
      <c r="KG31" s="123">
        <v>0</v>
      </c>
      <c r="KH31" s="123">
        <v>0</v>
      </c>
      <c r="KI31" s="123">
        <v>0</v>
      </c>
      <c r="KJ31" s="123">
        <v>0</v>
      </c>
      <c r="KK31" s="124">
        <v>105507</v>
      </c>
      <c r="KL31" s="161">
        <v>105507</v>
      </c>
      <c r="KM31" s="262">
        <v>0</v>
      </c>
      <c r="KN31" s="269">
        <v>0</v>
      </c>
      <c r="KO31" s="270">
        <v>0</v>
      </c>
      <c r="KP31" s="158">
        <v>0</v>
      </c>
      <c r="KQ31" s="123">
        <v>0</v>
      </c>
      <c r="KR31" s="123">
        <v>0</v>
      </c>
      <c r="KS31" s="123">
        <v>0</v>
      </c>
      <c r="KT31" s="123">
        <v>216647</v>
      </c>
      <c r="KU31" s="123">
        <v>441704</v>
      </c>
      <c r="KV31" s="124">
        <v>658351</v>
      </c>
      <c r="KW31" s="354">
        <v>658351</v>
      </c>
      <c r="KX31" s="160">
        <v>0</v>
      </c>
      <c r="KY31" s="123">
        <v>0</v>
      </c>
      <c r="KZ31" s="124">
        <v>0</v>
      </c>
      <c r="LA31" s="163">
        <v>0</v>
      </c>
      <c r="LB31" s="123">
        <v>0</v>
      </c>
      <c r="LC31" s="123">
        <v>0</v>
      </c>
      <c r="LD31" s="123">
        <v>0</v>
      </c>
      <c r="LE31" s="123">
        <v>0</v>
      </c>
      <c r="LF31" s="123">
        <v>0</v>
      </c>
      <c r="LG31" s="124">
        <v>0</v>
      </c>
      <c r="LH31" s="125">
        <v>0</v>
      </c>
      <c r="LI31" s="160">
        <v>0</v>
      </c>
      <c r="LJ31" s="123">
        <v>0</v>
      </c>
      <c r="LK31" s="124">
        <v>0</v>
      </c>
      <c r="LL31" s="163"/>
      <c r="LM31" s="123">
        <v>0</v>
      </c>
      <c r="LN31" s="123">
        <v>0</v>
      </c>
      <c r="LO31" s="123">
        <v>0</v>
      </c>
      <c r="LP31" s="123">
        <v>0</v>
      </c>
      <c r="LQ31" s="123">
        <v>0</v>
      </c>
      <c r="LR31" s="124">
        <v>0</v>
      </c>
      <c r="LS31" s="354">
        <v>0</v>
      </c>
      <c r="LT31" s="160">
        <v>0</v>
      </c>
      <c r="LU31" s="123">
        <v>0</v>
      </c>
      <c r="LV31" s="124">
        <v>0</v>
      </c>
      <c r="LW31" s="163"/>
      <c r="LX31" s="123">
        <v>0</v>
      </c>
      <c r="LY31" s="123">
        <v>0</v>
      </c>
      <c r="LZ31" s="123">
        <v>0</v>
      </c>
      <c r="MA31" s="123">
        <v>0</v>
      </c>
      <c r="MB31" s="123">
        <v>0</v>
      </c>
      <c r="MC31" s="124">
        <v>0</v>
      </c>
      <c r="MD31" s="125">
        <v>0</v>
      </c>
      <c r="ME31" s="160">
        <v>0</v>
      </c>
      <c r="MF31" s="123">
        <v>0</v>
      </c>
      <c r="MG31" s="124">
        <v>0</v>
      </c>
      <c r="MH31" s="163"/>
      <c r="MI31" s="123">
        <v>197929</v>
      </c>
      <c r="MJ31" s="123">
        <v>0</v>
      </c>
      <c r="MK31" s="123">
        <v>211895</v>
      </c>
      <c r="ML31" s="123">
        <v>195371</v>
      </c>
      <c r="MM31" s="123">
        <v>-235</v>
      </c>
      <c r="MN31" s="124">
        <v>604960</v>
      </c>
      <c r="MO31" s="161">
        <v>604960</v>
      </c>
      <c r="MP31" s="160">
        <v>0</v>
      </c>
      <c r="MQ31" s="123">
        <v>0</v>
      </c>
      <c r="MR31" s="124">
        <v>0</v>
      </c>
      <c r="MS31" s="163"/>
      <c r="MT31" s="123">
        <v>0</v>
      </c>
      <c r="MU31" s="123">
        <v>0</v>
      </c>
      <c r="MV31" s="123">
        <v>0</v>
      </c>
      <c r="MW31" s="123">
        <v>195371</v>
      </c>
      <c r="MX31" s="123">
        <v>-235</v>
      </c>
      <c r="MY31" s="124">
        <v>195136</v>
      </c>
      <c r="MZ31" s="161">
        <v>195136</v>
      </c>
      <c r="NA31" s="160">
        <v>0</v>
      </c>
      <c r="NB31" s="123">
        <v>0</v>
      </c>
      <c r="NC31" s="124">
        <v>0</v>
      </c>
      <c r="ND31" s="163"/>
      <c r="NE31" s="123">
        <v>197929</v>
      </c>
      <c r="NF31" s="123">
        <v>0</v>
      </c>
      <c r="NG31" s="123">
        <v>211895</v>
      </c>
      <c r="NH31" s="123">
        <v>0</v>
      </c>
      <c r="NI31" s="123">
        <v>0</v>
      </c>
      <c r="NJ31" s="124">
        <v>409824</v>
      </c>
      <c r="NK31" s="354">
        <v>409824</v>
      </c>
      <c r="NL31" s="160">
        <v>0</v>
      </c>
      <c r="NM31" s="123">
        <v>0</v>
      </c>
      <c r="NN31" s="124">
        <v>0</v>
      </c>
      <c r="NO31" s="163"/>
      <c r="NP31" s="123">
        <v>0</v>
      </c>
      <c r="NQ31" s="123">
        <v>0</v>
      </c>
      <c r="NR31" s="123">
        <v>0</v>
      </c>
      <c r="NS31" s="123">
        <v>0</v>
      </c>
      <c r="NT31" s="123">
        <v>0</v>
      </c>
      <c r="NU31" s="124">
        <v>0</v>
      </c>
      <c r="NV31" s="125">
        <v>0</v>
      </c>
      <c r="NW31" s="160">
        <v>0</v>
      </c>
      <c r="NX31" s="123">
        <v>0</v>
      </c>
      <c r="NY31" s="124">
        <v>0</v>
      </c>
      <c r="NZ31" s="163"/>
      <c r="OA31" s="123">
        <v>0</v>
      </c>
      <c r="OB31" s="123">
        <v>0</v>
      </c>
      <c r="OC31" s="123">
        <v>0</v>
      </c>
      <c r="OD31" s="123">
        <v>0</v>
      </c>
      <c r="OE31" s="123">
        <v>0</v>
      </c>
      <c r="OF31" s="124">
        <v>0</v>
      </c>
      <c r="OG31" s="125">
        <v>0</v>
      </c>
      <c r="OH31" s="160">
        <v>141173</v>
      </c>
      <c r="OI31" s="123">
        <v>183112</v>
      </c>
      <c r="OJ31" s="159">
        <v>324285</v>
      </c>
      <c r="OK31" s="122">
        <v>0</v>
      </c>
      <c r="OL31" s="123">
        <v>1203055</v>
      </c>
      <c r="OM31" s="123">
        <v>1478300</v>
      </c>
      <c r="ON31" s="123">
        <v>1418521</v>
      </c>
      <c r="OO31" s="123">
        <v>1022546</v>
      </c>
      <c r="OP31" s="123">
        <v>1640446</v>
      </c>
      <c r="OQ31" s="124">
        <v>6762868</v>
      </c>
      <c r="OR31" s="161">
        <v>7087153</v>
      </c>
    </row>
    <row r="32" spans="1:408" ht="20.25" customHeight="1" x14ac:dyDescent="0.2">
      <c r="A32" s="130" t="s">
        <v>27</v>
      </c>
      <c r="B32" s="113">
        <v>80318</v>
      </c>
      <c r="C32" s="117">
        <v>526969</v>
      </c>
      <c r="D32" s="116">
        <v>607287</v>
      </c>
      <c r="E32" s="112">
        <v>0</v>
      </c>
      <c r="F32" s="117">
        <v>991052</v>
      </c>
      <c r="G32" s="117">
        <v>643245</v>
      </c>
      <c r="H32" s="117">
        <v>1539479</v>
      </c>
      <c r="I32" s="117">
        <v>810150</v>
      </c>
      <c r="J32" s="117">
        <v>719391</v>
      </c>
      <c r="K32" s="201">
        <v>4703317</v>
      </c>
      <c r="L32" s="119">
        <v>5310604</v>
      </c>
      <c r="M32" s="113">
        <v>28140</v>
      </c>
      <c r="N32" s="117">
        <v>84264</v>
      </c>
      <c r="O32" s="116">
        <v>112404</v>
      </c>
      <c r="P32" s="113">
        <v>0</v>
      </c>
      <c r="Q32" s="117">
        <v>252341</v>
      </c>
      <c r="R32" s="117">
        <v>210210</v>
      </c>
      <c r="S32" s="117">
        <v>357693</v>
      </c>
      <c r="T32" s="117">
        <v>322338</v>
      </c>
      <c r="U32" s="117">
        <v>243558</v>
      </c>
      <c r="V32" s="116">
        <v>1386140</v>
      </c>
      <c r="W32" s="119">
        <v>1498544</v>
      </c>
      <c r="X32" s="113">
        <v>0</v>
      </c>
      <c r="Y32" s="117">
        <v>0</v>
      </c>
      <c r="Z32" s="116">
        <v>0</v>
      </c>
      <c r="AA32" s="113">
        <v>0</v>
      </c>
      <c r="AB32" s="117">
        <v>95358</v>
      </c>
      <c r="AC32" s="117">
        <v>119263</v>
      </c>
      <c r="AD32" s="117">
        <v>198485</v>
      </c>
      <c r="AE32" s="117">
        <v>230953</v>
      </c>
      <c r="AF32" s="117">
        <v>215614</v>
      </c>
      <c r="AG32" s="116">
        <v>859673</v>
      </c>
      <c r="AH32" s="119">
        <v>859673</v>
      </c>
      <c r="AI32" s="113">
        <v>0</v>
      </c>
      <c r="AJ32" s="117">
        <v>0</v>
      </c>
      <c r="AK32" s="116">
        <v>0</v>
      </c>
      <c r="AL32" s="113">
        <v>0</v>
      </c>
      <c r="AM32" s="117">
        <v>0</v>
      </c>
      <c r="AN32" s="117">
        <v>0</v>
      </c>
      <c r="AO32" s="117">
        <v>0</v>
      </c>
      <c r="AP32" s="117">
        <v>0</v>
      </c>
      <c r="AQ32" s="117">
        <v>0</v>
      </c>
      <c r="AR32" s="116">
        <v>0</v>
      </c>
      <c r="AS32" s="119">
        <v>0</v>
      </c>
      <c r="AT32" s="113">
        <v>28140</v>
      </c>
      <c r="AU32" s="117">
        <v>22084</v>
      </c>
      <c r="AV32" s="116">
        <v>50224</v>
      </c>
      <c r="AW32" s="113">
        <v>0</v>
      </c>
      <c r="AX32" s="117">
        <v>117531</v>
      </c>
      <c r="AY32" s="117">
        <v>69471</v>
      </c>
      <c r="AZ32" s="117">
        <v>72471</v>
      </c>
      <c r="BA32" s="117">
        <v>32963</v>
      </c>
      <c r="BB32" s="117">
        <v>11144</v>
      </c>
      <c r="BC32" s="116">
        <v>303580</v>
      </c>
      <c r="BD32" s="119">
        <v>353804</v>
      </c>
      <c r="BE32" s="113">
        <v>0</v>
      </c>
      <c r="BF32" s="117">
        <v>27159</v>
      </c>
      <c r="BG32" s="115">
        <v>27159</v>
      </c>
      <c r="BH32" s="114">
        <v>0</v>
      </c>
      <c r="BI32" s="117">
        <v>0</v>
      </c>
      <c r="BJ32" s="117">
        <v>0</v>
      </c>
      <c r="BK32" s="117">
        <v>0</v>
      </c>
      <c r="BL32" s="117">
        <v>0</v>
      </c>
      <c r="BM32" s="117">
        <v>0</v>
      </c>
      <c r="BN32" s="116">
        <v>0</v>
      </c>
      <c r="BO32" s="119">
        <v>27159</v>
      </c>
      <c r="BP32" s="113">
        <v>0</v>
      </c>
      <c r="BQ32" s="117">
        <v>35021</v>
      </c>
      <c r="BR32" s="116">
        <v>35021</v>
      </c>
      <c r="BS32" s="113">
        <v>0</v>
      </c>
      <c r="BT32" s="117">
        <v>39452</v>
      </c>
      <c r="BU32" s="117">
        <v>21476</v>
      </c>
      <c r="BV32" s="117">
        <v>86737</v>
      </c>
      <c r="BW32" s="117">
        <v>58422</v>
      </c>
      <c r="BX32" s="117">
        <v>16800</v>
      </c>
      <c r="BY32" s="116">
        <v>222887</v>
      </c>
      <c r="BZ32" s="119">
        <v>257908</v>
      </c>
      <c r="CA32" s="113">
        <v>38366</v>
      </c>
      <c r="CB32" s="117">
        <v>69734</v>
      </c>
      <c r="CC32" s="116">
        <v>108100</v>
      </c>
      <c r="CD32" s="113">
        <v>0</v>
      </c>
      <c r="CE32" s="117">
        <v>116451</v>
      </c>
      <c r="CF32" s="117">
        <v>152392</v>
      </c>
      <c r="CG32" s="117">
        <v>292680</v>
      </c>
      <c r="CH32" s="117">
        <v>87367</v>
      </c>
      <c r="CI32" s="117">
        <v>0</v>
      </c>
      <c r="CJ32" s="116">
        <v>648890</v>
      </c>
      <c r="CK32" s="119">
        <v>756990</v>
      </c>
      <c r="CL32" s="113">
        <v>0</v>
      </c>
      <c r="CM32" s="117">
        <v>0</v>
      </c>
      <c r="CN32" s="116">
        <v>0</v>
      </c>
      <c r="CO32" s="114">
        <v>0</v>
      </c>
      <c r="CP32" s="117">
        <v>94152</v>
      </c>
      <c r="CQ32" s="117">
        <v>60408</v>
      </c>
      <c r="CR32" s="117">
        <v>227501</v>
      </c>
      <c r="CS32" s="117">
        <v>87367</v>
      </c>
      <c r="CT32" s="117">
        <v>0</v>
      </c>
      <c r="CU32" s="116">
        <v>469428</v>
      </c>
      <c r="CV32" s="119">
        <v>469428</v>
      </c>
      <c r="CW32" s="113">
        <v>38366</v>
      </c>
      <c r="CX32" s="117">
        <v>69734</v>
      </c>
      <c r="CY32" s="116">
        <v>108100</v>
      </c>
      <c r="CZ32" s="113">
        <v>0</v>
      </c>
      <c r="DA32" s="117">
        <v>22299</v>
      </c>
      <c r="DB32" s="117">
        <v>91984</v>
      </c>
      <c r="DC32" s="117">
        <v>65179</v>
      </c>
      <c r="DD32" s="117">
        <v>0</v>
      </c>
      <c r="DE32" s="117">
        <v>0</v>
      </c>
      <c r="DF32" s="116">
        <v>179462</v>
      </c>
      <c r="DG32" s="119">
        <v>287562</v>
      </c>
      <c r="DH32" s="113">
        <v>0</v>
      </c>
      <c r="DI32" s="117">
        <v>0</v>
      </c>
      <c r="DJ32" s="115">
        <v>0</v>
      </c>
      <c r="DK32" s="114">
        <v>0</v>
      </c>
      <c r="DL32" s="117">
        <v>30394</v>
      </c>
      <c r="DM32" s="117">
        <v>66784</v>
      </c>
      <c r="DN32" s="117">
        <v>93684</v>
      </c>
      <c r="DO32" s="117">
        <v>0</v>
      </c>
      <c r="DP32" s="117">
        <v>0</v>
      </c>
      <c r="DQ32" s="116">
        <v>190862</v>
      </c>
      <c r="DR32" s="119">
        <v>190862</v>
      </c>
      <c r="DS32" s="113">
        <v>0</v>
      </c>
      <c r="DT32" s="117">
        <v>0</v>
      </c>
      <c r="DU32" s="116">
        <v>0</v>
      </c>
      <c r="DV32" s="113">
        <v>0</v>
      </c>
      <c r="DW32" s="117">
        <v>0</v>
      </c>
      <c r="DX32" s="117">
        <v>34997</v>
      </c>
      <c r="DY32" s="117">
        <v>93684</v>
      </c>
      <c r="DZ32" s="117">
        <v>0</v>
      </c>
      <c r="EA32" s="117">
        <v>0</v>
      </c>
      <c r="EB32" s="116">
        <v>128681</v>
      </c>
      <c r="EC32" s="119">
        <v>128681</v>
      </c>
      <c r="ED32" s="113">
        <v>0</v>
      </c>
      <c r="EE32" s="115">
        <v>0</v>
      </c>
      <c r="EF32" s="116">
        <v>0</v>
      </c>
      <c r="EG32" s="113">
        <v>0</v>
      </c>
      <c r="EH32" s="117">
        <v>30394</v>
      </c>
      <c r="EI32" s="117">
        <v>31787</v>
      </c>
      <c r="EJ32" s="117">
        <v>0</v>
      </c>
      <c r="EK32" s="117">
        <v>0</v>
      </c>
      <c r="EL32" s="117">
        <v>0</v>
      </c>
      <c r="EM32" s="115">
        <v>62181</v>
      </c>
      <c r="EN32" s="119">
        <v>62181</v>
      </c>
      <c r="EO32" s="113">
        <v>0</v>
      </c>
      <c r="EP32" s="117">
        <v>0</v>
      </c>
      <c r="EQ32" s="115">
        <v>0</v>
      </c>
      <c r="ER32" s="114">
        <v>0</v>
      </c>
      <c r="ES32" s="117">
        <v>0</v>
      </c>
      <c r="ET32" s="117">
        <v>0</v>
      </c>
      <c r="EU32" s="117">
        <v>0</v>
      </c>
      <c r="EV32" s="117">
        <v>0</v>
      </c>
      <c r="EW32" s="117">
        <v>0</v>
      </c>
      <c r="EX32" s="116">
        <v>0</v>
      </c>
      <c r="EY32" s="119">
        <v>0</v>
      </c>
      <c r="EZ32" s="113">
        <v>0</v>
      </c>
      <c r="FA32" s="117">
        <v>0</v>
      </c>
      <c r="FB32" s="115">
        <v>0</v>
      </c>
      <c r="FC32" s="387"/>
      <c r="FD32" s="117">
        <v>0</v>
      </c>
      <c r="FE32" s="117">
        <v>0</v>
      </c>
      <c r="FF32" s="117">
        <v>0</v>
      </c>
      <c r="FG32" s="117">
        <v>0</v>
      </c>
      <c r="FH32" s="117">
        <v>0</v>
      </c>
      <c r="FI32" s="116">
        <v>0</v>
      </c>
      <c r="FJ32" s="119">
        <v>0</v>
      </c>
      <c r="FK32" s="113">
        <v>5810</v>
      </c>
      <c r="FL32" s="117">
        <v>203707</v>
      </c>
      <c r="FM32" s="116">
        <v>209517</v>
      </c>
      <c r="FN32" s="113">
        <v>0</v>
      </c>
      <c r="FO32" s="117">
        <v>9800</v>
      </c>
      <c r="FP32" s="117">
        <v>45206</v>
      </c>
      <c r="FQ32" s="117">
        <v>101909</v>
      </c>
      <c r="FR32" s="117">
        <v>24500</v>
      </c>
      <c r="FS32" s="117">
        <v>79800</v>
      </c>
      <c r="FT32" s="116">
        <v>261215</v>
      </c>
      <c r="FU32" s="119">
        <v>470732</v>
      </c>
      <c r="FV32" s="118">
        <v>5810</v>
      </c>
      <c r="FW32" s="117">
        <v>47075</v>
      </c>
      <c r="FX32" s="115">
        <v>52885</v>
      </c>
      <c r="FY32" s="114">
        <v>0</v>
      </c>
      <c r="FZ32" s="117">
        <v>9800</v>
      </c>
      <c r="GA32" s="117">
        <v>34706</v>
      </c>
      <c r="GB32" s="117">
        <v>71841</v>
      </c>
      <c r="GC32" s="117">
        <v>24500</v>
      </c>
      <c r="GD32" s="117">
        <v>9800</v>
      </c>
      <c r="GE32" s="116">
        <v>150647</v>
      </c>
      <c r="GF32" s="351">
        <v>203532</v>
      </c>
      <c r="GG32" s="118">
        <v>0</v>
      </c>
      <c r="GH32" s="117">
        <v>16632</v>
      </c>
      <c r="GI32" s="115">
        <v>16632</v>
      </c>
      <c r="GJ32" s="114">
        <v>0</v>
      </c>
      <c r="GK32" s="117">
        <v>0</v>
      </c>
      <c r="GL32" s="117">
        <v>0</v>
      </c>
      <c r="GM32" s="117">
        <v>30068</v>
      </c>
      <c r="GN32" s="117">
        <v>0</v>
      </c>
      <c r="GO32" s="117">
        <v>70000</v>
      </c>
      <c r="GP32" s="116">
        <v>100068</v>
      </c>
      <c r="GQ32" s="119">
        <v>116700</v>
      </c>
      <c r="GR32" s="113">
        <v>0</v>
      </c>
      <c r="GS32" s="117">
        <v>140000</v>
      </c>
      <c r="GT32" s="116">
        <v>140000</v>
      </c>
      <c r="GU32" s="113">
        <v>0</v>
      </c>
      <c r="GV32" s="117">
        <v>0</v>
      </c>
      <c r="GW32" s="117">
        <v>10500</v>
      </c>
      <c r="GX32" s="117">
        <v>0</v>
      </c>
      <c r="GY32" s="117">
        <v>0</v>
      </c>
      <c r="GZ32" s="117">
        <v>0</v>
      </c>
      <c r="HA32" s="115">
        <v>10500</v>
      </c>
      <c r="HB32" s="119">
        <v>150500</v>
      </c>
      <c r="HC32" s="113">
        <v>8002</v>
      </c>
      <c r="HD32" s="117">
        <v>169264</v>
      </c>
      <c r="HE32" s="115">
        <v>177266</v>
      </c>
      <c r="HF32" s="114">
        <v>0</v>
      </c>
      <c r="HG32" s="117">
        <v>582066</v>
      </c>
      <c r="HH32" s="117">
        <v>168653</v>
      </c>
      <c r="HI32" s="117">
        <v>693513</v>
      </c>
      <c r="HJ32" s="117">
        <v>375945</v>
      </c>
      <c r="HK32" s="117">
        <v>396033</v>
      </c>
      <c r="HL32" s="116">
        <v>2216210</v>
      </c>
      <c r="HM32" s="112">
        <v>2393476</v>
      </c>
      <c r="HN32" s="367"/>
      <c r="HO32" s="368"/>
      <c r="HP32" s="369"/>
      <c r="HQ32" s="370"/>
      <c r="HR32" s="368"/>
      <c r="HS32" s="368"/>
      <c r="HT32" s="368"/>
      <c r="HU32" s="368"/>
      <c r="HV32" s="368"/>
      <c r="HW32" s="371"/>
      <c r="HX32" s="372"/>
      <c r="HY32" s="168">
        <v>0</v>
      </c>
      <c r="HZ32" s="153">
        <v>0</v>
      </c>
      <c r="IA32" s="168">
        <v>0</v>
      </c>
      <c r="IB32" s="152">
        <v>0</v>
      </c>
      <c r="IC32" s="153">
        <v>75369</v>
      </c>
      <c r="ID32" s="154">
        <v>0</v>
      </c>
      <c r="IE32" s="155">
        <v>14823</v>
      </c>
      <c r="IF32" s="153">
        <v>0</v>
      </c>
      <c r="IG32" s="155">
        <v>0</v>
      </c>
      <c r="IH32" s="156">
        <v>90192</v>
      </c>
      <c r="II32" s="168">
        <v>90192</v>
      </c>
      <c r="IJ32" s="262">
        <v>0</v>
      </c>
      <c r="IK32" s="269">
        <v>0</v>
      </c>
      <c r="IL32" s="270">
        <v>0</v>
      </c>
      <c r="IM32" s="158"/>
      <c r="IN32" s="123">
        <v>0</v>
      </c>
      <c r="IO32" s="123">
        <v>0</v>
      </c>
      <c r="IP32" s="123">
        <v>0</v>
      </c>
      <c r="IQ32" s="123">
        <v>0</v>
      </c>
      <c r="IR32" s="123">
        <v>0</v>
      </c>
      <c r="IS32" s="159">
        <v>0</v>
      </c>
      <c r="IT32" s="354">
        <v>0</v>
      </c>
      <c r="IU32" s="160">
        <v>0</v>
      </c>
      <c r="IV32" s="123">
        <v>0</v>
      </c>
      <c r="IW32" s="124">
        <v>0</v>
      </c>
      <c r="IX32" s="162"/>
      <c r="IY32" s="123">
        <v>0</v>
      </c>
      <c r="IZ32" s="123">
        <v>0</v>
      </c>
      <c r="JA32" s="123">
        <v>0</v>
      </c>
      <c r="JB32" s="123">
        <v>0</v>
      </c>
      <c r="JC32" s="123">
        <v>0</v>
      </c>
      <c r="JD32" s="124">
        <v>0</v>
      </c>
      <c r="JE32" s="125">
        <v>0</v>
      </c>
      <c r="JF32" s="160">
        <v>0</v>
      </c>
      <c r="JG32" s="123">
        <v>0</v>
      </c>
      <c r="JH32" s="159">
        <v>0</v>
      </c>
      <c r="JI32" s="122">
        <v>0</v>
      </c>
      <c r="JJ32" s="123">
        <v>0</v>
      </c>
      <c r="JK32" s="123">
        <v>0</v>
      </c>
      <c r="JL32" s="123">
        <v>14823</v>
      </c>
      <c r="JM32" s="123">
        <v>0</v>
      </c>
      <c r="JN32" s="123">
        <v>0</v>
      </c>
      <c r="JO32" s="124">
        <v>14823</v>
      </c>
      <c r="JP32" s="354">
        <v>14823</v>
      </c>
      <c r="JQ32" s="160">
        <v>0</v>
      </c>
      <c r="JR32" s="123">
        <v>0</v>
      </c>
      <c r="JS32" s="159">
        <v>0</v>
      </c>
      <c r="JT32" s="122">
        <v>0</v>
      </c>
      <c r="JU32" s="123">
        <v>75369</v>
      </c>
      <c r="JV32" s="123">
        <v>0</v>
      </c>
      <c r="JW32" s="123">
        <v>0</v>
      </c>
      <c r="JX32" s="123">
        <v>0</v>
      </c>
      <c r="JY32" s="123">
        <v>0</v>
      </c>
      <c r="JZ32" s="124">
        <v>75369</v>
      </c>
      <c r="KA32" s="354">
        <v>75369</v>
      </c>
      <c r="KB32" s="265">
        <v>0</v>
      </c>
      <c r="KC32" s="259">
        <v>0</v>
      </c>
      <c r="KD32" s="124">
        <v>0</v>
      </c>
      <c r="KE32" s="122">
        <v>0</v>
      </c>
      <c r="KF32" s="123">
        <v>0</v>
      </c>
      <c r="KG32" s="123">
        <v>0</v>
      </c>
      <c r="KH32" s="123">
        <v>0</v>
      </c>
      <c r="KI32" s="123">
        <v>0</v>
      </c>
      <c r="KJ32" s="123">
        <v>0</v>
      </c>
      <c r="KK32" s="124">
        <v>0</v>
      </c>
      <c r="KL32" s="161">
        <v>0</v>
      </c>
      <c r="KM32" s="262">
        <v>0</v>
      </c>
      <c r="KN32" s="269">
        <v>0</v>
      </c>
      <c r="KO32" s="270">
        <v>0</v>
      </c>
      <c r="KP32" s="158">
        <v>0</v>
      </c>
      <c r="KQ32" s="123">
        <v>0</v>
      </c>
      <c r="KR32" s="123">
        <v>0</v>
      </c>
      <c r="KS32" s="123">
        <v>0</v>
      </c>
      <c r="KT32" s="123">
        <v>0</v>
      </c>
      <c r="KU32" s="123">
        <v>0</v>
      </c>
      <c r="KV32" s="124">
        <v>0</v>
      </c>
      <c r="KW32" s="354">
        <v>0</v>
      </c>
      <c r="KX32" s="160">
        <v>0</v>
      </c>
      <c r="KY32" s="123">
        <v>0</v>
      </c>
      <c r="KZ32" s="124">
        <v>0</v>
      </c>
      <c r="LA32" s="163">
        <v>0</v>
      </c>
      <c r="LB32" s="123">
        <v>0</v>
      </c>
      <c r="LC32" s="123">
        <v>0</v>
      </c>
      <c r="LD32" s="123">
        <v>0</v>
      </c>
      <c r="LE32" s="123">
        <v>0</v>
      </c>
      <c r="LF32" s="123">
        <v>0</v>
      </c>
      <c r="LG32" s="124">
        <v>0</v>
      </c>
      <c r="LH32" s="125">
        <v>0</v>
      </c>
      <c r="LI32" s="160">
        <v>0</v>
      </c>
      <c r="LJ32" s="123">
        <v>0</v>
      </c>
      <c r="LK32" s="124">
        <v>0</v>
      </c>
      <c r="LL32" s="163"/>
      <c r="LM32" s="123">
        <v>0</v>
      </c>
      <c r="LN32" s="123">
        <v>0</v>
      </c>
      <c r="LO32" s="123">
        <v>0</v>
      </c>
      <c r="LP32" s="123">
        <v>0</v>
      </c>
      <c r="LQ32" s="123">
        <v>0</v>
      </c>
      <c r="LR32" s="124">
        <v>0</v>
      </c>
      <c r="LS32" s="354">
        <v>0</v>
      </c>
      <c r="LT32" s="160">
        <v>0</v>
      </c>
      <c r="LU32" s="123">
        <v>0</v>
      </c>
      <c r="LV32" s="124">
        <v>0</v>
      </c>
      <c r="LW32" s="163"/>
      <c r="LX32" s="123">
        <v>0</v>
      </c>
      <c r="LY32" s="123">
        <v>0</v>
      </c>
      <c r="LZ32" s="123">
        <v>0</v>
      </c>
      <c r="MA32" s="123">
        <v>0</v>
      </c>
      <c r="MB32" s="123">
        <v>0</v>
      </c>
      <c r="MC32" s="124">
        <v>0</v>
      </c>
      <c r="MD32" s="125">
        <v>0</v>
      </c>
      <c r="ME32" s="160">
        <v>0</v>
      </c>
      <c r="MF32" s="123">
        <v>0</v>
      </c>
      <c r="MG32" s="124">
        <v>0</v>
      </c>
      <c r="MH32" s="163"/>
      <c r="MI32" s="123">
        <v>0</v>
      </c>
      <c r="MJ32" s="123">
        <v>0</v>
      </c>
      <c r="MK32" s="123">
        <v>610991</v>
      </c>
      <c r="ML32" s="123">
        <v>485103</v>
      </c>
      <c r="MM32" s="123">
        <v>0</v>
      </c>
      <c r="MN32" s="124">
        <v>1096094</v>
      </c>
      <c r="MO32" s="161">
        <v>1096094</v>
      </c>
      <c r="MP32" s="160">
        <v>0</v>
      </c>
      <c r="MQ32" s="123">
        <v>0</v>
      </c>
      <c r="MR32" s="124">
        <v>0</v>
      </c>
      <c r="MS32" s="163"/>
      <c r="MT32" s="123">
        <v>0</v>
      </c>
      <c r="MU32" s="123">
        <v>0</v>
      </c>
      <c r="MV32" s="123">
        <v>374524</v>
      </c>
      <c r="MW32" s="123">
        <v>237301</v>
      </c>
      <c r="MX32" s="123">
        <v>0</v>
      </c>
      <c r="MY32" s="124">
        <v>611825</v>
      </c>
      <c r="MZ32" s="161">
        <v>611825</v>
      </c>
      <c r="NA32" s="160">
        <v>0</v>
      </c>
      <c r="NB32" s="123">
        <v>0</v>
      </c>
      <c r="NC32" s="124">
        <v>0</v>
      </c>
      <c r="ND32" s="163"/>
      <c r="NE32" s="123">
        <v>0</v>
      </c>
      <c r="NF32" s="123">
        <v>0</v>
      </c>
      <c r="NG32" s="123">
        <v>236467</v>
      </c>
      <c r="NH32" s="123">
        <v>247802</v>
      </c>
      <c r="NI32" s="123">
        <v>0</v>
      </c>
      <c r="NJ32" s="124">
        <v>484269</v>
      </c>
      <c r="NK32" s="354">
        <v>484269</v>
      </c>
      <c r="NL32" s="160">
        <v>0</v>
      </c>
      <c r="NM32" s="123">
        <v>0</v>
      </c>
      <c r="NN32" s="124">
        <v>0</v>
      </c>
      <c r="NO32" s="163"/>
      <c r="NP32" s="123">
        <v>0</v>
      </c>
      <c r="NQ32" s="123">
        <v>0</v>
      </c>
      <c r="NR32" s="123">
        <v>0</v>
      </c>
      <c r="NS32" s="123">
        <v>0</v>
      </c>
      <c r="NT32" s="123">
        <v>0</v>
      </c>
      <c r="NU32" s="124">
        <v>0</v>
      </c>
      <c r="NV32" s="125">
        <v>0</v>
      </c>
      <c r="NW32" s="160">
        <v>0</v>
      </c>
      <c r="NX32" s="123">
        <v>0</v>
      </c>
      <c r="NY32" s="124">
        <v>0</v>
      </c>
      <c r="NZ32" s="163"/>
      <c r="OA32" s="123">
        <v>0</v>
      </c>
      <c r="OB32" s="123">
        <v>0</v>
      </c>
      <c r="OC32" s="123">
        <v>0</v>
      </c>
      <c r="OD32" s="123">
        <v>0</v>
      </c>
      <c r="OE32" s="123">
        <v>0</v>
      </c>
      <c r="OF32" s="124">
        <v>0</v>
      </c>
      <c r="OG32" s="125">
        <v>0</v>
      </c>
      <c r="OH32" s="160">
        <v>80318</v>
      </c>
      <c r="OI32" s="123">
        <v>526969</v>
      </c>
      <c r="OJ32" s="159">
        <v>607287</v>
      </c>
      <c r="OK32" s="122">
        <v>0</v>
      </c>
      <c r="OL32" s="123">
        <v>1066421</v>
      </c>
      <c r="OM32" s="123">
        <v>643245</v>
      </c>
      <c r="ON32" s="123">
        <v>2165293</v>
      </c>
      <c r="OO32" s="123">
        <v>1295253</v>
      </c>
      <c r="OP32" s="123">
        <v>719391</v>
      </c>
      <c r="OQ32" s="124">
        <v>5889603</v>
      </c>
      <c r="OR32" s="161">
        <v>6496890</v>
      </c>
    </row>
    <row r="33" spans="1:408" ht="20.25" customHeight="1" x14ac:dyDescent="0.2">
      <c r="A33" s="130" t="s">
        <v>28</v>
      </c>
      <c r="B33" s="113">
        <v>0</v>
      </c>
      <c r="C33" s="117">
        <v>47467</v>
      </c>
      <c r="D33" s="116">
        <v>47467</v>
      </c>
      <c r="E33" s="112">
        <v>0</v>
      </c>
      <c r="F33" s="117">
        <v>322136</v>
      </c>
      <c r="G33" s="117">
        <v>626426</v>
      </c>
      <c r="H33" s="117">
        <v>102123</v>
      </c>
      <c r="I33" s="117">
        <v>0</v>
      </c>
      <c r="J33" s="117">
        <v>365151</v>
      </c>
      <c r="K33" s="201">
        <v>1415836</v>
      </c>
      <c r="L33" s="119">
        <v>1463303</v>
      </c>
      <c r="M33" s="113">
        <v>0</v>
      </c>
      <c r="N33" s="117">
        <v>0</v>
      </c>
      <c r="O33" s="116">
        <v>0</v>
      </c>
      <c r="P33" s="113">
        <v>0</v>
      </c>
      <c r="Q33" s="117">
        <v>43444</v>
      </c>
      <c r="R33" s="117">
        <v>146626</v>
      </c>
      <c r="S33" s="117">
        <v>25711</v>
      </c>
      <c r="T33" s="117">
        <v>0</v>
      </c>
      <c r="U33" s="117">
        <v>8778</v>
      </c>
      <c r="V33" s="116">
        <v>224559</v>
      </c>
      <c r="W33" s="119">
        <v>224559</v>
      </c>
      <c r="X33" s="113">
        <v>0</v>
      </c>
      <c r="Y33" s="117">
        <v>0</v>
      </c>
      <c r="Z33" s="116">
        <v>0</v>
      </c>
      <c r="AA33" s="113">
        <v>0</v>
      </c>
      <c r="AB33" s="117">
        <v>19080</v>
      </c>
      <c r="AC33" s="117">
        <v>81714</v>
      </c>
      <c r="AD33" s="117">
        <v>0</v>
      </c>
      <c r="AE33" s="117">
        <v>0</v>
      </c>
      <c r="AF33" s="117">
        <v>0</v>
      </c>
      <c r="AG33" s="116">
        <v>100794</v>
      </c>
      <c r="AH33" s="119">
        <v>100794</v>
      </c>
      <c r="AI33" s="113">
        <v>0</v>
      </c>
      <c r="AJ33" s="117">
        <v>0</v>
      </c>
      <c r="AK33" s="116">
        <v>0</v>
      </c>
      <c r="AL33" s="113">
        <v>0</v>
      </c>
      <c r="AM33" s="117">
        <v>0</v>
      </c>
      <c r="AN33" s="117">
        <v>0</v>
      </c>
      <c r="AO33" s="117">
        <v>0</v>
      </c>
      <c r="AP33" s="117">
        <v>0</v>
      </c>
      <c r="AQ33" s="117">
        <v>0</v>
      </c>
      <c r="AR33" s="116">
        <v>0</v>
      </c>
      <c r="AS33" s="119">
        <v>0</v>
      </c>
      <c r="AT33" s="113">
        <v>0</v>
      </c>
      <c r="AU33" s="117">
        <v>0</v>
      </c>
      <c r="AV33" s="116">
        <v>0</v>
      </c>
      <c r="AW33" s="113">
        <v>0</v>
      </c>
      <c r="AX33" s="117">
        <v>0</v>
      </c>
      <c r="AY33" s="117">
        <v>37381</v>
      </c>
      <c r="AZ33" s="117">
        <v>10682</v>
      </c>
      <c r="BA33" s="117">
        <v>0</v>
      </c>
      <c r="BB33" s="117">
        <v>0</v>
      </c>
      <c r="BC33" s="116">
        <v>48063</v>
      </c>
      <c r="BD33" s="119">
        <v>48063</v>
      </c>
      <c r="BE33" s="113">
        <v>0</v>
      </c>
      <c r="BF33" s="117">
        <v>0</v>
      </c>
      <c r="BG33" s="115">
        <v>0</v>
      </c>
      <c r="BH33" s="114">
        <v>0</v>
      </c>
      <c r="BI33" s="117">
        <v>20738</v>
      </c>
      <c r="BJ33" s="117">
        <v>0</v>
      </c>
      <c r="BK33" s="117">
        <v>0</v>
      </c>
      <c r="BL33" s="117">
        <v>0</v>
      </c>
      <c r="BM33" s="117">
        <v>0</v>
      </c>
      <c r="BN33" s="116">
        <v>20738</v>
      </c>
      <c r="BO33" s="119">
        <v>20738</v>
      </c>
      <c r="BP33" s="113">
        <v>0</v>
      </c>
      <c r="BQ33" s="117">
        <v>0</v>
      </c>
      <c r="BR33" s="116">
        <v>0</v>
      </c>
      <c r="BS33" s="113">
        <v>0</v>
      </c>
      <c r="BT33" s="117">
        <v>3626</v>
      </c>
      <c r="BU33" s="117">
        <v>27531</v>
      </c>
      <c r="BV33" s="117">
        <v>15029</v>
      </c>
      <c r="BW33" s="117">
        <v>0</v>
      </c>
      <c r="BX33" s="117">
        <v>8778</v>
      </c>
      <c r="BY33" s="116">
        <v>54964</v>
      </c>
      <c r="BZ33" s="119">
        <v>54964</v>
      </c>
      <c r="CA33" s="113">
        <v>0</v>
      </c>
      <c r="CB33" s="117">
        <v>34867</v>
      </c>
      <c r="CC33" s="116">
        <v>34867</v>
      </c>
      <c r="CD33" s="113">
        <v>0</v>
      </c>
      <c r="CE33" s="117">
        <v>121621</v>
      </c>
      <c r="CF33" s="117">
        <v>127020</v>
      </c>
      <c r="CG33" s="117">
        <v>54411</v>
      </c>
      <c r="CH33" s="117">
        <v>0</v>
      </c>
      <c r="CI33" s="117">
        <v>100471</v>
      </c>
      <c r="CJ33" s="116">
        <v>403523</v>
      </c>
      <c r="CK33" s="119">
        <v>438390</v>
      </c>
      <c r="CL33" s="113">
        <v>0</v>
      </c>
      <c r="CM33" s="117">
        <v>0</v>
      </c>
      <c r="CN33" s="116">
        <v>0</v>
      </c>
      <c r="CO33" s="114">
        <v>0</v>
      </c>
      <c r="CP33" s="117">
        <v>46564</v>
      </c>
      <c r="CQ33" s="117">
        <v>107042</v>
      </c>
      <c r="CR33" s="117">
        <v>0</v>
      </c>
      <c r="CS33" s="117">
        <v>0</v>
      </c>
      <c r="CT33" s="117">
        <v>0</v>
      </c>
      <c r="CU33" s="116">
        <v>153606</v>
      </c>
      <c r="CV33" s="119">
        <v>153606</v>
      </c>
      <c r="CW33" s="113">
        <v>0</v>
      </c>
      <c r="CX33" s="117">
        <v>34867</v>
      </c>
      <c r="CY33" s="116">
        <v>34867</v>
      </c>
      <c r="CZ33" s="113">
        <v>0</v>
      </c>
      <c r="DA33" s="117">
        <v>75057</v>
      </c>
      <c r="DB33" s="117">
        <v>19978</v>
      </c>
      <c r="DC33" s="117">
        <v>54411</v>
      </c>
      <c r="DD33" s="117">
        <v>0</v>
      </c>
      <c r="DE33" s="117">
        <v>100471</v>
      </c>
      <c r="DF33" s="116">
        <v>249917</v>
      </c>
      <c r="DG33" s="119">
        <v>284784</v>
      </c>
      <c r="DH33" s="113">
        <v>0</v>
      </c>
      <c r="DI33" s="117">
        <v>0</v>
      </c>
      <c r="DJ33" s="115">
        <v>0</v>
      </c>
      <c r="DK33" s="114">
        <v>0</v>
      </c>
      <c r="DL33" s="117">
        <v>0</v>
      </c>
      <c r="DM33" s="117">
        <v>0</v>
      </c>
      <c r="DN33" s="117">
        <v>14651</v>
      </c>
      <c r="DO33" s="117">
        <v>0</v>
      </c>
      <c r="DP33" s="117">
        <v>0</v>
      </c>
      <c r="DQ33" s="116">
        <v>14651</v>
      </c>
      <c r="DR33" s="119">
        <v>14651</v>
      </c>
      <c r="DS33" s="113">
        <v>0</v>
      </c>
      <c r="DT33" s="117">
        <v>0</v>
      </c>
      <c r="DU33" s="116">
        <v>0</v>
      </c>
      <c r="DV33" s="113">
        <v>0</v>
      </c>
      <c r="DW33" s="117">
        <v>0</v>
      </c>
      <c r="DX33" s="117">
        <v>0</v>
      </c>
      <c r="DY33" s="117">
        <v>14651</v>
      </c>
      <c r="DZ33" s="117">
        <v>0</v>
      </c>
      <c r="EA33" s="117">
        <v>0</v>
      </c>
      <c r="EB33" s="116">
        <v>14651</v>
      </c>
      <c r="EC33" s="119">
        <v>14651</v>
      </c>
      <c r="ED33" s="113">
        <v>0</v>
      </c>
      <c r="EE33" s="115">
        <v>0</v>
      </c>
      <c r="EF33" s="116">
        <v>0</v>
      </c>
      <c r="EG33" s="113">
        <v>0</v>
      </c>
      <c r="EH33" s="117">
        <v>0</v>
      </c>
      <c r="EI33" s="117">
        <v>0</v>
      </c>
      <c r="EJ33" s="117">
        <v>0</v>
      </c>
      <c r="EK33" s="117">
        <v>0</v>
      </c>
      <c r="EL33" s="117">
        <v>0</v>
      </c>
      <c r="EM33" s="115">
        <v>0</v>
      </c>
      <c r="EN33" s="119">
        <v>0</v>
      </c>
      <c r="EO33" s="113">
        <v>0</v>
      </c>
      <c r="EP33" s="117">
        <v>0</v>
      </c>
      <c r="EQ33" s="115">
        <v>0</v>
      </c>
      <c r="ER33" s="114">
        <v>0</v>
      </c>
      <c r="ES33" s="117">
        <v>0</v>
      </c>
      <c r="ET33" s="117">
        <v>0</v>
      </c>
      <c r="EU33" s="117">
        <v>0</v>
      </c>
      <c r="EV33" s="117">
        <v>0</v>
      </c>
      <c r="EW33" s="117">
        <v>0</v>
      </c>
      <c r="EX33" s="116">
        <v>0</v>
      </c>
      <c r="EY33" s="119">
        <v>0</v>
      </c>
      <c r="EZ33" s="113">
        <v>0</v>
      </c>
      <c r="FA33" s="117">
        <v>0</v>
      </c>
      <c r="FB33" s="115">
        <v>0</v>
      </c>
      <c r="FC33" s="387"/>
      <c r="FD33" s="117">
        <v>0</v>
      </c>
      <c r="FE33" s="117">
        <v>0</v>
      </c>
      <c r="FF33" s="117">
        <v>0</v>
      </c>
      <c r="FG33" s="117">
        <v>0</v>
      </c>
      <c r="FH33" s="117">
        <v>0</v>
      </c>
      <c r="FI33" s="116">
        <v>0</v>
      </c>
      <c r="FJ33" s="119">
        <v>0</v>
      </c>
      <c r="FK33" s="113">
        <v>0</v>
      </c>
      <c r="FL33" s="117">
        <v>12600</v>
      </c>
      <c r="FM33" s="116">
        <v>12600</v>
      </c>
      <c r="FN33" s="113">
        <v>0</v>
      </c>
      <c r="FO33" s="117">
        <v>18760</v>
      </c>
      <c r="FP33" s="117">
        <v>51492</v>
      </c>
      <c r="FQ33" s="117">
        <v>7350</v>
      </c>
      <c r="FR33" s="117">
        <v>0</v>
      </c>
      <c r="FS33" s="117">
        <v>45150</v>
      </c>
      <c r="FT33" s="116">
        <v>122752</v>
      </c>
      <c r="FU33" s="119">
        <v>135352</v>
      </c>
      <c r="FV33" s="118">
        <v>0</v>
      </c>
      <c r="FW33" s="117">
        <v>12600</v>
      </c>
      <c r="FX33" s="115">
        <v>12600</v>
      </c>
      <c r="FY33" s="114">
        <v>0</v>
      </c>
      <c r="FZ33" s="117">
        <v>18760</v>
      </c>
      <c r="GA33" s="117">
        <v>51492</v>
      </c>
      <c r="GB33" s="117">
        <v>7350</v>
      </c>
      <c r="GC33" s="117">
        <v>0</v>
      </c>
      <c r="GD33" s="117">
        <v>45150</v>
      </c>
      <c r="GE33" s="116">
        <v>122752</v>
      </c>
      <c r="GF33" s="351">
        <v>135352</v>
      </c>
      <c r="GG33" s="118">
        <v>0</v>
      </c>
      <c r="GH33" s="117">
        <v>0</v>
      </c>
      <c r="GI33" s="115">
        <v>0</v>
      </c>
      <c r="GJ33" s="114">
        <v>0</v>
      </c>
      <c r="GK33" s="117">
        <v>0</v>
      </c>
      <c r="GL33" s="117">
        <v>0</v>
      </c>
      <c r="GM33" s="117">
        <v>0</v>
      </c>
      <c r="GN33" s="117">
        <v>0</v>
      </c>
      <c r="GO33" s="117">
        <v>0</v>
      </c>
      <c r="GP33" s="116">
        <v>0</v>
      </c>
      <c r="GQ33" s="119">
        <v>0</v>
      </c>
      <c r="GR33" s="113">
        <v>0</v>
      </c>
      <c r="GS33" s="117">
        <v>0</v>
      </c>
      <c r="GT33" s="116">
        <v>0</v>
      </c>
      <c r="GU33" s="113">
        <v>0</v>
      </c>
      <c r="GV33" s="117">
        <v>0</v>
      </c>
      <c r="GW33" s="117">
        <v>0</v>
      </c>
      <c r="GX33" s="117">
        <v>0</v>
      </c>
      <c r="GY33" s="117">
        <v>0</v>
      </c>
      <c r="GZ33" s="117">
        <v>0</v>
      </c>
      <c r="HA33" s="115">
        <v>0</v>
      </c>
      <c r="HB33" s="119">
        <v>0</v>
      </c>
      <c r="HC33" s="113">
        <v>0</v>
      </c>
      <c r="HD33" s="117">
        <v>0</v>
      </c>
      <c r="HE33" s="115">
        <v>0</v>
      </c>
      <c r="HF33" s="114">
        <v>0</v>
      </c>
      <c r="HG33" s="117">
        <v>138311</v>
      </c>
      <c r="HH33" s="117">
        <v>301288</v>
      </c>
      <c r="HI33" s="117">
        <v>0</v>
      </c>
      <c r="HJ33" s="117">
        <v>0</v>
      </c>
      <c r="HK33" s="117">
        <v>210752</v>
      </c>
      <c r="HL33" s="116">
        <v>650351</v>
      </c>
      <c r="HM33" s="112">
        <v>650351</v>
      </c>
      <c r="HN33" s="367"/>
      <c r="HO33" s="368"/>
      <c r="HP33" s="369"/>
      <c r="HQ33" s="370"/>
      <c r="HR33" s="368"/>
      <c r="HS33" s="368"/>
      <c r="HT33" s="368"/>
      <c r="HU33" s="368"/>
      <c r="HV33" s="368"/>
      <c r="HW33" s="371"/>
      <c r="HX33" s="372"/>
      <c r="HY33" s="149">
        <v>0</v>
      </c>
      <c r="HZ33" s="150">
        <v>0</v>
      </c>
      <c r="IA33" s="151">
        <v>0</v>
      </c>
      <c r="IB33" s="164">
        <v>0</v>
      </c>
      <c r="IC33" s="150">
        <v>46830</v>
      </c>
      <c r="ID33" s="165">
        <v>39781</v>
      </c>
      <c r="IE33" s="151">
        <v>22372</v>
      </c>
      <c r="IF33" s="150">
        <v>0</v>
      </c>
      <c r="IG33" s="151">
        <v>0</v>
      </c>
      <c r="IH33" s="166">
        <v>108983</v>
      </c>
      <c r="II33" s="157">
        <v>108983</v>
      </c>
      <c r="IJ33" s="262">
        <v>0</v>
      </c>
      <c r="IK33" s="269">
        <v>0</v>
      </c>
      <c r="IL33" s="270">
        <v>0</v>
      </c>
      <c r="IM33" s="158"/>
      <c r="IN33" s="123">
        <v>0</v>
      </c>
      <c r="IO33" s="123">
        <v>0</v>
      </c>
      <c r="IP33" s="123">
        <v>0</v>
      </c>
      <c r="IQ33" s="123">
        <v>0</v>
      </c>
      <c r="IR33" s="123">
        <v>0</v>
      </c>
      <c r="IS33" s="159">
        <v>0</v>
      </c>
      <c r="IT33" s="354">
        <v>0</v>
      </c>
      <c r="IU33" s="160">
        <v>0</v>
      </c>
      <c r="IV33" s="123">
        <v>0</v>
      </c>
      <c r="IW33" s="124">
        <v>0</v>
      </c>
      <c r="IX33" s="162"/>
      <c r="IY33" s="123">
        <v>0</v>
      </c>
      <c r="IZ33" s="123">
        <v>0</v>
      </c>
      <c r="JA33" s="123">
        <v>0</v>
      </c>
      <c r="JB33" s="123">
        <v>0</v>
      </c>
      <c r="JC33" s="123">
        <v>0</v>
      </c>
      <c r="JD33" s="124">
        <v>0</v>
      </c>
      <c r="JE33" s="125">
        <v>0</v>
      </c>
      <c r="JF33" s="160">
        <v>0</v>
      </c>
      <c r="JG33" s="123">
        <v>0</v>
      </c>
      <c r="JH33" s="159">
        <v>0</v>
      </c>
      <c r="JI33" s="122">
        <v>0</v>
      </c>
      <c r="JJ33" s="123">
        <v>46830</v>
      </c>
      <c r="JK33" s="123">
        <v>39781</v>
      </c>
      <c r="JL33" s="123">
        <v>0</v>
      </c>
      <c r="JM33" s="123">
        <v>0</v>
      </c>
      <c r="JN33" s="123">
        <v>0</v>
      </c>
      <c r="JO33" s="124">
        <v>86611</v>
      </c>
      <c r="JP33" s="354">
        <v>86611</v>
      </c>
      <c r="JQ33" s="160">
        <v>0</v>
      </c>
      <c r="JR33" s="123">
        <v>0</v>
      </c>
      <c r="JS33" s="159">
        <v>0</v>
      </c>
      <c r="JT33" s="122">
        <v>0</v>
      </c>
      <c r="JU33" s="123">
        <v>0</v>
      </c>
      <c r="JV33" s="123">
        <v>0</v>
      </c>
      <c r="JW33" s="123">
        <v>22372</v>
      </c>
      <c r="JX33" s="123">
        <v>0</v>
      </c>
      <c r="JY33" s="123">
        <v>0</v>
      </c>
      <c r="JZ33" s="124">
        <v>22372</v>
      </c>
      <c r="KA33" s="354">
        <v>22372</v>
      </c>
      <c r="KB33" s="265">
        <v>0</v>
      </c>
      <c r="KC33" s="259">
        <v>0</v>
      </c>
      <c r="KD33" s="124">
        <v>0</v>
      </c>
      <c r="KE33" s="122">
        <v>0</v>
      </c>
      <c r="KF33" s="123">
        <v>0</v>
      </c>
      <c r="KG33" s="123">
        <v>0</v>
      </c>
      <c r="KH33" s="123">
        <v>0</v>
      </c>
      <c r="KI33" s="123">
        <v>0</v>
      </c>
      <c r="KJ33" s="123">
        <v>0</v>
      </c>
      <c r="KK33" s="124">
        <v>0</v>
      </c>
      <c r="KL33" s="161">
        <v>0</v>
      </c>
      <c r="KM33" s="262">
        <v>0</v>
      </c>
      <c r="KN33" s="269">
        <v>0</v>
      </c>
      <c r="KO33" s="270">
        <v>0</v>
      </c>
      <c r="KP33" s="158">
        <v>0</v>
      </c>
      <c r="KQ33" s="123">
        <v>0</v>
      </c>
      <c r="KR33" s="123">
        <v>0</v>
      </c>
      <c r="KS33" s="123">
        <v>0</v>
      </c>
      <c r="KT33" s="123">
        <v>0</v>
      </c>
      <c r="KU33" s="123">
        <v>0</v>
      </c>
      <c r="KV33" s="124">
        <v>0</v>
      </c>
      <c r="KW33" s="354">
        <v>0</v>
      </c>
      <c r="KX33" s="160">
        <v>0</v>
      </c>
      <c r="KY33" s="123">
        <v>0</v>
      </c>
      <c r="KZ33" s="124">
        <v>0</v>
      </c>
      <c r="LA33" s="163">
        <v>0</v>
      </c>
      <c r="LB33" s="123">
        <v>0</v>
      </c>
      <c r="LC33" s="123">
        <v>0</v>
      </c>
      <c r="LD33" s="123">
        <v>0</v>
      </c>
      <c r="LE33" s="123">
        <v>0</v>
      </c>
      <c r="LF33" s="123">
        <v>0</v>
      </c>
      <c r="LG33" s="124">
        <v>0</v>
      </c>
      <c r="LH33" s="125">
        <v>0</v>
      </c>
      <c r="LI33" s="160">
        <v>0</v>
      </c>
      <c r="LJ33" s="123">
        <v>0</v>
      </c>
      <c r="LK33" s="124">
        <v>0</v>
      </c>
      <c r="LL33" s="163"/>
      <c r="LM33" s="123">
        <v>0</v>
      </c>
      <c r="LN33" s="123">
        <v>0</v>
      </c>
      <c r="LO33" s="123">
        <v>0</v>
      </c>
      <c r="LP33" s="123">
        <v>0</v>
      </c>
      <c r="LQ33" s="123">
        <v>0</v>
      </c>
      <c r="LR33" s="124">
        <v>0</v>
      </c>
      <c r="LS33" s="354">
        <v>0</v>
      </c>
      <c r="LT33" s="160">
        <v>0</v>
      </c>
      <c r="LU33" s="123">
        <v>0</v>
      </c>
      <c r="LV33" s="124">
        <v>0</v>
      </c>
      <c r="LW33" s="163"/>
      <c r="LX33" s="123">
        <v>0</v>
      </c>
      <c r="LY33" s="123">
        <v>0</v>
      </c>
      <c r="LZ33" s="123">
        <v>0</v>
      </c>
      <c r="MA33" s="123">
        <v>0</v>
      </c>
      <c r="MB33" s="123">
        <v>0</v>
      </c>
      <c r="MC33" s="124">
        <v>0</v>
      </c>
      <c r="MD33" s="125">
        <v>0</v>
      </c>
      <c r="ME33" s="160">
        <v>0</v>
      </c>
      <c r="MF33" s="123">
        <v>0</v>
      </c>
      <c r="MG33" s="124">
        <v>0</v>
      </c>
      <c r="MH33" s="163"/>
      <c r="MI33" s="123">
        <v>0</v>
      </c>
      <c r="MJ33" s="123">
        <v>0</v>
      </c>
      <c r="MK33" s="123">
        <v>273541</v>
      </c>
      <c r="ML33" s="123">
        <v>242442</v>
      </c>
      <c r="MM33" s="123">
        <v>257257</v>
      </c>
      <c r="MN33" s="124">
        <v>773240</v>
      </c>
      <c r="MO33" s="161">
        <v>773240</v>
      </c>
      <c r="MP33" s="160">
        <v>0</v>
      </c>
      <c r="MQ33" s="123">
        <v>0</v>
      </c>
      <c r="MR33" s="124">
        <v>0</v>
      </c>
      <c r="MS33" s="163"/>
      <c r="MT33" s="123">
        <v>0</v>
      </c>
      <c r="MU33" s="123">
        <v>0</v>
      </c>
      <c r="MV33" s="123">
        <v>0</v>
      </c>
      <c r="MW33" s="123">
        <v>242442</v>
      </c>
      <c r="MX33" s="123">
        <v>0</v>
      </c>
      <c r="MY33" s="124">
        <v>242442</v>
      </c>
      <c r="MZ33" s="161">
        <v>242442</v>
      </c>
      <c r="NA33" s="160">
        <v>0</v>
      </c>
      <c r="NB33" s="123">
        <v>0</v>
      </c>
      <c r="NC33" s="124">
        <v>0</v>
      </c>
      <c r="ND33" s="163"/>
      <c r="NE33" s="123">
        <v>0</v>
      </c>
      <c r="NF33" s="123">
        <v>0</v>
      </c>
      <c r="NG33" s="123">
        <v>273541</v>
      </c>
      <c r="NH33" s="123">
        <v>0</v>
      </c>
      <c r="NI33" s="123">
        <v>257257</v>
      </c>
      <c r="NJ33" s="124">
        <v>530798</v>
      </c>
      <c r="NK33" s="354">
        <v>530798</v>
      </c>
      <c r="NL33" s="160">
        <v>0</v>
      </c>
      <c r="NM33" s="123">
        <v>0</v>
      </c>
      <c r="NN33" s="124">
        <v>0</v>
      </c>
      <c r="NO33" s="163"/>
      <c r="NP33" s="123">
        <v>0</v>
      </c>
      <c r="NQ33" s="123">
        <v>0</v>
      </c>
      <c r="NR33" s="123">
        <v>0</v>
      </c>
      <c r="NS33" s="123">
        <v>0</v>
      </c>
      <c r="NT33" s="123">
        <v>0</v>
      </c>
      <c r="NU33" s="124">
        <v>0</v>
      </c>
      <c r="NV33" s="125">
        <v>0</v>
      </c>
      <c r="NW33" s="160">
        <v>0</v>
      </c>
      <c r="NX33" s="123">
        <v>0</v>
      </c>
      <c r="NY33" s="124">
        <v>0</v>
      </c>
      <c r="NZ33" s="163"/>
      <c r="OA33" s="123">
        <v>0</v>
      </c>
      <c r="OB33" s="123">
        <v>0</v>
      </c>
      <c r="OC33" s="123">
        <v>0</v>
      </c>
      <c r="OD33" s="123">
        <v>0</v>
      </c>
      <c r="OE33" s="123">
        <v>0</v>
      </c>
      <c r="OF33" s="124">
        <v>0</v>
      </c>
      <c r="OG33" s="125">
        <v>0</v>
      </c>
      <c r="OH33" s="160">
        <v>0</v>
      </c>
      <c r="OI33" s="123">
        <v>47467</v>
      </c>
      <c r="OJ33" s="159">
        <v>47467</v>
      </c>
      <c r="OK33" s="122">
        <v>0</v>
      </c>
      <c r="OL33" s="123">
        <v>368966</v>
      </c>
      <c r="OM33" s="123">
        <v>666207</v>
      </c>
      <c r="ON33" s="123">
        <v>398036</v>
      </c>
      <c r="OO33" s="123">
        <v>242442</v>
      </c>
      <c r="OP33" s="123">
        <v>622408</v>
      </c>
      <c r="OQ33" s="124">
        <v>2298059</v>
      </c>
      <c r="OR33" s="161">
        <v>2345526</v>
      </c>
    </row>
    <row r="34" spans="1:408" ht="20.25" customHeight="1" x14ac:dyDescent="0.2">
      <c r="A34" s="130" t="s">
        <v>29</v>
      </c>
      <c r="B34" s="113">
        <v>32893</v>
      </c>
      <c r="C34" s="117">
        <v>11900</v>
      </c>
      <c r="D34" s="116">
        <v>44793</v>
      </c>
      <c r="E34" s="112">
        <v>0</v>
      </c>
      <c r="F34" s="117">
        <v>354841</v>
      </c>
      <c r="G34" s="117">
        <v>436059</v>
      </c>
      <c r="H34" s="117">
        <v>663255</v>
      </c>
      <c r="I34" s="117">
        <v>204184</v>
      </c>
      <c r="J34" s="117">
        <v>0</v>
      </c>
      <c r="K34" s="201">
        <v>1658339</v>
      </c>
      <c r="L34" s="119">
        <v>1703132</v>
      </c>
      <c r="M34" s="113">
        <v>24668</v>
      </c>
      <c r="N34" s="117">
        <v>0</v>
      </c>
      <c r="O34" s="116">
        <v>24668</v>
      </c>
      <c r="P34" s="113">
        <v>0</v>
      </c>
      <c r="Q34" s="117">
        <v>79205</v>
      </c>
      <c r="R34" s="117">
        <v>219790</v>
      </c>
      <c r="S34" s="117">
        <v>150640</v>
      </c>
      <c r="T34" s="117">
        <v>20783</v>
      </c>
      <c r="U34" s="117">
        <v>0</v>
      </c>
      <c r="V34" s="116">
        <v>470418</v>
      </c>
      <c r="W34" s="119">
        <v>495086</v>
      </c>
      <c r="X34" s="113">
        <v>0</v>
      </c>
      <c r="Y34" s="117">
        <v>0</v>
      </c>
      <c r="Z34" s="116">
        <v>0</v>
      </c>
      <c r="AA34" s="113">
        <v>0</v>
      </c>
      <c r="AB34" s="117">
        <v>12222</v>
      </c>
      <c r="AC34" s="117">
        <v>82933</v>
      </c>
      <c r="AD34" s="117">
        <v>0</v>
      </c>
      <c r="AE34" s="117">
        <v>0</v>
      </c>
      <c r="AF34" s="117">
        <v>0</v>
      </c>
      <c r="AG34" s="116">
        <v>95155</v>
      </c>
      <c r="AH34" s="119">
        <v>95155</v>
      </c>
      <c r="AI34" s="113">
        <v>0</v>
      </c>
      <c r="AJ34" s="117">
        <v>0</v>
      </c>
      <c r="AK34" s="116">
        <v>0</v>
      </c>
      <c r="AL34" s="113">
        <v>0</v>
      </c>
      <c r="AM34" s="117">
        <v>0</v>
      </c>
      <c r="AN34" s="117">
        <v>0</v>
      </c>
      <c r="AO34" s="117">
        <v>28392</v>
      </c>
      <c r="AP34" s="117">
        <v>0</v>
      </c>
      <c r="AQ34" s="117">
        <v>0</v>
      </c>
      <c r="AR34" s="116">
        <v>28392</v>
      </c>
      <c r="AS34" s="119">
        <v>28392</v>
      </c>
      <c r="AT34" s="113">
        <v>24668</v>
      </c>
      <c r="AU34" s="117">
        <v>0</v>
      </c>
      <c r="AV34" s="116">
        <v>24668</v>
      </c>
      <c r="AW34" s="113">
        <v>0</v>
      </c>
      <c r="AX34" s="117">
        <v>45696</v>
      </c>
      <c r="AY34" s="117">
        <v>69734</v>
      </c>
      <c r="AZ34" s="117">
        <v>113848</v>
      </c>
      <c r="BA34" s="117">
        <v>0</v>
      </c>
      <c r="BB34" s="117">
        <v>0</v>
      </c>
      <c r="BC34" s="116">
        <v>229278</v>
      </c>
      <c r="BD34" s="119">
        <v>253946</v>
      </c>
      <c r="BE34" s="113">
        <v>0</v>
      </c>
      <c r="BF34" s="117">
        <v>0</v>
      </c>
      <c r="BG34" s="115">
        <v>0</v>
      </c>
      <c r="BH34" s="114">
        <v>0</v>
      </c>
      <c r="BI34" s="117">
        <v>0</v>
      </c>
      <c r="BJ34" s="117">
        <v>24577</v>
      </c>
      <c r="BK34" s="117">
        <v>0</v>
      </c>
      <c r="BL34" s="117">
        <v>0</v>
      </c>
      <c r="BM34" s="117">
        <v>0</v>
      </c>
      <c r="BN34" s="116">
        <v>24577</v>
      </c>
      <c r="BO34" s="119">
        <v>24577</v>
      </c>
      <c r="BP34" s="113">
        <v>0</v>
      </c>
      <c r="BQ34" s="117">
        <v>0</v>
      </c>
      <c r="BR34" s="116">
        <v>0</v>
      </c>
      <c r="BS34" s="113">
        <v>0</v>
      </c>
      <c r="BT34" s="117">
        <v>21287</v>
      </c>
      <c r="BU34" s="117">
        <v>42546</v>
      </c>
      <c r="BV34" s="117">
        <v>8400</v>
      </c>
      <c r="BW34" s="117">
        <v>20783</v>
      </c>
      <c r="BX34" s="117">
        <v>0</v>
      </c>
      <c r="BY34" s="116">
        <v>93016</v>
      </c>
      <c r="BZ34" s="119">
        <v>93016</v>
      </c>
      <c r="CA34" s="113">
        <v>0</v>
      </c>
      <c r="CB34" s="117">
        <v>0</v>
      </c>
      <c r="CC34" s="116">
        <v>0</v>
      </c>
      <c r="CD34" s="113">
        <v>0</v>
      </c>
      <c r="CE34" s="117">
        <v>10994</v>
      </c>
      <c r="CF34" s="117">
        <v>57771</v>
      </c>
      <c r="CG34" s="117">
        <v>213527</v>
      </c>
      <c r="CH34" s="117">
        <v>0</v>
      </c>
      <c r="CI34" s="117">
        <v>0</v>
      </c>
      <c r="CJ34" s="116">
        <v>282292</v>
      </c>
      <c r="CK34" s="119">
        <v>282292</v>
      </c>
      <c r="CL34" s="113">
        <v>0</v>
      </c>
      <c r="CM34" s="117">
        <v>0</v>
      </c>
      <c r="CN34" s="116">
        <v>0</v>
      </c>
      <c r="CO34" s="114">
        <v>0</v>
      </c>
      <c r="CP34" s="117">
        <v>10994</v>
      </c>
      <c r="CQ34" s="117">
        <v>0</v>
      </c>
      <c r="CR34" s="117">
        <v>57526</v>
      </c>
      <c r="CS34" s="117">
        <v>0</v>
      </c>
      <c r="CT34" s="117">
        <v>0</v>
      </c>
      <c r="CU34" s="116">
        <v>68520</v>
      </c>
      <c r="CV34" s="119">
        <v>68520</v>
      </c>
      <c r="CW34" s="113">
        <v>0</v>
      </c>
      <c r="CX34" s="117">
        <v>0</v>
      </c>
      <c r="CY34" s="116">
        <v>0</v>
      </c>
      <c r="CZ34" s="113">
        <v>0</v>
      </c>
      <c r="DA34" s="117">
        <v>0</v>
      </c>
      <c r="DB34" s="117">
        <v>57771</v>
      </c>
      <c r="DC34" s="117">
        <v>156001</v>
      </c>
      <c r="DD34" s="117">
        <v>0</v>
      </c>
      <c r="DE34" s="117">
        <v>0</v>
      </c>
      <c r="DF34" s="116">
        <v>213772</v>
      </c>
      <c r="DG34" s="119">
        <v>213772</v>
      </c>
      <c r="DH34" s="113">
        <v>0</v>
      </c>
      <c r="DI34" s="117">
        <v>0</v>
      </c>
      <c r="DJ34" s="115">
        <v>0</v>
      </c>
      <c r="DK34" s="114">
        <v>0</v>
      </c>
      <c r="DL34" s="117">
        <v>0</v>
      </c>
      <c r="DM34" s="117">
        <v>0</v>
      </c>
      <c r="DN34" s="117">
        <v>67393</v>
      </c>
      <c r="DO34" s="117">
        <v>0</v>
      </c>
      <c r="DP34" s="117">
        <v>0</v>
      </c>
      <c r="DQ34" s="116">
        <v>67393</v>
      </c>
      <c r="DR34" s="119">
        <v>67393</v>
      </c>
      <c r="DS34" s="113">
        <v>0</v>
      </c>
      <c r="DT34" s="117">
        <v>0</v>
      </c>
      <c r="DU34" s="116">
        <v>0</v>
      </c>
      <c r="DV34" s="113">
        <v>0</v>
      </c>
      <c r="DW34" s="117">
        <v>0</v>
      </c>
      <c r="DX34" s="117">
        <v>0</v>
      </c>
      <c r="DY34" s="117">
        <v>67393</v>
      </c>
      <c r="DZ34" s="117">
        <v>0</v>
      </c>
      <c r="EA34" s="117">
        <v>0</v>
      </c>
      <c r="EB34" s="116">
        <v>67393</v>
      </c>
      <c r="EC34" s="119">
        <v>67393</v>
      </c>
      <c r="ED34" s="113">
        <v>0</v>
      </c>
      <c r="EE34" s="115">
        <v>0</v>
      </c>
      <c r="EF34" s="116">
        <v>0</v>
      </c>
      <c r="EG34" s="113">
        <v>0</v>
      </c>
      <c r="EH34" s="117">
        <v>0</v>
      </c>
      <c r="EI34" s="117">
        <v>0</v>
      </c>
      <c r="EJ34" s="117">
        <v>0</v>
      </c>
      <c r="EK34" s="117">
        <v>0</v>
      </c>
      <c r="EL34" s="117">
        <v>0</v>
      </c>
      <c r="EM34" s="115">
        <v>0</v>
      </c>
      <c r="EN34" s="119">
        <v>0</v>
      </c>
      <c r="EO34" s="113">
        <v>0</v>
      </c>
      <c r="EP34" s="117">
        <v>0</v>
      </c>
      <c r="EQ34" s="115">
        <v>0</v>
      </c>
      <c r="ER34" s="114">
        <v>0</v>
      </c>
      <c r="ES34" s="117">
        <v>0</v>
      </c>
      <c r="ET34" s="117">
        <v>0</v>
      </c>
      <c r="EU34" s="117">
        <v>0</v>
      </c>
      <c r="EV34" s="117">
        <v>0</v>
      </c>
      <c r="EW34" s="117">
        <v>0</v>
      </c>
      <c r="EX34" s="116">
        <v>0</v>
      </c>
      <c r="EY34" s="119">
        <v>0</v>
      </c>
      <c r="EZ34" s="113">
        <v>0</v>
      </c>
      <c r="FA34" s="117">
        <v>0</v>
      </c>
      <c r="FB34" s="115">
        <v>0</v>
      </c>
      <c r="FC34" s="387"/>
      <c r="FD34" s="117">
        <v>0</v>
      </c>
      <c r="FE34" s="117">
        <v>0</v>
      </c>
      <c r="FF34" s="117">
        <v>0</v>
      </c>
      <c r="FG34" s="117">
        <v>0</v>
      </c>
      <c r="FH34" s="117">
        <v>0</v>
      </c>
      <c r="FI34" s="116">
        <v>0</v>
      </c>
      <c r="FJ34" s="119">
        <v>0</v>
      </c>
      <c r="FK34" s="113">
        <v>8225</v>
      </c>
      <c r="FL34" s="117">
        <v>11900</v>
      </c>
      <c r="FM34" s="116">
        <v>20125</v>
      </c>
      <c r="FN34" s="113">
        <v>0</v>
      </c>
      <c r="FO34" s="117">
        <v>24500</v>
      </c>
      <c r="FP34" s="117">
        <v>7700</v>
      </c>
      <c r="FQ34" s="117">
        <v>59325</v>
      </c>
      <c r="FR34" s="117">
        <v>0</v>
      </c>
      <c r="FS34" s="117">
        <v>0</v>
      </c>
      <c r="FT34" s="116">
        <v>91525</v>
      </c>
      <c r="FU34" s="119">
        <v>111650</v>
      </c>
      <c r="FV34" s="118">
        <v>8225</v>
      </c>
      <c r="FW34" s="117">
        <v>11900</v>
      </c>
      <c r="FX34" s="115">
        <v>20125</v>
      </c>
      <c r="FY34" s="114">
        <v>0</v>
      </c>
      <c r="FZ34" s="117">
        <v>24500</v>
      </c>
      <c r="GA34" s="117">
        <v>7700</v>
      </c>
      <c r="GB34" s="117">
        <v>59325</v>
      </c>
      <c r="GC34" s="117">
        <v>0</v>
      </c>
      <c r="GD34" s="117">
        <v>0</v>
      </c>
      <c r="GE34" s="116">
        <v>91525</v>
      </c>
      <c r="GF34" s="351">
        <v>111650</v>
      </c>
      <c r="GG34" s="118">
        <v>0</v>
      </c>
      <c r="GH34" s="117">
        <v>0</v>
      </c>
      <c r="GI34" s="115">
        <v>0</v>
      </c>
      <c r="GJ34" s="114">
        <v>0</v>
      </c>
      <c r="GK34" s="117">
        <v>0</v>
      </c>
      <c r="GL34" s="117">
        <v>0</v>
      </c>
      <c r="GM34" s="117">
        <v>0</v>
      </c>
      <c r="GN34" s="117">
        <v>0</v>
      </c>
      <c r="GO34" s="117">
        <v>0</v>
      </c>
      <c r="GP34" s="116">
        <v>0</v>
      </c>
      <c r="GQ34" s="119">
        <v>0</v>
      </c>
      <c r="GR34" s="113">
        <v>0</v>
      </c>
      <c r="GS34" s="117">
        <v>0</v>
      </c>
      <c r="GT34" s="116">
        <v>0</v>
      </c>
      <c r="GU34" s="113">
        <v>0</v>
      </c>
      <c r="GV34" s="117">
        <v>0</v>
      </c>
      <c r="GW34" s="117">
        <v>0</v>
      </c>
      <c r="GX34" s="117">
        <v>0</v>
      </c>
      <c r="GY34" s="117">
        <v>0</v>
      </c>
      <c r="GZ34" s="117">
        <v>0</v>
      </c>
      <c r="HA34" s="115">
        <v>0</v>
      </c>
      <c r="HB34" s="119">
        <v>0</v>
      </c>
      <c r="HC34" s="113">
        <v>0</v>
      </c>
      <c r="HD34" s="117">
        <v>0</v>
      </c>
      <c r="HE34" s="115">
        <v>0</v>
      </c>
      <c r="HF34" s="114">
        <v>0</v>
      </c>
      <c r="HG34" s="117">
        <v>240142</v>
      </c>
      <c r="HH34" s="117">
        <v>150798</v>
      </c>
      <c r="HI34" s="117">
        <v>172370</v>
      </c>
      <c r="HJ34" s="117">
        <v>183401</v>
      </c>
      <c r="HK34" s="117">
        <v>0</v>
      </c>
      <c r="HL34" s="116">
        <v>746711</v>
      </c>
      <c r="HM34" s="112">
        <v>746711</v>
      </c>
      <c r="HN34" s="367"/>
      <c r="HO34" s="368"/>
      <c r="HP34" s="369"/>
      <c r="HQ34" s="370"/>
      <c r="HR34" s="368"/>
      <c r="HS34" s="368"/>
      <c r="HT34" s="368"/>
      <c r="HU34" s="368"/>
      <c r="HV34" s="368"/>
      <c r="HW34" s="371"/>
      <c r="HX34" s="372"/>
      <c r="HY34" s="168">
        <v>0</v>
      </c>
      <c r="HZ34" s="153">
        <v>0</v>
      </c>
      <c r="IA34" s="168">
        <v>0</v>
      </c>
      <c r="IB34" s="152">
        <v>0</v>
      </c>
      <c r="IC34" s="153">
        <v>126630</v>
      </c>
      <c r="ID34" s="154">
        <v>16487</v>
      </c>
      <c r="IE34" s="155">
        <v>100583</v>
      </c>
      <c r="IF34" s="153">
        <v>0</v>
      </c>
      <c r="IG34" s="155">
        <v>0</v>
      </c>
      <c r="IH34" s="156">
        <v>243700</v>
      </c>
      <c r="II34" s="168">
        <v>243700</v>
      </c>
      <c r="IJ34" s="262">
        <v>0</v>
      </c>
      <c r="IK34" s="269">
        <v>0</v>
      </c>
      <c r="IL34" s="270">
        <v>0</v>
      </c>
      <c r="IM34" s="158"/>
      <c r="IN34" s="123">
        <v>0</v>
      </c>
      <c r="IO34" s="123">
        <v>0</v>
      </c>
      <c r="IP34" s="123">
        <v>0</v>
      </c>
      <c r="IQ34" s="123">
        <v>0</v>
      </c>
      <c r="IR34" s="123">
        <v>0</v>
      </c>
      <c r="IS34" s="159">
        <v>0</v>
      </c>
      <c r="IT34" s="354">
        <v>0</v>
      </c>
      <c r="IU34" s="160">
        <v>0</v>
      </c>
      <c r="IV34" s="123">
        <v>0</v>
      </c>
      <c r="IW34" s="124">
        <v>0</v>
      </c>
      <c r="IX34" s="162"/>
      <c r="IY34" s="123">
        <v>0</v>
      </c>
      <c r="IZ34" s="123">
        <v>0</v>
      </c>
      <c r="JA34" s="123">
        <v>0</v>
      </c>
      <c r="JB34" s="123">
        <v>0</v>
      </c>
      <c r="JC34" s="123">
        <v>0</v>
      </c>
      <c r="JD34" s="124">
        <v>0</v>
      </c>
      <c r="JE34" s="125">
        <v>0</v>
      </c>
      <c r="JF34" s="160">
        <v>0</v>
      </c>
      <c r="JG34" s="123">
        <v>0</v>
      </c>
      <c r="JH34" s="159">
        <v>0</v>
      </c>
      <c r="JI34" s="122">
        <v>0</v>
      </c>
      <c r="JJ34" s="123">
        <v>25543</v>
      </c>
      <c r="JK34" s="123">
        <v>16487</v>
      </c>
      <c r="JL34" s="123">
        <v>0</v>
      </c>
      <c r="JM34" s="123">
        <v>0</v>
      </c>
      <c r="JN34" s="123">
        <v>0</v>
      </c>
      <c r="JO34" s="124">
        <v>42030</v>
      </c>
      <c r="JP34" s="354">
        <v>42030</v>
      </c>
      <c r="JQ34" s="160">
        <v>0</v>
      </c>
      <c r="JR34" s="123">
        <v>0</v>
      </c>
      <c r="JS34" s="159">
        <v>0</v>
      </c>
      <c r="JT34" s="122">
        <v>0</v>
      </c>
      <c r="JU34" s="123">
        <v>0</v>
      </c>
      <c r="JV34" s="123">
        <v>0</v>
      </c>
      <c r="JW34" s="123">
        <v>100583</v>
      </c>
      <c r="JX34" s="123">
        <v>0</v>
      </c>
      <c r="JY34" s="123">
        <v>0</v>
      </c>
      <c r="JZ34" s="124">
        <v>100583</v>
      </c>
      <c r="KA34" s="354">
        <v>100583</v>
      </c>
      <c r="KB34" s="265">
        <v>0</v>
      </c>
      <c r="KC34" s="259">
        <v>0</v>
      </c>
      <c r="KD34" s="124">
        <v>0</v>
      </c>
      <c r="KE34" s="122">
        <v>0</v>
      </c>
      <c r="KF34" s="123">
        <v>101087</v>
      </c>
      <c r="KG34" s="123">
        <v>0</v>
      </c>
      <c r="KH34" s="123">
        <v>0</v>
      </c>
      <c r="KI34" s="123">
        <v>0</v>
      </c>
      <c r="KJ34" s="123">
        <v>0</v>
      </c>
      <c r="KK34" s="124">
        <v>101087</v>
      </c>
      <c r="KL34" s="161">
        <v>101087</v>
      </c>
      <c r="KM34" s="262">
        <v>0</v>
      </c>
      <c r="KN34" s="269">
        <v>0</v>
      </c>
      <c r="KO34" s="270">
        <v>0</v>
      </c>
      <c r="KP34" s="158">
        <v>0</v>
      </c>
      <c r="KQ34" s="123">
        <v>0</v>
      </c>
      <c r="KR34" s="123">
        <v>0</v>
      </c>
      <c r="KS34" s="123">
        <v>0</v>
      </c>
      <c r="KT34" s="123">
        <v>0</v>
      </c>
      <c r="KU34" s="123">
        <v>0</v>
      </c>
      <c r="KV34" s="124">
        <v>0</v>
      </c>
      <c r="KW34" s="354">
        <v>0</v>
      </c>
      <c r="KX34" s="160">
        <v>0</v>
      </c>
      <c r="KY34" s="123">
        <v>0</v>
      </c>
      <c r="KZ34" s="124">
        <v>0</v>
      </c>
      <c r="LA34" s="163">
        <v>0</v>
      </c>
      <c r="LB34" s="123">
        <v>0</v>
      </c>
      <c r="LC34" s="123">
        <v>0</v>
      </c>
      <c r="LD34" s="123">
        <v>0</v>
      </c>
      <c r="LE34" s="123">
        <v>0</v>
      </c>
      <c r="LF34" s="123">
        <v>0</v>
      </c>
      <c r="LG34" s="124">
        <v>0</v>
      </c>
      <c r="LH34" s="125">
        <v>0</v>
      </c>
      <c r="LI34" s="160">
        <v>0</v>
      </c>
      <c r="LJ34" s="123">
        <v>0</v>
      </c>
      <c r="LK34" s="124">
        <v>0</v>
      </c>
      <c r="LL34" s="163"/>
      <c r="LM34" s="123">
        <v>0</v>
      </c>
      <c r="LN34" s="123">
        <v>0</v>
      </c>
      <c r="LO34" s="123">
        <v>0</v>
      </c>
      <c r="LP34" s="123">
        <v>0</v>
      </c>
      <c r="LQ34" s="123">
        <v>0</v>
      </c>
      <c r="LR34" s="124">
        <v>0</v>
      </c>
      <c r="LS34" s="354">
        <v>0</v>
      </c>
      <c r="LT34" s="160">
        <v>0</v>
      </c>
      <c r="LU34" s="123">
        <v>0</v>
      </c>
      <c r="LV34" s="124">
        <v>0</v>
      </c>
      <c r="LW34" s="163"/>
      <c r="LX34" s="123">
        <v>0</v>
      </c>
      <c r="LY34" s="123">
        <v>0</v>
      </c>
      <c r="LZ34" s="123">
        <v>0</v>
      </c>
      <c r="MA34" s="123">
        <v>0</v>
      </c>
      <c r="MB34" s="123">
        <v>0</v>
      </c>
      <c r="MC34" s="124">
        <v>0</v>
      </c>
      <c r="MD34" s="125">
        <v>0</v>
      </c>
      <c r="ME34" s="160">
        <v>0</v>
      </c>
      <c r="MF34" s="123">
        <v>0</v>
      </c>
      <c r="MG34" s="124">
        <v>0</v>
      </c>
      <c r="MH34" s="163"/>
      <c r="MI34" s="123">
        <v>0</v>
      </c>
      <c r="MJ34" s="123">
        <v>0</v>
      </c>
      <c r="MK34" s="123">
        <v>427655</v>
      </c>
      <c r="ML34" s="123">
        <v>0</v>
      </c>
      <c r="MM34" s="123">
        <v>226926</v>
      </c>
      <c r="MN34" s="124">
        <v>654581</v>
      </c>
      <c r="MO34" s="161">
        <v>654581</v>
      </c>
      <c r="MP34" s="160">
        <v>0</v>
      </c>
      <c r="MQ34" s="123">
        <v>0</v>
      </c>
      <c r="MR34" s="124">
        <v>0</v>
      </c>
      <c r="MS34" s="163"/>
      <c r="MT34" s="123">
        <v>0</v>
      </c>
      <c r="MU34" s="123">
        <v>0</v>
      </c>
      <c r="MV34" s="123">
        <v>210525</v>
      </c>
      <c r="MW34" s="123">
        <v>0</v>
      </c>
      <c r="MX34" s="123">
        <v>0</v>
      </c>
      <c r="MY34" s="124">
        <v>210525</v>
      </c>
      <c r="MZ34" s="161">
        <v>210525</v>
      </c>
      <c r="NA34" s="160">
        <v>0</v>
      </c>
      <c r="NB34" s="123">
        <v>0</v>
      </c>
      <c r="NC34" s="124">
        <v>0</v>
      </c>
      <c r="ND34" s="163"/>
      <c r="NE34" s="123">
        <v>0</v>
      </c>
      <c r="NF34" s="123">
        <v>0</v>
      </c>
      <c r="NG34" s="123">
        <v>217130</v>
      </c>
      <c r="NH34" s="123">
        <v>0</v>
      </c>
      <c r="NI34" s="123">
        <v>226926</v>
      </c>
      <c r="NJ34" s="124">
        <v>444056</v>
      </c>
      <c r="NK34" s="354">
        <v>444056</v>
      </c>
      <c r="NL34" s="160">
        <v>0</v>
      </c>
      <c r="NM34" s="123">
        <v>0</v>
      </c>
      <c r="NN34" s="124">
        <v>0</v>
      </c>
      <c r="NO34" s="163"/>
      <c r="NP34" s="123">
        <v>0</v>
      </c>
      <c r="NQ34" s="123">
        <v>0</v>
      </c>
      <c r="NR34" s="123">
        <v>0</v>
      </c>
      <c r="NS34" s="123">
        <v>0</v>
      </c>
      <c r="NT34" s="123">
        <v>0</v>
      </c>
      <c r="NU34" s="124">
        <v>0</v>
      </c>
      <c r="NV34" s="125">
        <v>0</v>
      </c>
      <c r="NW34" s="160">
        <v>0</v>
      </c>
      <c r="NX34" s="123">
        <v>0</v>
      </c>
      <c r="NY34" s="124">
        <v>0</v>
      </c>
      <c r="NZ34" s="163"/>
      <c r="OA34" s="123">
        <v>0</v>
      </c>
      <c r="OB34" s="123">
        <v>0</v>
      </c>
      <c r="OC34" s="123">
        <v>0</v>
      </c>
      <c r="OD34" s="123">
        <v>0</v>
      </c>
      <c r="OE34" s="123">
        <v>0</v>
      </c>
      <c r="OF34" s="124">
        <v>0</v>
      </c>
      <c r="OG34" s="125">
        <v>0</v>
      </c>
      <c r="OH34" s="160">
        <v>32893</v>
      </c>
      <c r="OI34" s="123">
        <v>11900</v>
      </c>
      <c r="OJ34" s="159">
        <v>44793</v>
      </c>
      <c r="OK34" s="122">
        <v>0</v>
      </c>
      <c r="OL34" s="123">
        <v>481471</v>
      </c>
      <c r="OM34" s="123">
        <v>452546</v>
      </c>
      <c r="ON34" s="123">
        <v>1191493</v>
      </c>
      <c r="OO34" s="123">
        <v>204184</v>
      </c>
      <c r="OP34" s="123">
        <v>226926</v>
      </c>
      <c r="OQ34" s="124">
        <v>2556620</v>
      </c>
      <c r="OR34" s="161">
        <v>2601413</v>
      </c>
    </row>
    <row r="35" spans="1:408" ht="20.25" customHeight="1" x14ac:dyDescent="0.2">
      <c r="A35" s="130" t="s">
        <v>30</v>
      </c>
      <c r="B35" s="113">
        <v>3850</v>
      </c>
      <c r="C35" s="117">
        <v>2100</v>
      </c>
      <c r="D35" s="202">
        <v>5950</v>
      </c>
      <c r="E35" s="203">
        <v>0</v>
      </c>
      <c r="F35" s="204">
        <v>321428</v>
      </c>
      <c r="G35" s="204">
        <v>285880</v>
      </c>
      <c r="H35" s="204">
        <v>562155</v>
      </c>
      <c r="I35" s="204">
        <v>535721</v>
      </c>
      <c r="J35" s="204">
        <v>0</v>
      </c>
      <c r="K35" s="205">
        <v>1705184</v>
      </c>
      <c r="L35" s="119">
        <v>1711134</v>
      </c>
      <c r="M35" s="113">
        <v>0</v>
      </c>
      <c r="N35" s="117">
        <v>0</v>
      </c>
      <c r="O35" s="116">
        <v>0</v>
      </c>
      <c r="P35" s="113">
        <v>0</v>
      </c>
      <c r="Q35" s="117">
        <v>9296</v>
      </c>
      <c r="R35" s="117">
        <v>67431</v>
      </c>
      <c r="S35" s="117">
        <v>193185</v>
      </c>
      <c r="T35" s="117">
        <v>313940</v>
      </c>
      <c r="U35" s="117">
        <v>0</v>
      </c>
      <c r="V35" s="116">
        <v>583852</v>
      </c>
      <c r="W35" s="119">
        <v>583852</v>
      </c>
      <c r="X35" s="113">
        <v>0</v>
      </c>
      <c r="Y35" s="117">
        <v>0</v>
      </c>
      <c r="Z35" s="116">
        <v>0</v>
      </c>
      <c r="AA35" s="113">
        <v>0</v>
      </c>
      <c r="AB35" s="117">
        <v>0</v>
      </c>
      <c r="AC35" s="117">
        <v>27202</v>
      </c>
      <c r="AD35" s="117">
        <v>184785</v>
      </c>
      <c r="AE35" s="117">
        <v>168513</v>
      </c>
      <c r="AF35" s="117">
        <v>0</v>
      </c>
      <c r="AG35" s="116">
        <v>380500</v>
      </c>
      <c r="AH35" s="119">
        <v>380500</v>
      </c>
      <c r="AI35" s="113">
        <v>0</v>
      </c>
      <c r="AJ35" s="117">
        <v>0</v>
      </c>
      <c r="AK35" s="116">
        <v>0</v>
      </c>
      <c r="AL35" s="113">
        <v>0</v>
      </c>
      <c r="AM35" s="117">
        <v>0</v>
      </c>
      <c r="AN35" s="117">
        <v>0</v>
      </c>
      <c r="AO35" s="117">
        <v>0</v>
      </c>
      <c r="AP35" s="117">
        <v>37856</v>
      </c>
      <c r="AQ35" s="117">
        <v>0</v>
      </c>
      <c r="AR35" s="116">
        <v>37856</v>
      </c>
      <c r="AS35" s="119">
        <v>37856</v>
      </c>
      <c r="AT35" s="113">
        <v>0</v>
      </c>
      <c r="AU35" s="117">
        <v>0</v>
      </c>
      <c r="AV35" s="116">
        <v>0</v>
      </c>
      <c r="AW35" s="113">
        <v>0</v>
      </c>
      <c r="AX35" s="117">
        <v>0</v>
      </c>
      <c r="AY35" s="117">
        <v>34524</v>
      </c>
      <c r="AZ35" s="117">
        <v>0</v>
      </c>
      <c r="BA35" s="117">
        <v>34713</v>
      </c>
      <c r="BB35" s="117">
        <v>0</v>
      </c>
      <c r="BC35" s="116">
        <v>69237</v>
      </c>
      <c r="BD35" s="119">
        <v>69237</v>
      </c>
      <c r="BE35" s="113">
        <v>0</v>
      </c>
      <c r="BF35" s="117">
        <v>0</v>
      </c>
      <c r="BG35" s="115">
        <v>0</v>
      </c>
      <c r="BH35" s="114">
        <v>0</v>
      </c>
      <c r="BI35" s="117">
        <v>0</v>
      </c>
      <c r="BJ35" s="117">
        <v>0</v>
      </c>
      <c r="BK35" s="117">
        <v>0</v>
      </c>
      <c r="BL35" s="117">
        <v>55302</v>
      </c>
      <c r="BM35" s="117">
        <v>0</v>
      </c>
      <c r="BN35" s="116">
        <v>55302</v>
      </c>
      <c r="BO35" s="119">
        <v>55302</v>
      </c>
      <c r="BP35" s="113">
        <v>0</v>
      </c>
      <c r="BQ35" s="117">
        <v>0</v>
      </c>
      <c r="BR35" s="116">
        <v>0</v>
      </c>
      <c r="BS35" s="113">
        <v>0</v>
      </c>
      <c r="BT35" s="117">
        <v>9296</v>
      </c>
      <c r="BU35" s="117">
        <v>5705</v>
      </c>
      <c r="BV35" s="117">
        <v>8400</v>
      </c>
      <c r="BW35" s="117">
        <v>17556</v>
      </c>
      <c r="BX35" s="117">
        <v>0</v>
      </c>
      <c r="BY35" s="116">
        <v>40957</v>
      </c>
      <c r="BZ35" s="119">
        <v>40957</v>
      </c>
      <c r="CA35" s="113">
        <v>0</v>
      </c>
      <c r="CB35" s="117">
        <v>0</v>
      </c>
      <c r="CC35" s="116">
        <v>0</v>
      </c>
      <c r="CD35" s="113">
        <v>0</v>
      </c>
      <c r="CE35" s="117">
        <v>47868</v>
      </c>
      <c r="CF35" s="117">
        <v>138606</v>
      </c>
      <c r="CG35" s="117">
        <v>81557</v>
      </c>
      <c r="CH35" s="117">
        <v>0</v>
      </c>
      <c r="CI35" s="117">
        <v>0</v>
      </c>
      <c r="CJ35" s="116">
        <v>268031</v>
      </c>
      <c r="CK35" s="119">
        <v>268031</v>
      </c>
      <c r="CL35" s="113">
        <v>0</v>
      </c>
      <c r="CM35" s="117">
        <v>0</v>
      </c>
      <c r="CN35" s="116">
        <v>0</v>
      </c>
      <c r="CO35" s="114">
        <v>0</v>
      </c>
      <c r="CP35" s="117">
        <v>47868</v>
      </c>
      <c r="CQ35" s="117">
        <v>42294</v>
      </c>
      <c r="CR35" s="117">
        <v>81557</v>
      </c>
      <c r="CS35" s="117">
        <v>0</v>
      </c>
      <c r="CT35" s="117">
        <v>0</v>
      </c>
      <c r="CU35" s="116">
        <v>171719</v>
      </c>
      <c r="CV35" s="119">
        <v>171719</v>
      </c>
      <c r="CW35" s="113">
        <v>0</v>
      </c>
      <c r="CX35" s="117">
        <v>0</v>
      </c>
      <c r="CY35" s="116">
        <v>0</v>
      </c>
      <c r="CZ35" s="113">
        <v>0</v>
      </c>
      <c r="DA35" s="117">
        <v>0</v>
      </c>
      <c r="DB35" s="117">
        <v>96312</v>
      </c>
      <c r="DC35" s="117">
        <v>0</v>
      </c>
      <c r="DD35" s="117">
        <v>0</v>
      </c>
      <c r="DE35" s="117">
        <v>0</v>
      </c>
      <c r="DF35" s="116">
        <v>96312</v>
      </c>
      <c r="DG35" s="119">
        <v>96312</v>
      </c>
      <c r="DH35" s="113">
        <v>0</v>
      </c>
      <c r="DI35" s="117">
        <v>0</v>
      </c>
      <c r="DJ35" s="115">
        <v>0</v>
      </c>
      <c r="DK35" s="114">
        <v>0</v>
      </c>
      <c r="DL35" s="117">
        <v>0</v>
      </c>
      <c r="DM35" s="117">
        <v>33531</v>
      </c>
      <c r="DN35" s="117">
        <v>255241</v>
      </c>
      <c r="DO35" s="117">
        <v>0</v>
      </c>
      <c r="DP35" s="117">
        <v>0</v>
      </c>
      <c r="DQ35" s="116">
        <v>288772</v>
      </c>
      <c r="DR35" s="119">
        <v>288772</v>
      </c>
      <c r="DS35" s="113">
        <v>0</v>
      </c>
      <c r="DT35" s="117">
        <v>0</v>
      </c>
      <c r="DU35" s="116">
        <v>0</v>
      </c>
      <c r="DV35" s="113">
        <v>0</v>
      </c>
      <c r="DW35" s="117">
        <v>0</v>
      </c>
      <c r="DX35" s="117">
        <v>0</v>
      </c>
      <c r="DY35" s="117">
        <v>255241</v>
      </c>
      <c r="DZ35" s="117">
        <v>0</v>
      </c>
      <c r="EA35" s="117">
        <v>0</v>
      </c>
      <c r="EB35" s="116">
        <v>255241</v>
      </c>
      <c r="EC35" s="119">
        <v>255241</v>
      </c>
      <c r="ED35" s="113">
        <v>0</v>
      </c>
      <c r="EE35" s="115">
        <v>0</v>
      </c>
      <c r="EF35" s="116">
        <v>0</v>
      </c>
      <c r="EG35" s="113">
        <v>0</v>
      </c>
      <c r="EH35" s="117">
        <v>0</v>
      </c>
      <c r="EI35" s="117">
        <v>33531</v>
      </c>
      <c r="EJ35" s="117">
        <v>0</v>
      </c>
      <c r="EK35" s="117">
        <v>0</v>
      </c>
      <c r="EL35" s="117">
        <v>0</v>
      </c>
      <c r="EM35" s="115">
        <v>33531</v>
      </c>
      <c r="EN35" s="119">
        <v>33531</v>
      </c>
      <c r="EO35" s="113">
        <v>0</v>
      </c>
      <c r="EP35" s="117">
        <v>0</v>
      </c>
      <c r="EQ35" s="115">
        <v>0</v>
      </c>
      <c r="ER35" s="114">
        <v>0</v>
      </c>
      <c r="ES35" s="117">
        <v>0</v>
      </c>
      <c r="ET35" s="117">
        <v>0</v>
      </c>
      <c r="EU35" s="117">
        <v>0</v>
      </c>
      <c r="EV35" s="117">
        <v>0</v>
      </c>
      <c r="EW35" s="117">
        <v>0</v>
      </c>
      <c r="EX35" s="116">
        <v>0</v>
      </c>
      <c r="EY35" s="119">
        <v>0</v>
      </c>
      <c r="EZ35" s="113">
        <v>0</v>
      </c>
      <c r="FA35" s="117">
        <v>0</v>
      </c>
      <c r="FB35" s="115">
        <v>0</v>
      </c>
      <c r="FC35" s="387"/>
      <c r="FD35" s="117">
        <v>0</v>
      </c>
      <c r="FE35" s="117">
        <v>0</v>
      </c>
      <c r="FF35" s="117">
        <v>0</v>
      </c>
      <c r="FG35" s="117">
        <v>0</v>
      </c>
      <c r="FH35" s="117">
        <v>0</v>
      </c>
      <c r="FI35" s="116">
        <v>0</v>
      </c>
      <c r="FJ35" s="119">
        <v>0</v>
      </c>
      <c r="FK35" s="113">
        <v>3850</v>
      </c>
      <c r="FL35" s="117">
        <v>2100</v>
      </c>
      <c r="FM35" s="116">
        <v>5950</v>
      </c>
      <c r="FN35" s="113">
        <v>0</v>
      </c>
      <c r="FO35" s="117">
        <v>0</v>
      </c>
      <c r="FP35" s="117">
        <v>46312</v>
      </c>
      <c r="FQ35" s="117">
        <v>32172</v>
      </c>
      <c r="FR35" s="117">
        <v>27944</v>
      </c>
      <c r="FS35" s="117">
        <v>0</v>
      </c>
      <c r="FT35" s="116">
        <v>106428</v>
      </c>
      <c r="FU35" s="119">
        <v>112378</v>
      </c>
      <c r="FV35" s="118">
        <v>3850</v>
      </c>
      <c r="FW35" s="117">
        <v>2100</v>
      </c>
      <c r="FX35" s="115">
        <v>5950</v>
      </c>
      <c r="FY35" s="114">
        <v>0</v>
      </c>
      <c r="FZ35" s="117">
        <v>0</v>
      </c>
      <c r="GA35" s="117">
        <v>46312</v>
      </c>
      <c r="GB35" s="117">
        <v>32172</v>
      </c>
      <c r="GC35" s="117">
        <v>27944</v>
      </c>
      <c r="GD35" s="117">
        <v>0</v>
      </c>
      <c r="GE35" s="116">
        <v>106428</v>
      </c>
      <c r="GF35" s="351">
        <v>112378</v>
      </c>
      <c r="GG35" s="118">
        <v>0</v>
      </c>
      <c r="GH35" s="117">
        <v>0</v>
      </c>
      <c r="GI35" s="115">
        <v>0</v>
      </c>
      <c r="GJ35" s="114">
        <v>0</v>
      </c>
      <c r="GK35" s="117">
        <v>0</v>
      </c>
      <c r="GL35" s="117">
        <v>0</v>
      </c>
      <c r="GM35" s="117">
        <v>0</v>
      </c>
      <c r="GN35" s="117">
        <v>0</v>
      </c>
      <c r="GO35" s="117">
        <v>0</v>
      </c>
      <c r="GP35" s="116">
        <v>0</v>
      </c>
      <c r="GQ35" s="119">
        <v>0</v>
      </c>
      <c r="GR35" s="113">
        <v>0</v>
      </c>
      <c r="GS35" s="117">
        <v>0</v>
      </c>
      <c r="GT35" s="116">
        <v>0</v>
      </c>
      <c r="GU35" s="113">
        <v>0</v>
      </c>
      <c r="GV35" s="117">
        <v>0</v>
      </c>
      <c r="GW35" s="117">
        <v>0</v>
      </c>
      <c r="GX35" s="117">
        <v>0</v>
      </c>
      <c r="GY35" s="117">
        <v>0</v>
      </c>
      <c r="GZ35" s="117">
        <v>0</v>
      </c>
      <c r="HA35" s="115">
        <v>0</v>
      </c>
      <c r="HB35" s="119">
        <v>0</v>
      </c>
      <c r="HC35" s="113">
        <v>0</v>
      </c>
      <c r="HD35" s="117">
        <v>0</v>
      </c>
      <c r="HE35" s="115">
        <v>0</v>
      </c>
      <c r="HF35" s="114">
        <v>0</v>
      </c>
      <c r="HG35" s="117">
        <v>264264</v>
      </c>
      <c r="HH35" s="117">
        <v>0</v>
      </c>
      <c r="HI35" s="117">
        <v>0</v>
      </c>
      <c r="HJ35" s="117">
        <v>193837</v>
      </c>
      <c r="HK35" s="117">
        <v>0</v>
      </c>
      <c r="HL35" s="116">
        <v>458101</v>
      </c>
      <c r="HM35" s="112">
        <v>458101</v>
      </c>
      <c r="HN35" s="367"/>
      <c r="HO35" s="368"/>
      <c r="HP35" s="369"/>
      <c r="HQ35" s="370"/>
      <c r="HR35" s="368"/>
      <c r="HS35" s="368"/>
      <c r="HT35" s="368"/>
      <c r="HU35" s="368"/>
      <c r="HV35" s="368"/>
      <c r="HW35" s="371"/>
      <c r="HX35" s="372"/>
      <c r="HY35" s="149">
        <v>0</v>
      </c>
      <c r="HZ35" s="150">
        <v>0</v>
      </c>
      <c r="IA35" s="151">
        <v>0</v>
      </c>
      <c r="IB35" s="164">
        <v>0</v>
      </c>
      <c r="IC35" s="150">
        <v>279519</v>
      </c>
      <c r="ID35" s="165">
        <v>36925</v>
      </c>
      <c r="IE35" s="151">
        <v>0</v>
      </c>
      <c r="IF35" s="150">
        <v>0</v>
      </c>
      <c r="IG35" s="151">
        <v>0</v>
      </c>
      <c r="IH35" s="166">
        <v>316444</v>
      </c>
      <c r="II35" s="157">
        <v>316444</v>
      </c>
      <c r="IJ35" s="262">
        <v>0</v>
      </c>
      <c r="IK35" s="269">
        <v>0</v>
      </c>
      <c r="IL35" s="270">
        <v>0</v>
      </c>
      <c r="IM35" s="158"/>
      <c r="IN35" s="123">
        <v>0</v>
      </c>
      <c r="IO35" s="123">
        <v>0</v>
      </c>
      <c r="IP35" s="123">
        <v>0</v>
      </c>
      <c r="IQ35" s="123">
        <v>0</v>
      </c>
      <c r="IR35" s="123">
        <v>0</v>
      </c>
      <c r="IS35" s="159">
        <v>0</v>
      </c>
      <c r="IT35" s="354">
        <v>0</v>
      </c>
      <c r="IU35" s="160">
        <v>0</v>
      </c>
      <c r="IV35" s="123">
        <v>0</v>
      </c>
      <c r="IW35" s="124">
        <v>0</v>
      </c>
      <c r="IX35" s="162"/>
      <c r="IY35" s="123">
        <v>0</v>
      </c>
      <c r="IZ35" s="123">
        <v>0</v>
      </c>
      <c r="JA35" s="123">
        <v>0</v>
      </c>
      <c r="JB35" s="123">
        <v>0</v>
      </c>
      <c r="JC35" s="123">
        <v>0</v>
      </c>
      <c r="JD35" s="124">
        <v>0</v>
      </c>
      <c r="JE35" s="125">
        <v>0</v>
      </c>
      <c r="JF35" s="160">
        <v>0</v>
      </c>
      <c r="JG35" s="123">
        <v>0</v>
      </c>
      <c r="JH35" s="159">
        <v>0</v>
      </c>
      <c r="JI35" s="122">
        <v>0</v>
      </c>
      <c r="JJ35" s="123">
        <v>113731</v>
      </c>
      <c r="JK35" s="123">
        <v>0</v>
      </c>
      <c r="JL35" s="123">
        <v>0</v>
      </c>
      <c r="JM35" s="123">
        <v>0</v>
      </c>
      <c r="JN35" s="123">
        <v>0</v>
      </c>
      <c r="JO35" s="124">
        <v>113731</v>
      </c>
      <c r="JP35" s="354">
        <v>113731</v>
      </c>
      <c r="JQ35" s="160">
        <v>0</v>
      </c>
      <c r="JR35" s="123">
        <v>0</v>
      </c>
      <c r="JS35" s="159">
        <v>0</v>
      </c>
      <c r="JT35" s="122">
        <v>0</v>
      </c>
      <c r="JU35" s="123">
        <v>0</v>
      </c>
      <c r="JV35" s="123">
        <v>36925</v>
      </c>
      <c r="JW35" s="123">
        <v>0</v>
      </c>
      <c r="JX35" s="123">
        <v>0</v>
      </c>
      <c r="JY35" s="123">
        <v>0</v>
      </c>
      <c r="JZ35" s="124">
        <v>36925</v>
      </c>
      <c r="KA35" s="354">
        <v>36925</v>
      </c>
      <c r="KB35" s="265">
        <v>0</v>
      </c>
      <c r="KC35" s="259">
        <v>0</v>
      </c>
      <c r="KD35" s="124">
        <v>0</v>
      </c>
      <c r="KE35" s="122">
        <v>0</v>
      </c>
      <c r="KF35" s="123">
        <v>0</v>
      </c>
      <c r="KG35" s="123">
        <v>0</v>
      </c>
      <c r="KH35" s="123">
        <v>0</v>
      </c>
      <c r="KI35" s="123">
        <v>0</v>
      </c>
      <c r="KJ35" s="123">
        <v>0</v>
      </c>
      <c r="KK35" s="124">
        <v>0</v>
      </c>
      <c r="KL35" s="161">
        <v>0</v>
      </c>
      <c r="KM35" s="262">
        <v>0</v>
      </c>
      <c r="KN35" s="269">
        <v>0</v>
      </c>
      <c r="KO35" s="270">
        <v>0</v>
      </c>
      <c r="KP35" s="158">
        <v>0</v>
      </c>
      <c r="KQ35" s="123">
        <v>165788</v>
      </c>
      <c r="KR35" s="123">
        <v>0</v>
      </c>
      <c r="KS35" s="123">
        <v>0</v>
      </c>
      <c r="KT35" s="123">
        <v>0</v>
      </c>
      <c r="KU35" s="123">
        <v>0</v>
      </c>
      <c r="KV35" s="124">
        <v>165788</v>
      </c>
      <c r="KW35" s="354">
        <v>165788</v>
      </c>
      <c r="KX35" s="160">
        <v>0</v>
      </c>
      <c r="KY35" s="123">
        <v>0</v>
      </c>
      <c r="KZ35" s="124">
        <v>0</v>
      </c>
      <c r="LA35" s="163">
        <v>0</v>
      </c>
      <c r="LB35" s="123">
        <v>0</v>
      </c>
      <c r="LC35" s="123">
        <v>0</v>
      </c>
      <c r="LD35" s="123">
        <v>0</v>
      </c>
      <c r="LE35" s="123">
        <v>0</v>
      </c>
      <c r="LF35" s="123">
        <v>0</v>
      </c>
      <c r="LG35" s="124">
        <v>0</v>
      </c>
      <c r="LH35" s="125">
        <v>0</v>
      </c>
      <c r="LI35" s="160">
        <v>0</v>
      </c>
      <c r="LJ35" s="123">
        <v>0</v>
      </c>
      <c r="LK35" s="124">
        <v>0</v>
      </c>
      <c r="LL35" s="163"/>
      <c r="LM35" s="123">
        <v>0</v>
      </c>
      <c r="LN35" s="123">
        <v>0</v>
      </c>
      <c r="LO35" s="123">
        <v>0</v>
      </c>
      <c r="LP35" s="123">
        <v>0</v>
      </c>
      <c r="LQ35" s="123">
        <v>0</v>
      </c>
      <c r="LR35" s="124">
        <v>0</v>
      </c>
      <c r="LS35" s="354">
        <v>0</v>
      </c>
      <c r="LT35" s="160">
        <v>0</v>
      </c>
      <c r="LU35" s="123">
        <v>0</v>
      </c>
      <c r="LV35" s="124">
        <v>0</v>
      </c>
      <c r="LW35" s="163"/>
      <c r="LX35" s="123">
        <v>0</v>
      </c>
      <c r="LY35" s="123">
        <v>0</v>
      </c>
      <c r="LZ35" s="123">
        <v>0</v>
      </c>
      <c r="MA35" s="123">
        <v>0</v>
      </c>
      <c r="MB35" s="123">
        <v>0</v>
      </c>
      <c r="MC35" s="124">
        <v>0</v>
      </c>
      <c r="MD35" s="125">
        <v>0</v>
      </c>
      <c r="ME35" s="160">
        <v>0</v>
      </c>
      <c r="MF35" s="123">
        <v>0</v>
      </c>
      <c r="MG35" s="124">
        <v>0</v>
      </c>
      <c r="MH35" s="163"/>
      <c r="MI35" s="123">
        <v>0</v>
      </c>
      <c r="MJ35" s="123">
        <v>198550</v>
      </c>
      <c r="MK35" s="123">
        <v>0</v>
      </c>
      <c r="ML35" s="123">
        <v>0</v>
      </c>
      <c r="MM35" s="123">
        <v>255512</v>
      </c>
      <c r="MN35" s="124">
        <v>454062</v>
      </c>
      <c r="MO35" s="161">
        <v>454062</v>
      </c>
      <c r="MP35" s="160">
        <v>0</v>
      </c>
      <c r="MQ35" s="123">
        <v>0</v>
      </c>
      <c r="MR35" s="124">
        <v>0</v>
      </c>
      <c r="MS35" s="163"/>
      <c r="MT35" s="123">
        <v>0</v>
      </c>
      <c r="MU35" s="123">
        <v>0</v>
      </c>
      <c r="MV35" s="123">
        <v>0</v>
      </c>
      <c r="MW35" s="123">
        <v>0</v>
      </c>
      <c r="MX35" s="123">
        <v>0</v>
      </c>
      <c r="MY35" s="124">
        <v>0</v>
      </c>
      <c r="MZ35" s="161">
        <v>0</v>
      </c>
      <c r="NA35" s="160">
        <v>0</v>
      </c>
      <c r="NB35" s="123">
        <v>0</v>
      </c>
      <c r="NC35" s="124">
        <v>0</v>
      </c>
      <c r="ND35" s="163"/>
      <c r="NE35" s="123">
        <v>0</v>
      </c>
      <c r="NF35" s="123">
        <v>198550</v>
      </c>
      <c r="NG35" s="123">
        <v>0</v>
      </c>
      <c r="NH35" s="123">
        <v>0</v>
      </c>
      <c r="NI35" s="123">
        <v>255512</v>
      </c>
      <c r="NJ35" s="124">
        <v>454062</v>
      </c>
      <c r="NK35" s="354">
        <v>454062</v>
      </c>
      <c r="NL35" s="160">
        <v>0</v>
      </c>
      <c r="NM35" s="123">
        <v>0</v>
      </c>
      <c r="NN35" s="124">
        <v>0</v>
      </c>
      <c r="NO35" s="163"/>
      <c r="NP35" s="123">
        <v>0</v>
      </c>
      <c r="NQ35" s="123">
        <v>0</v>
      </c>
      <c r="NR35" s="123">
        <v>0</v>
      </c>
      <c r="NS35" s="123">
        <v>0</v>
      </c>
      <c r="NT35" s="123">
        <v>0</v>
      </c>
      <c r="NU35" s="124">
        <v>0</v>
      </c>
      <c r="NV35" s="125">
        <v>0</v>
      </c>
      <c r="NW35" s="160">
        <v>0</v>
      </c>
      <c r="NX35" s="123">
        <v>0</v>
      </c>
      <c r="NY35" s="124">
        <v>0</v>
      </c>
      <c r="NZ35" s="163"/>
      <c r="OA35" s="123">
        <v>0</v>
      </c>
      <c r="OB35" s="123">
        <v>0</v>
      </c>
      <c r="OC35" s="123">
        <v>0</v>
      </c>
      <c r="OD35" s="123">
        <v>0</v>
      </c>
      <c r="OE35" s="123">
        <v>0</v>
      </c>
      <c r="OF35" s="124">
        <v>0</v>
      </c>
      <c r="OG35" s="125">
        <v>0</v>
      </c>
      <c r="OH35" s="160">
        <v>3850</v>
      </c>
      <c r="OI35" s="123">
        <v>2100</v>
      </c>
      <c r="OJ35" s="159">
        <v>5950</v>
      </c>
      <c r="OK35" s="122">
        <v>0</v>
      </c>
      <c r="OL35" s="123">
        <v>600947</v>
      </c>
      <c r="OM35" s="123">
        <v>521355</v>
      </c>
      <c r="ON35" s="123">
        <v>562155</v>
      </c>
      <c r="OO35" s="123">
        <v>535721</v>
      </c>
      <c r="OP35" s="123">
        <v>255512</v>
      </c>
      <c r="OQ35" s="124">
        <v>2475690</v>
      </c>
      <c r="OR35" s="161">
        <v>2481640</v>
      </c>
    </row>
    <row r="36" spans="1:408" ht="20.25" customHeight="1" x14ac:dyDescent="0.2">
      <c r="A36" s="130" t="s">
        <v>31</v>
      </c>
      <c r="B36" s="113">
        <v>6384</v>
      </c>
      <c r="C36" s="117">
        <v>0</v>
      </c>
      <c r="D36" s="116">
        <v>6384</v>
      </c>
      <c r="E36" s="112">
        <v>0</v>
      </c>
      <c r="F36" s="117">
        <v>258598</v>
      </c>
      <c r="G36" s="117">
        <v>69510</v>
      </c>
      <c r="H36" s="117">
        <v>498957</v>
      </c>
      <c r="I36" s="117">
        <v>201120</v>
      </c>
      <c r="J36" s="117">
        <v>620301</v>
      </c>
      <c r="K36" s="201">
        <v>1648486</v>
      </c>
      <c r="L36" s="119">
        <v>1654870</v>
      </c>
      <c r="M36" s="113">
        <v>6384</v>
      </c>
      <c r="N36" s="117">
        <v>0</v>
      </c>
      <c r="O36" s="116">
        <v>6384</v>
      </c>
      <c r="P36" s="113">
        <v>0</v>
      </c>
      <c r="Q36" s="117">
        <v>73584</v>
      </c>
      <c r="R36" s="117">
        <v>31283</v>
      </c>
      <c r="S36" s="117">
        <v>51478</v>
      </c>
      <c r="T36" s="117">
        <v>0</v>
      </c>
      <c r="U36" s="117">
        <v>380187</v>
      </c>
      <c r="V36" s="116">
        <v>536532</v>
      </c>
      <c r="W36" s="119">
        <v>542916</v>
      </c>
      <c r="X36" s="113">
        <v>0</v>
      </c>
      <c r="Y36" s="117">
        <v>0</v>
      </c>
      <c r="Z36" s="116">
        <v>0</v>
      </c>
      <c r="AA36" s="113">
        <v>0</v>
      </c>
      <c r="AB36" s="117">
        <v>24990</v>
      </c>
      <c r="AC36" s="117">
        <v>0</v>
      </c>
      <c r="AD36" s="117">
        <v>0</v>
      </c>
      <c r="AE36" s="117">
        <v>0</v>
      </c>
      <c r="AF36" s="117">
        <v>140849</v>
      </c>
      <c r="AG36" s="116">
        <v>165839</v>
      </c>
      <c r="AH36" s="119">
        <v>165839</v>
      </c>
      <c r="AI36" s="113">
        <v>0</v>
      </c>
      <c r="AJ36" s="117">
        <v>0</v>
      </c>
      <c r="AK36" s="116">
        <v>0</v>
      </c>
      <c r="AL36" s="113">
        <v>0</v>
      </c>
      <c r="AM36" s="117">
        <v>0</v>
      </c>
      <c r="AN36" s="117">
        <v>0</v>
      </c>
      <c r="AO36" s="117">
        <v>0</v>
      </c>
      <c r="AP36" s="117">
        <v>0</v>
      </c>
      <c r="AQ36" s="117">
        <v>118337</v>
      </c>
      <c r="AR36" s="116">
        <v>118337</v>
      </c>
      <c r="AS36" s="119">
        <v>118337</v>
      </c>
      <c r="AT36" s="113">
        <v>6384</v>
      </c>
      <c r="AU36" s="117">
        <v>0</v>
      </c>
      <c r="AV36" s="116">
        <v>6384</v>
      </c>
      <c r="AW36" s="113">
        <v>0</v>
      </c>
      <c r="AX36" s="117">
        <v>42581</v>
      </c>
      <c r="AY36" s="117">
        <v>22883</v>
      </c>
      <c r="AZ36" s="117">
        <v>0</v>
      </c>
      <c r="BA36" s="117">
        <v>0</v>
      </c>
      <c r="BB36" s="117">
        <v>95843</v>
      </c>
      <c r="BC36" s="116">
        <v>161307</v>
      </c>
      <c r="BD36" s="119">
        <v>167691</v>
      </c>
      <c r="BE36" s="113">
        <v>0</v>
      </c>
      <c r="BF36" s="117">
        <v>0</v>
      </c>
      <c r="BG36" s="115">
        <v>0</v>
      </c>
      <c r="BH36" s="114">
        <v>0</v>
      </c>
      <c r="BI36" s="117">
        <v>0</v>
      </c>
      <c r="BJ36" s="117">
        <v>0</v>
      </c>
      <c r="BK36" s="117">
        <v>47278</v>
      </c>
      <c r="BL36" s="117">
        <v>0</v>
      </c>
      <c r="BM36" s="117">
        <v>0</v>
      </c>
      <c r="BN36" s="116">
        <v>47278</v>
      </c>
      <c r="BO36" s="119">
        <v>47278</v>
      </c>
      <c r="BP36" s="113">
        <v>0</v>
      </c>
      <c r="BQ36" s="117">
        <v>0</v>
      </c>
      <c r="BR36" s="116">
        <v>0</v>
      </c>
      <c r="BS36" s="113">
        <v>0</v>
      </c>
      <c r="BT36" s="117">
        <v>6013</v>
      </c>
      <c r="BU36" s="117">
        <v>8400</v>
      </c>
      <c r="BV36" s="117">
        <v>4200</v>
      </c>
      <c r="BW36" s="117">
        <v>0</v>
      </c>
      <c r="BX36" s="117">
        <v>25158</v>
      </c>
      <c r="BY36" s="116">
        <v>43771</v>
      </c>
      <c r="BZ36" s="119">
        <v>43771</v>
      </c>
      <c r="CA36" s="113">
        <v>0</v>
      </c>
      <c r="CB36" s="117">
        <v>0</v>
      </c>
      <c r="CC36" s="116">
        <v>0</v>
      </c>
      <c r="CD36" s="113">
        <v>0</v>
      </c>
      <c r="CE36" s="117">
        <v>0</v>
      </c>
      <c r="CF36" s="117">
        <v>23877</v>
      </c>
      <c r="CG36" s="117">
        <v>127866</v>
      </c>
      <c r="CH36" s="117">
        <v>103679</v>
      </c>
      <c r="CI36" s="117">
        <v>0</v>
      </c>
      <c r="CJ36" s="116">
        <v>255422</v>
      </c>
      <c r="CK36" s="119">
        <v>255422</v>
      </c>
      <c r="CL36" s="113">
        <v>0</v>
      </c>
      <c r="CM36" s="117">
        <v>0</v>
      </c>
      <c r="CN36" s="116">
        <v>0</v>
      </c>
      <c r="CO36" s="114">
        <v>0</v>
      </c>
      <c r="CP36" s="117">
        <v>0</v>
      </c>
      <c r="CQ36" s="117">
        <v>23877</v>
      </c>
      <c r="CR36" s="117">
        <v>127866</v>
      </c>
      <c r="CS36" s="117">
        <v>103679</v>
      </c>
      <c r="CT36" s="117">
        <v>0</v>
      </c>
      <c r="CU36" s="116">
        <v>255422</v>
      </c>
      <c r="CV36" s="119">
        <v>255422</v>
      </c>
      <c r="CW36" s="113">
        <v>0</v>
      </c>
      <c r="CX36" s="117">
        <v>0</v>
      </c>
      <c r="CY36" s="116">
        <v>0</v>
      </c>
      <c r="CZ36" s="113">
        <v>0</v>
      </c>
      <c r="DA36" s="117">
        <v>0</v>
      </c>
      <c r="DB36" s="117">
        <v>0</v>
      </c>
      <c r="DC36" s="117">
        <v>0</v>
      </c>
      <c r="DD36" s="117">
        <v>0</v>
      </c>
      <c r="DE36" s="117">
        <v>0</v>
      </c>
      <c r="DF36" s="116">
        <v>0</v>
      </c>
      <c r="DG36" s="119">
        <v>0</v>
      </c>
      <c r="DH36" s="113">
        <v>0</v>
      </c>
      <c r="DI36" s="117">
        <v>0</v>
      </c>
      <c r="DJ36" s="115">
        <v>0</v>
      </c>
      <c r="DK36" s="114">
        <v>0</v>
      </c>
      <c r="DL36" s="117">
        <v>0</v>
      </c>
      <c r="DM36" s="117">
        <v>0</v>
      </c>
      <c r="DN36" s="117">
        <v>0</v>
      </c>
      <c r="DO36" s="117">
        <v>72955</v>
      </c>
      <c r="DP36" s="117">
        <v>0</v>
      </c>
      <c r="DQ36" s="116">
        <v>72955</v>
      </c>
      <c r="DR36" s="119">
        <v>72955</v>
      </c>
      <c r="DS36" s="113">
        <v>0</v>
      </c>
      <c r="DT36" s="117">
        <v>0</v>
      </c>
      <c r="DU36" s="116">
        <v>0</v>
      </c>
      <c r="DV36" s="113">
        <v>0</v>
      </c>
      <c r="DW36" s="117">
        <v>0</v>
      </c>
      <c r="DX36" s="117">
        <v>0</v>
      </c>
      <c r="DY36" s="117">
        <v>0</v>
      </c>
      <c r="DZ36" s="117">
        <v>72955</v>
      </c>
      <c r="EA36" s="117">
        <v>0</v>
      </c>
      <c r="EB36" s="116">
        <v>72955</v>
      </c>
      <c r="EC36" s="119">
        <v>72955</v>
      </c>
      <c r="ED36" s="113">
        <v>0</v>
      </c>
      <c r="EE36" s="115">
        <v>0</v>
      </c>
      <c r="EF36" s="116">
        <v>0</v>
      </c>
      <c r="EG36" s="113">
        <v>0</v>
      </c>
      <c r="EH36" s="117">
        <v>0</v>
      </c>
      <c r="EI36" s="117">
        <v>0</v>
      </c>
      <c r="EJ36" s="117">
        <v>0</v>
      </c>
      <c r="EK36" s="117">
        <v>0</v>
      </c>
      <c r="EL36" s="117">
        <v>0</v>
      </c>
      <c r="EM36" s="115">
        <v>0</v>
      </c>
      <c r="EN36" s="119">
        <v>0</v>
      </c>
      <c r="EO36" s="113">
        <v>0</v>
      </c>
      <c r="EP36" s="117">
        <v>0</v>
      </c>
      <c r="EQ36" s="115">
        <v>0</v>
      </c>
      <c r="ER36" s="114">
        <v>0</v>
      </c>
      <c r="ES36" s="117">
        <v>0</v>
      </c>
      <c r="ET36" s="117">
        <v>0</v>
      </c>
      <c r="EU36" s="117">
        <v>0</v>
      </c>
      <c r="EV36" s="117">
        <v>0</v>
      </c>
      <c r="EW36" s="117">
        <v>0</v>
      </c>
      <c r="EX36" s="116">
        <v>0</v>
      </c>
      <c r="EY36" s="119">
        <v>0</v>
      </c>
      <c r="EZ36" s="113">
        <v>0</v>
      </c>
      <c r="FA36" s="117">
        <v>0</v>
      </c>
      <c r="FB36" s="115">
        <v>0</v>
      </c>
      <c r="FC36" s="387"/>
      <c r="FD36" s="117">
        <v>0</v>
      </c>
      <c r="FE36" s="117">
        <v>0</v>
      </c>
      <c r="FF36" s="117">
        <v>0</v>
      </c>
      <c r="FG36" s="117">
        <v>0</v>
      </c>
      <c r="FH36" s="117">
        <v>0</v>
      </c>
      <c r="FI36" s="116">
        <v>0</v>
      </c>
      <c r="FJ36" s="119">
        <v>0</v>
      </c>
      <c r="FK36" s="113">
        <v>0</v>
      </c>
      <c r="FL36" s="117">
        <v>0</v>
      </c>
      <c r="FM36" s="116">
        <v>0</v>
      </c>
      <c r="FN36" s="113">
        <v>0</v>
      </c>
      <c r="FO36" s="117">
        <v>43960</v>
      </c>
      <c r="FP36" s="117">
        <v>14350</v>
      </c>
      <c r="FQ36" s="117">
        <v>27475</v>
      </c>
      <c r="FR36" s="117">
        <v>24486</v>
      </c>
      <c r="FS36" s="117">
        <v>31850</v>
      </c>
      <c r="FT36" s="116">
        <v>142121</v>
      </c>
      <c r="FU36" s="119">
        <v>142121</v>
      </c>
      <c r="FV36" s="118">
        <v>0</v>
      </c>
      <c r="FW36" s="117">
        <v>0</v>
      </c>
      <c r="FX36" s="115">
        <v>0</v>
      </c>
      <c r="FY36" s="114">
        <v>0</v>
      </c>
      <c r="FZ36" s="117">
        <v>43960</v>
      </c>
      <c r="GA36" s="117">
        <v>14350</v>
      </c>
      <c r="GB36" s="117">
        <v>27475</v>
      </c>
      <c r="GC36" s="117">
        <v>24486</v>
      </c>
      <c r="GD36" s="117">
        <v>31850</v>
      </c>
      <c r="GE36" s="116">
        <v>142121</v>
      </c>
      <c r="GF36" s="351">
        <v>142121</v>
      </c>
      <c r="GG36" s="118">
        <v>0</v>
      </c>
      <c r="GH36" s="117">
        <v>0</v>
      </c>
      <c r="GI36" s="115">
        <v>0</v>
      </c>
      <c r="GJ36" s="114">
        <v>0</v>
      </c>
      <c r="GK36" s="117">
        <v>0</v>
      </c>
      <c r="GL36" s="117">
        <v>0</v>
      </c>
      <c r="GM36" s="117">
        <v>0</v>
      </c>
      <c r="GN36" s="117">
        <v>0</v>
      </c>
      <c r="GO36" s="117">
        <v>0</v>
      </c>
      <c r="GP36" s="116">
        <v>0</v>
      </c>
      <c r="GQ36" s="119">
        <v>0</v>
      </c>
      <c r="GR36" s="113">
        <v>0</v>
      </c>
      <c r="GS36" s="117">
        <v>0</v>
      </c>
      <c r="GT36" s="116">
        <v>0</v>
      </c>
      <c r="GU36" s="113">
        <v>0</v>
      </c>
      <c r="GV36" s="117">
        <v>0</v>
      </c>
      <c r="GW36" s="117">
        <v>0</v>
      </c>
      <c r="GX36" s="117">
        <v>0</v>
      </c>
      <c r="GY36" s="117">
        <v>0</v>
      </c>
      <c r="GZ36" s="117">
        <v>0</v>
      </c>
      <c r="HA36" s="115">
        <v>0</v>
      </c>
      <c r="HB36" s="119">
        <v>0</v>
      </c>
      <c r="HC36" s="113">
        <v>0</v>
      </c>
      <c r="HD36" s="117">
        <v>0</v>
      </c>
      <c r="HE36" s="115">
        <v>0</v>
      </c>
      <c r="HF36" s="114">
        <v>0</v>
      </c>
      <c r="HG36" s="117">
        <v>141054</v>
      </c>
      <c r="HH36" s="117">
        <v>0</v>
      </c>
      <c r="HI36" s="117">
        <v>292138</v>
      </c>
      <c r="HJ36" s="117">
        <v>0</v>
      </c>
      <c r="HK36" s="117">
        <v>208264</v>
      </c>
      <c r="HL36" s="116">
        <v>641456</v>
      </c>
      <c r="HM36" s="112">
        <v>641456</v>
      </c>
      <c r="HN36" s="367"/>
      <c r="HO36" s="368"/>
      <c r="HP36" s="369"/>
      <c r="HQ36" s="370"/>
      <c r="HR36" s="368"/>
      <c r="HS36" s="368"/>
      <c r="HT36" s="368"/>
      <c r="HU36" s="368"/>
      <c r="HV36" s="368"/>
      <c r="HW36" s="371"/>
      <c r="HX36" s="372"/>
      <c r="HY36" s="168">
        <v>0</v>
      </c>
      <c r="HZ36" s="153">
        <v>0</v>
      </c>
      <c r="IA36" s="168">
        <v>0</v>
      </c>
      <c r="IB36" s="152">
        <v>0</v>
      </c>
      <c r="IC36" s="153">
        <v>177894</v>
      </c>
      <c r="ID36" s="154">
        <v>122773</v>
      </c>
      <c r="IE36" s="155">
        <v>68978</v>
      </c>
      <c r="IF36" s="153">
        <v>0</v>
      </c>
      <c r="IG36" s="155">
        <v>220648</v>
      </c>
      <c r="IH36" s="156">
        <v>590293</v>
      </c>
      <c r="II36" s="168">
        <v>590293</v>
      </c>
      <c r="IJ36" s="262">
        <v>0</v>
      </c>
      <c r="IK36" s="269">
        <v>0</v>
      </c>
      <c r="IL36" s="270">
        <v>0</v>
      </c>
      <c r="IM36" s="158"/>
      <c r="IN36" s="123">
        <v>0</v>
      </c>
      <c r="IO36" s="123">
        <v>85757</v>
      </c>
      <c r="IP36" s="123">
        <v>0</v>
      </c>
      <c r="IQ36" s="123">
        <v>0</v>
      </c>
      <c r="IR36" s="123">
        <v>0</v>
      </c>
      <c r="IS36" s="159">
        <v>85757</v>
      </c>
      <c r="IT36" s="354">
        <v>85757</v>
      </c>
      <c r="IU36" s="160">
        <v>0</v>
      </c>
      <c r="IV36" s="123">
        <v>0</v>
      </c>
      <c r="IW36" s="124">
        <v>0</v>
      </c>
      <c r="IX36" s="162"/>
      <c r="IY36" s="123">
        <v>0</v>
      </c>
      <c r="IZ36" s="123">
        <v>0</v>
      </c>
      <c r="JA36" s="123">
        <v>0</v>
      </c>
      <c r="JB36" s="123">
        <v>0</v>
      </c>
      <c r="JC36" s="123">
        <v>0</v>
      </c>
      <c r="JD36" s="124">
        <v>0</v>
      </c>
      <c r="JE36" s="125">
        <v>0</v>
      </c>
      <c r="JF36" s="160">
        <v>0</v>
      </c>
      <c r="JG36" s="123">
        <v>0</v>
      </c>
      <c r="JH36" s="159">
        <v>0</v>
      </c>
      <c r="JI36" s="122">
        <v>0</v>
      </c>
      <c r="JJ36" s="123">
        <v>60182</v>
      </c>
      <c r="JK36" s="123">
        <v>37016</v>
      </c>
      <c r="JL36" s="123">
        <v>68978</v>
      </c>
      <c r="JM36" s="123">
        <v>0</v>
      </c>
      <c r="JN36" s="123">
        <v>0</v>
      </c>
      <c r="JO36" s="124">
        <v>166176</v>
      </c>
      <c r="JP36" s="354">
        <v>166176</v>
      </c>
      <c r="JQ36" s="160">
        <v>0</v>
      </c>
      <c r="JR36" s="123">
        <v>0</v>
      </c>
      <c r="JS36" s="159">
        <v>0</v>
      </c>
      <c r="JT36" s="122">
        <v>0</v>
      </c>
      <c r="JU36" s="123">
        <v>0</v>
      </c>
      <c r="JV36" s="123">
        <v>0</v>
      </c>
      <c r="JW36" s="123">
        <v>0</v>
      </c>
      <c r="JX36" s="123">
        <v>0</v>
      </c>
      <c r="JY36" s="123">
        <v>0</v>
      </c>
      <c r="JZ36" s="124">
        <v>0</v>
      </c>
      <c r="KA36" s="354">
        <v>0</v>
      </c>
      <c r="KB36" s="265">
        <v>0</v>
      </c>
      <c r="KC36" s="259">
        <v>0</v>
      </c>
      <c r="KD36" s="124">
        <v>0</v>
      </c>
      <c r="KE36" s="122">
        <v>0</v>
      </c>
      <c r="KF36" s="123">
        <v>117712</v>
      </c>
      <c r="KG36" s="123">
        <v>0</v>
      </c>
      <c r="KH36" s="123">
        <v>0</v>
      </c>
      <c r="KI36" s="123">
        <v>0</v>
      </c>
      <c r="KJ36" s="123">
        <v>0</v>
      </c>
      <c r="KK36" s="124">
        <v>117712</v>
      </c>
      <c r="KL36" s="161">
        <v>117712</v>
      </c>
      <c r="KM36" s="262">
        <v>0</v>
      </c>
      <c r="KN36" s="269">
        <v>0</v>
      </c>
      <c r="KO36" s="270">
        <v>0</v>
      </c>
      <c r="KP36" s="158">
        <v>0</v>
      </c>
      <c r="KQ36" s="123">
        <v>0</v>
      </c>
      <c r="KR36" s="123">
        <v>0</v>
      </c>
      <c r="KS36" s="123">
        <v>0</v>
      </c>
      <c r="KT36" s="123">
        <v>0</v>
      </c>
      <c r="KU36" s="123">
        <v>220648</v>
      </c>
      <c r="KV36" s="124">
        <v>220648</v>
      </c>
      <c r="KW36" s="354">
        <v>220648</v>
      </c>
      <c r="KX36" s="160">
        <v>0</v>
      </c>
      <c r="KY36" s="123">
        <v>0</v>
      </c>
      <c r="KZ36" s="124">
        <v>0</v>
      </c>
      <c r="LA36" s="163">
        <v>0</v>
      </c>
      <c r="LB36" s="123">
        <v>0</v>
      </c>
      <c r="LC36" s="123">
        <v>0</v>
      </c>
      <c r="LD36" s="123">
        <v>0</v>
      </c>
      <c r="LE36" s="123">
        <v>0</v>
      </c>
      <c r="LF36" s="123">
        <v>0</v>
      </c>
      <c r="LG36" s="124">
        <v>0</v>
      </c>
      <c r="LH36" s="125">
        <v>0</v>
      </c>
      <c r="LI36" s="160">
        <v>0</v>
      </c>
      <c r="LJ36" s="123">
        <v>0</v>
      </c>
      <c r="LK36" s="124">
        <v>0</v>
      </c>
      <c r="LL36" s="163"/>
      <c r="LM36" s="123">
        <v>0</v>
      </c>
      <c r="LN36" s="123">
        <v>0</v>
      </c>
      <c r="LO36" s="123">
        <v>0</v>
      </c>
      <c r="LP36" s="123">
        <v>0</v>
      </c>
      <c r="LQ36" s="123">
        <v>0</v>
      </c>
      <c r="LR36" s="124">
        <v>0</v>
      </c>
      <c r="LS36" s="354">
        <v>0</v>
      </c>
      <c r="LT36" s="160">
        <v>0</v>
      </c>
      <c r="LU36" s="123">
        <v>0</v>
      </c>
      <c r="LV36" s="124">
        <v>0</v>
      </c>
      <c r="LW36" s="163"/>
      <c r="LX36" s="123">
        <v>0</v>
      </c>
      <c r="LY36" s="123">
        <v>0</v>
      </c>
      <c r="LZ36" s="123">
        <v>0</v>
      </c>
      <c r="MA36" s="123">
        <v>0</v>
      </c>
      <c r="MB36" s="123">
        <v>0</v>
      </c>
      <c r="MC36" s="124">
        <v>0</v>
      </c>
      <c r="MD36" s="125">
        <v>0</v>
      </c>
      <c r="ME36" s="160">
        <v>0</v>
      </c>
      <c r="MF36" s="123">
        <v>0</v>
      </c>
      <c r="MG36" s="124">
        <v>0</v>
      </c>
      <c r="MH36" s="163"/>
      <c r="MI36" s="123">
        <v>0</v>
      </c>
      <c r="MJ36" s="123">
        <v>213122</v>
      </c>
      <c r="MK36" s="123">
        <v>397513</v>
      </c>
      <c r="ML36" s="123">
        <v>264338</v>
      </c>
      <c r="MM36" s="123">
        <v>271425</v>
      </c>
      <c r="MN36" s="124">
        <v>1146398</v>
      </c>
      <c r="MO36" s="161">
        <v>1146398</v>
      </c>
      <c r="MP36" s="160">
        <v>0</v>
      </c>
      <c r="MQ36" s="123">
        <v>0</v>
      </c>
      <c r="MR36" s="124">
        <v>0</v>
      </c>
      <c r="MS36" s="163"/>
      <c r="MT36" s="123">
        <v>0</v>
      </c>
      <c r="MU36" s="123">
        <v>0</v>
      </c>
      <c r="MV36" s="123">
        <v>397513</v>
      </c>
      <c r="MW36" s="123">
        <v>0</v>
      </c>
      <c r="MX36" s="123">
        <v>0</v>
      </c>
      <c r="MY36" s="124">
        <v>397513</v>
      </c>
      <c r="MZ36" s="161">
        <v>397513</v>
      </c>
      <c r="NA36" s="160">
        <v>0</v>
      </c>
      <c r="NB36" s="123">
        <v>0</v>
      </c>
      <c r="NC36" s="124">
        <v>0</v>
      </c>
      <c r="ND36" s="163"/>
      <c r="NE36" s="123">
        <v>0</v>
      </c>
      <c r="NF36" s="123">
        <v>213122</v>
      </c>
      <c r="NG36" s="123">
        <v>0</v>
      </c>
      <c r="NH36" s="123">
        <v>264338</v>
      </c>
      <c r="NI36" s="123">
        <v>271425</v>
      </c>
      <c r="NJ36" s="124">
        <v>748885</v>
      </c>
      <c r="NK36" s="354">
        <v>748885</v>
      </c>
      <c r="NL36" s="160">
        <v>0</v>
      </c>
      <c r="NM36" s="123">
        <v>0</v>
      </c>
      <c r="NN36" s="124">
        <v>0</v>
      </c>
      <c r="NO36" s="163"/>
      <c r="NP36" s="123">
        <v>0</v>
      </c>
      <c r="NQ36" s="123">
        <v>0</v>
      </c>
      <c r="NR36" s="123">
        <v>0</v>
      </c>
      <c r="NS36" s="123">
        <v>0</v>
      </c>
      <c r="NT36" s="123">
        <v>0</v>
      </c>
      <c r="NU36" s="124">
        <v>0</v>
      </c>
      <c r="NV36" s="125">
        <v>0</v>
      </c>
      <c r="NW36" s="160">
        <v>0</v>
      </c>
      <c r="NX36" s="123">
        <v>0</v>
      </c>
      <c r="NY36" s="124">
        <v>0</v>
      </c>
      <c r="NZ36" s="163"/>
      <c r="OA36" s="123">
        <v>0</v>
      </c>
      <c r="OB36" s="123">
        <v>0</v>
      </c>
      <c r="OC36" s="123">
        <v>0</v>
      </c>
      <c r="OD36" s="123">
        <v>0</v>
      </c>
      <c r="OE36" s="123">
        <v>0</v>
      </c>
      <c r="OF36" s="124">
        <v>0</v>
      </c>
      <c r="OG36" s="125">
        <v>0</v>
      </c>
      <c r="OH36" s="160">
        <v>6384</v>
      </c>
      <c r="OI36" s="123">
        <v>0</v>
      </c>
      <c r="OJ36" s="159">
        <v>6384</v>
      </c>
      <c r="OK36" s="122">
        <v>0</v>
      </c>
      <c r="OL36" s="123">
        <v>436492</v>
      </c>
      <c r="OM36" s="123">
        <v>405405</v>
      </c>
      <c r="ON36" s="123">
        <v>965448</v>
      </c>
      <c r="OO36" s="123">
        <v>465458</v>
      </c>
      <c r="OP36" s="123">
        <v>1112374</v>
      </c>
      <c r="OQ36" s="124">
        <v>3385177</v>
      </c>
      <c r="OR36" s="161">
        <v>3391561</v>
      </c>
    </row>
    <row r="37" spans="1:408" ht="20.25" customHeight="1" x14ac:dyDescent="0.2">
      <c r="A37" s="130" t="s">
        <v>32</v>
      </c>
      <c r="B37" s="113">
        <v>0</v>
      </c>
      <c r="C37" s="117">
        <v>88368</v>
      </c>
      <c r="D37" s="202">
        <v>88368</v>
      </c>
      <c r="E37" s="203">
        <v>0</v>
      </c>
      <c r="F37" s="204">
        <v>458638</v>
      </c>
      <c r="G37" s="204">
        <v>329593</v>
      </c>
      <c r="H37" s="204">
        <v>163438</v>
      </c>
      <c r="I37" s="204">
        <v>215889</v>
      </c>
      <c r="J37" s="204">
        <v>207872</v>
      </c>
      <c r="K37" s="205">
        <v>1375430</v>
      </c>
      <c r="L37" s="119">
        <v>1463798</v>
      </c>
      <c r="M37" s="113">
        <v>0</v>
      </c>
      <c r="N37" s="117">
        <v>8400</v>
      </c>
      <c r="O37" s="116">
        <v>8400</v>
      </c>
      <c r="P37" s="113">
        <v>0</v>
      </c>
      <c r="Q37" s="117">
        <v>71509</v>
      </c>
      <c r="R37" s="117">
        <v>13328</v>
      </c>
      <c r="S37" s="117">
        <v>18676</v>
      </c>
      <c r="T37" s="117">
        <v>202904</v>
      </c>
      <c r="U37" s="117">
        <v>11879</v>
      </c>
      <c r="V37" s="116">
        <v>318296</v>
      </c>
      <c r="W37" s="119">
        <v>326696</v>
      </c>
      <c r="X37" s="113">
        <v>0</v>
      </c>
      <c r="Y37" s="117">
        <v>0</v>
      </c>
      <c r="Z37" s="116">
        <v>0</v>
      </c>
      <c r="AA37" s="113">
        <v>0</v>
      </c>
      <c r="AB37" s="117">
        <v>29439</v>
      </c>
      <c r="AC37" s="117">
        <v>0</v>
      </c>
      <c r="AD37" s="117">
        <v>0</v>
      </c>
      <c r="AE37" s="117">
        <v>170058</v>
      </c>
      <c r="AF37" s="117">
        <v>0</v>
      </c>
      <c r="AG37" s="116">
        <v>199497</v>
      </c>
      <c r="AH37" s="119">
        <v>199497</v>
      </c>
      <c r="AI37" s="113">
        <v>0</v>
      </c>
      <c r="AJ37" s="117">
        <v>0</v>
      </c>
      <c r="AK37" s="116">
        <v>0</v>
      </c>
      <c r="AL37" s="113">
        <v>0</v>
      </c>
      <c r="AM37" s="117">
        <v>0</v>
      </c>
      <c r="AN37" s="117">
        <v>0</v>
      </c>
      <c r="AO37" s="117">
        <v>0</v>
      </c>
      <c r="AP37" s="117">
        <v>0</v>
      </c>
      <c r="AQ37" s="117">
        <v>0</v>
      </c>
      <c r="AR37" s="116">
        <v>0</v>
      </c>
      <c r="AS37" s="119">
        <v>0</v>
      </c>
      <c r="AT37" s="113">
        <v>0</v>
      </c>
      <c r="AU37" s="117">
        <v>0</v>
      </c>
      <c r="AV37" s="116">
        <v>0</v>
      </c>
      <c r="AW37" s="113">
        <v>0</v>
      </c>
      <c r="AX37" s="117">
        <v>22883</v>
      </c>
      <c r="AY37" s="117">
        <v>13328</v>
      </c>
      <c r="AZ37" s="117">
        <v>0</v>
      </c>
      <c r="BA37" s="117">
        <v>14170</v>
      </c>
      <c r="BB37" s="117">
        <v>0</v>
      </c>
      <c r="BC37" s="116">
        <v>50381</v>
      </c>
      <c r="BD37" s="119">
        <v>50381</v>
      </c>
      <c r="BE37" s="113">
        <v>0</v>
      </c>
      <c r="BF37" s="117">
        <v>0</v>
      </c>
      <c r="BG37" s="115">
        <v>0</v>
      </c>
      <c r="BH37" s="114">
        <v>0</v>
      </c>
      <c r="BI37" s="117">
        <v>0</v>
      </c>
      <c r="BJ37" s="117">
        <v>0</v>
      </c>
      <c r="BK37" s="117">
        <v>13384</v>
      </c>
      <c r="BL37" s="117">
        <v>0</v>
      </c>
      <c r="BM37" s="117">
        <v>0</v>
      </c>
      <c r="BN37" s="116">
        <v>13384</v>
      </c>
      <c r="BO37" s="119">
        <v>13384</v>
      </c>
      <c r="BP37" s="113">
        <v>0</v>
      </c>
      <c r="BQ37" s="117">
        <v>8400</v>
      </c>
      <c r="BR37" s="116">
        <v>8400</v>
      </c>
      <c r="BS37" s="113">
        <v>0</v>
      </c>
      <c r="BT37" s="117">
        <v>19187</v>
      </c>
      <c r="BU37" s="117">
        <v>0</v>
      </c>
      <c r="BV37" s="117">
        <v>5292</v>
      </c>
      <c r="BW37" s="117">
        <v>18676</v>
      </c>
      <c r="BX37" s="117">
        <v>11879</v>
      </c>
      <c r="BY37" s="116">
        <v>55034</v>
      </c>
      <c r="BZ37" s="119">
        <v>63434</v>
      </c>
      <c r="CA37" s="113">
        <v>0</v>
      </c>
      <c r="CB37" s="117">
        <v>0</v>
      </c>
      <c r="CC37" s="116">
        <v>0</v>
      </c>
      <c r="CD37" s="113">
        <v>0</v>
      </c>
      <c r="CE37" s="117">
        <v>120334</v>
      </c>
      <c r="CF37" s="117">
        <v>113344</v>
      </c>
      <c r="CG37" s="117">
        <v>79629</v>
      </c>
      <c r="CH37" s="117">
        <v>0</v>
      </c>
      <c r="CI37" s="117">
        <v>0</v>
      </c>
      <c r="CJ37" s="116">
        <v>313307</v>
      </c>
      <c r="CK37" s="119">
        <v>313307</v>
      </c>
      <c r="CL37" s="113">
        <v>0</v>
      </c>
      <c r="CM37" s="117">
        <v>0</v>
      </c>
      <c r="CN37" s="116">
        <v>0</v>
      </c>
      <c r="CO37" s="114">
        <v>0</v>
      </c>
      <c r="CP37" s="117">
        <v>120334</v>
      </c>
      <c r="CQ37" s="117">
        <v>0</v>
      </c>
      <c r="CR37" s="117">
        <v>0</v>
      </c>
      <c r="CS37" s="117">
        <v>0</v>
      </c>
      <c r="CT37" s="117">
        <v>0</v>
      </c>
      <c r="CU37" s="116">
        <v>120334</v>
      </c>
      <c r="CV37" s="119">
        <v>120334</v>
      </c>
      <c r="CW37" s="113">
        <v>0</v>
      </c>
      <c r="CX37" s="117">
        <v>0</v>
      </c>
      <c r="CY37" s="116">
        <v>0</v>
      </c>
      <c r="CZ37" s="113">
        <v>0</v>
      </c>
      <c r="DA37" s="117">
        <v>0</v>
      </c>
      <c r="DB37" s="117">
        <v>113344</v>
      </c>
      <c r="DC37" s="117">
        <v>79629</v>
      </c>
      <c r="DD37" s="117">
        <v>0</v>
      </c>
      <c r="DE37" s="117">
        <v>0</v>
      </c>
      <c r="DF37" s="116">
        <v>192973</v>
      </c>
      <c r="DG37" s="119">
        <v>192973</v>
      </c>
      <c r="DH37" s="113">
        <v>0</v>
      </c>
      <c r="DI37" s="117">
        <v>0</v>
      </c>
      <c r="DJ37" s="115">
        <v>0</v>
      </c>
      <c r="DK37" s="114">
        <v>0</v>
      </c>
      <c r="DL37" s="117">
        <v>103124</v>
      </c>
      <c r="DM37" s="117">
        <v>46891</v>
      </c>
      <c r="DN37" s="117">
        <v>21103</v>
      </c>
      <c r="DO37" s="117">
        <v>0</v>
      </c>
      <c r="DP37" s="117">
        <v>0</v>
      </c>
      <c r="DQ37" s="116">
        <v>171118</v>
      </c>
      <c r="DR37" s="119">
        <v>171118</v>
      </c>
      <c r="DS37" s="113">
        <v>0</v>
      </c>
      <c r="DT37" s="117">
        <v>0</v>
      </c>
      <c r="DU37" s="116">
        <v>0</v>
      </c>
      <c r="DV37" s="113">
        <v>0</v>
      </c>
      <c r="DW37" s="117">
        <v>103124</v>
      </c>
      <c r="DX37" s="117">
        <v>18890</v>
      </c>
      <c r="DY37" s="117">
        <v>0</v>
      </c>
      <c r="DZ37" s="117">
        <v>0</v>
      </c>
      <c r="EA37" s="117">
        <v>0</v>
      </c>
      <c r="EB37" s="116">
        <v>122014</v>
      </c>
      <c r="EC37" s="119">
        <v>122014</v>
      </c>
      <c r="ED37" s="113">
        <v>0</v>
      </c>
      <c r="EE37" s="115">
        <v>0</v>
      </c>
      <c r="EF37" s="116">
        <v>0</v>
      </c>
      <c r="EG37" s="113">
        <v>0</v>
      </c>
      <c r="EH37" s="117">
        <v>0</v>
      </c>
      <c r="EI37" s="117">
        <v>28001</v>
      </c>
      <c r="EJ37" s="117">
        <v>21103</v>
      </c>
      <c r="EK37" s="117">
        <v>0</v>
      </c>
      <c r="EL37" s="117">
        <v>0</v>
      </c>
      <c r="EM37" s="115">
        <v>49104</v>
      </c>
      <c r="EN37" s="119">
        <v>49104</v>
      </c>
      <c r="EO37" s="113">
        <v>0</v>
      </c>
      <c r="EP37" s="117">
        <v>0</v>
      </c>
      <c r="EQ37" s="115">
        <v>0</v>
      </c>
      <c r="ER37" s="114">
        <v>0</v>
      </c>
      <c r="ES37" s="117">
        <v>0</v>
      </c>
      <c r="ET37" s="117">
        <v>0</v>
      </c>
      <c r="EU37" s="117">
        <v>0</v>
      </c>
      <c r="EV37" s="117">
        <v>0</v>
      </c>
      <c r="EW37" s="117">
        <v>0</v>
      </c>
      <c r="EX37" s="116">
        <v>0</v>
      </c>
      <c r="EY37" s="119">
        <v>0</v>
      </c>
      <c r="EZ37" s="113">
        <v>0</v>
      </c>
      <c r="FA37" s="117">
        <v>0</v>
      </c>
      <c r="FB37" s="115">
        <v>0</v>
      </c>
      <c r="FC37" s="387"/>
      <c r="FD37" s="117">
        <v>0</v>
      </c>
      <c r="FE37" s="117">
        <v>0</v>
      </c>
      <c r="FF37" s="117">
        <v>0</v>
      </c>
      <c r="FG37" s="117">
        <v>0</v>
      </c>
      <c r="FH37" s="117">
        <v>0</v>
      </c>
      <c r="FI37" s="116">
        <v>0</v>
      </c>
      <c r="FJ37" s="119">
        <v>0</v>
      </c>
      <c r="FK37" s="113">
        <v>0</v>
      </c>
      <c r="FL37" s="117">
        <v>8960</v>
      </c>
      <c r="FM37" s="116">
        <v>8960</v>
      </c>
      <c r="FN37" s="113">
        <v>0</v>
      </c>
      <c r="FO37" s="117">
        <v>23310</v>
      </c>
      <c r="FP37" s="117">
        <v>7700</v>
      </c>
      <c r="FQ37" s="117">
        <v>44030</v>
      </c>
      <c r="FR37" s="117">
        <v>12985</v>
      </c>
      <c r="FS37" s="117">
        <v>0</v>
      </c>
      <c r="FT37" s="116">
        <v>88025</v>
      </c>
      <c r="FU37" s="119">
        <v>96985</v>
      </c>
      <c r="FV37" s="118">
        <v>0</v>
      </c>
      <c r="FW37" s="117">
        <v>8960</v>
      </c>
      <c r="FX37" s="115">
        <v>8960</v>
      </c>
      <c r="FY37" s="114">
        <v>0</v>
      </c>
      <c r="FZ37" s="117">
        <v>23310</v>
      </c>
      <c r="GA37" s="117">
        <v>7700</v>
      </c>
      <c r="GB37" s="117">
        <v>44030</v>
      </c>
      <c r="GC37" s="117">
        <v>12985</v>
      </c>
      <c r="GD37" s="117">
        <v>0</v>
      </c>
      <c r="GE37" s="116">
        <v>88025</v>
      </c>
      <c r="GF37" s="351">
        <v>96985</v>
      </c>
      <c r="GG37" s="118">
        <v>0</v>
      </c>
      <c r="GH37" s="117">
        <v>0</v>
      </c>
      <c r="GI37" s="115">
        <v>0</v>
      </c>
      <c r="GJ37" s="114">
        <v>0</v>
      </c>
      <c r="GK37" s="117">
        <v>0</v>
      </c>
      <c r="GL37" s="117">
        <v>0</v>
      </c>
      <c r="GM37" s="117">
        <v>0</v>
      </c>
      <c r="GN37" s="117">
        <v>0</v>
      </c>
      <c r="GO37" s="117">
        <v>0</v>
      </c>
      <c r="GP37" s="116">
        <v>0</v>
      </c>
      <c r="GQ37" s="119">
        <v>0</v>
      </c>
      <c r="GR37" s="113">
        <v>0</v>
      </c>
      <c r="GS37" s="117">
        <v>0</v>
      </c>
      <c r="GT37" s="116">
        <v>0</v>
      </c>
      <c r="GU37" s="113">
        <v>0</v>
      </c>
      <c r="GV37" s="117">
        <v>0</v>
      </c>
      <c r="GW37" s="117">
        <v>0</v>
      </c>
      <c r="GX37" s="117">
        <v>0</v>
      </c>
      <c r="GY37" s="117">
        <v>0</v>
      </c>
      <c r="GZ37" s="117">
        <v>0</v>
      </c>
      <c r="HA37" s="115">
        <v>0</v>
      </c>
      <c r="HB37" s="119">
        <v>0</v>
      </c>
      <c r="HC37" s="113">
        <v>0</v>
      </c>
      <c r="HD37" s="117">
        <v>71008</v>
      </c>
      <c r="HE37" s="115">
        <v>71008</v>
      </c>
      <c r="HF37" s="114">
        <v>0</v>
      </c>
      <c r="HG37" s="117">
        <v>140361</v>
      </c>
      <c r="HH37" s="117">
        <v>148330</v>
      </c>
      <c r="HI37" s="117">
        <v>0</v>
      </c>
      <c r="HJ37" s="117">
        <v>0</v>
      </c>
      <c r="HK37" s="117">
        <v>195993</v>
      </c>
      <c r="HL37" s="116">
        <v>484684</v>
      </c>
      <c r="HM37" s="112">
        <v>555692</v>
      </c>
      <c r="HN37" s="367"/>
      <c r="HO37" s="368"/>
      <c r="HP37" s="369"/>
      <c r="HQ37" s="370"/>
      <c r="HR37" s="368"/>
      <c r="HS37" s="368"/>
      <c r="HT37" s="368"/>
      <c r="HU37" s="368"/>
      <c r="HV37" s="368"/>
      <c r="HW37" s="371"/>
      <c r="HX37" s="372"/>
      <c r="HY37" s="149">
        <v>0</v>
      </c>
      <c r="HZ37" s="150">
        <v>0</v>
      </c>
      <c r="IA37" s="151">
        <v>0</v>
      </c>
      <c r="IB37" s="164">
        <v>0</v>
      </c>
      <c r="IC37" s="150">
        <v>96478</v>
      </c>
      <c r="ID37" s="165">
        <v>171584</v>
      </c>
      <c r="IE37" s="151">
        <v>249379</v>
      </c>
      <c r="IF37" s="150">
        <v>0</v>
      </c>
      <c r="IG37" s="151">
        <v>224273</v>
      </c>
      <c r="IH37" s="166">
        <v>741714</v>
      </c>
      <c r="II37" s="157">
        <v>741714</v>
      </c>
      <c r="IJ37" s="262">
        <v>0</v>
      </c>
      <c r="IK37" s="269">
        <v>0</v>
      </c>
      <c r="IL37" s="270">
        <v>0</v>
      </c>
      <c r="IM37" s="158"/>
      <c r="IN37" s="123">
        <v>49826</v>
      </c>
      <c r="IO37" s="123">
        <v>0</v>
      </c>
      <c r="IP37" s="123">
        <v>0</v>
      </c>
      <c r="IQ37" s="123">
        <v>0</v>
      </c>
      <c r="IR37" s="123">
        <v>0</v>
      </c>
      <c r="IS37" s="159">
        <v>49826</v>
      </c>
      <c r="IT37" s="354">
        <v>49826</v>
      </c>
      <c r="IU37" s="160">
        <v>0</v>
      </c>
      <c r="IV37" s="123">
        <v>0</v>
      </c>
      <c r="IW37" s="124">
        <v>0</v>
      </c>
      <c r="IX37" s="162"/>
      <c r="IY37" s="123">
        <v>0</v>
      </c>
      <c r="IZ37" s="123">
        <v>0</v>
      </c>
      <c r="JA37" s="123">
        <v>0</v>
      </c>
      <c r="JB37" s="123">
        <v>0</v>
      </c>
      <c r="JC37" s="123">
        <v>0</v>
      </c>
      <c r="JD37" s="124">
        <v>0</v>
      </c>
      <c r="JE37" s="125">
        <v>0</v>
      </c>
      <c r="JF37" s="160">
        <v>0</v>
      </c>
      <c r="JG37" s="123">
        <v>0</v>
      </c>
      <c r="JH37" s="159">
        <v>0</v>
      </c>
      <c r="JI37" s="122">
        <v>0</v>
      </c>
      <c r="JJ37" s="123">
        <v>46652</v>
      </c>
      <c r="JK37" s="123">
        <v>13909</v>
      </c>
      <c r="JL37" s="123">
        <v>33282</v>
      </c>
      <c r="JM37" s="123">
        <v>0</v>
      </c>
      <c r="JN37" s="123">
        <v>0</v>
      </c>
      <c r="JO37" s="124">
        <v>93843</v>
      </c>
      <c r="JP37" s="354">
        <v>93843</v>
      </c>
      <c r="JQ37" s="160">
        <v>0</v>
      </c>
      <c r="JR37" s="123">
        <v>0</v>
      </c>
      <c r="JS37" s="159">
        <v>0</v>
      </c>
      <c r="JT37" s="122">
        <v>0</v>
      </c>
      <c r="JU37" s="123">
        <v>0</v>
      </c>
      <c r="JV37" s="123">
        <v>0</v>
      </c>
      <c r="JW37" s="123">
        <v>0</v>
      </c>
      <c r="JX37" s="123">
        <v>0</v>
      </c>
      <c r="JY37" s="123">
        <v>0</v>
      </c>
      <c r="JZ37" s="124">
        <v>0</v>
      </c>
      <c r="KA37" s="354">
        <v>0</v>
      </c>
      <c r="KB37" s="265">
        <v>0</v>
      </c>
      <c r="KC37" s="259">
        <v>0</v>
      </c>
      <c r="KD37" s="124">
        <v>0</v>
      </c>
      <c r="KE37" s="122">
        <v>0</v>
      </c>
      <c r="KF37" s="123">
        <v>0</v>
      </c>
      <c r="KG37" s="123">
        <v>0</v>
      </c>
      <c r="KH37" s="123">
        <v>0</v>
      </c>
      <c r="KI37" s="123">
        <v>0</v>
      </c>
      <c r="KJ37" s="123">
        <v>0</v>
      </c>
      <c r="KK37" s="124">
        <v>0</v>
      </c>
      <c r="KL37" s="161">
        <v>0</v>
      </c>
      <c r="KM37" s="262">
        <v>0</v>
      </c>
      <c r="KN37" s="269">
        <v>0</v>
      </c>
      <c r="KO37" s="270">
        <v>0</v>
      </c>
      <c r="KP37" s="158">
        <v>0</v>
      </c>
      <c r="KQ37" s="123">
        <v>0</v>
      </c>
      <c r="KR37" s="123">
        <v>0</v>
      </c>
      <c r="KS37" s="123">
        <v>216097</v>
      </c>
      <c r="KT37" s="123">
        <v>0</v>
      </c>
      <c r="KU37" s="123">
        <v>224273</v>
      </c>
      <c r="KV37" s="124">
        <v>440370</v>
      </c>
      <c r="KW37" s="354">
        <v>440370</v>
      </c>
      <c r="KX37" s="160">
        <v>0</v>
      </c>
      <c r="KY37" s="123">
        <v>0</v>
      </c>
      <c r="KZ37" s="124">
        <v>0</v>
      </c>
      <c r="LA37" s="163">
        <v>0</v>
      </c>
      <c r="LB37" s="123">
        <v>0</v>
      </c>
      <c r="LC37" s="123">
        <v>0</v>
      </c>
      <c r="LD37" s="123">
        <v>0</v>
      </c>
      <c r="LE37" s="123">
        <v>0</v>
      </c>
      <c r="LF37" s="123">
        <v>0</v>
      </c>
      <c r="LG37" s="124">
        <v>0</v>
      </c>
      <c r="LH37" s="125">
        <v>0</v>
      </c>
      <c r="LI37" s="160">
        <v>0</v>
      </c>
      <c r="LJ37" s="123">
        <v>0</v>
      </c>
      <c r="LK37" s="124">
        <v>0</v>
      </c>
      <c r="LL37" s="163"/>
      <c r="LM37" s="123">
        <v>0</v>
      </c>
      <c r="LN37" s="123">
        <v>157675</v>
      </c>
      <c r="LO37" s="123">
        <v>0</v>
      </c>
      <c r="LP37" s="123">
        <v>0</v>
      </c>
      <c r="LQ37" s="123">
        <v>0</v>
      </c>
      <c r="LR37" s="124">
        <v>157675</v>
      </c>
      <c r="LS37" s="354">
        <v>157675</v>
      </c>
      <c r="LT37" s="160">
        <v>0</v>
      </c>
      <c r="LU37" s="123">
        <v>0</v>
      </c>
      <c r="LV37" s="124">
        <v>0</v>
      </c>
      <c r="LW37" s="163"/>
      <c r="LX37" s="123">
        <v>0</v>
      </c>
      <c r="LY37" s="123">
        <v>0</v>
      </c>
      <c r="LZ37" s="123">
        <v>0</v>
      </c>
      <c r="MA37" s="123">
        <v>0</v>
      </c>
      <c r="MB37" s="123">
        <v>0</v>
      </c>
      <c r="MC37" s="124">
        <v>0</v>
      </c>
      <c r="MD37" s="125">
        <v>0</v>
      </c>
      <c r="ME37" s="160">
        <v>0</v>
      </c>
      <c r="MF37" s="123">
        <v>0</v>
      </c>
      <c r="MG37" s="124">
        <v>0</v>
      </c>
      <c r="MH37" s="163"/>
      <c r="MI37" s="123">
        <v>0</v>
      </c>
      <c r="MJ37" s="123">
        <v>0</v>
      </c>
      <c r="MK37" s="123">
        <v>0</v>
      </c>
      <c r="ML37" s="123">
        <v>0</v>
      </c>
      <c r="MM37" s="123">
        <v>261079</v>
      </c>
      <c r="MN37" s="124">
        <v>261079</v>
      </c>
      <c r="MO37" s="161">
        <v>261079</v>
      </c>
      <c r="MP37" s="160">
        <v>0</v>
      </c>
      <c r="MQ37" s="123">
        <v>0</v>
      </c>
      <c r="MR37" s="124">
        <v>0</v>
      </c>
      <c r="MS37" s="163"/>
      <c r="MT37" s="123">
        <v>0</v>
      </c>
      <c r="MU37" s="123">
        <v>0</v>
      </c>
      <c r="MV37" s="123">
        <v>0</v>
      </c>
      <c r="MW37" s="123">
        <v>0</v>
      </c>
      <c r="MX37" s="123">
        <v>261079</v>
      </c>
      <c r="MY37" s="124">
        <v>261079</v>
      </c>
      <c r="MZ37" s="161">
        <v>261079</v>
      </c>
      <c r="NA37" s="160">
        <v>0</v>
      </c>
      <c r="NB37" s="123">
        <v>0</v>
      </c>
      <c r="NC37" s="124">
        <v>0</v>
      </c>
      <c r="ND37" s="163"/>
      <c r="NE37" s="123">
        <v>0</v>
      </c>
      <c r="NF37" s="123">
        <v>0</v>
      </c>
      <c r="NG37" s="123">
        <v>0</v>
      </c>
      <c r="NH37" s="123">
        <v>0</v>
      </c>
      <c r="NI37" s="123">
        <v>0</v>
      </c>
      <c r="NJ37" s="124">
        <v>0</v>
      </c>
      <c r="NK37" s="354">
        <v>0</v>
      </c>
      <c r="NL37" s="160">
        <v>0</v>
      </c>
      <c r="NM37" s="123">
        <v>0</v>
      </c>
      <c r="NN37" s="124">
        <v>0</v>
      </c>
      <c r="NO37" s="163"/>
      <c r="NP37" s="123">
        <v>0</v>
      </c>
      <c r="NQ37" s="123">
        <v>0</v>
      </c>
      <c r="NR37" s="123">
        <v>0</v>
      </c>
      <c r="NS37" s="123">
        <v>0</v>
      </c>
      <c r="NT37" s="123">
        <v>0</v>
      </c>
      <c r="NU37" s="124">
        <v>0</v>
      </c>
      <c r="NV37" s="125">
        <v>0</v>
      </c>
      <c r="NW37" s="160">
        <v>0</v>
      </c>
      <c r="NX37" s="123">
        <v>0</v>
      </c>
      <c r="NY37" s="124">
        <v>0</v>
      </c>
      <c r="NZ37" s="163"/>
      <c r="OA37" s="123">
        <v>0</v>
      </c>
      <c r="OB37" s="123">
        <v>0</v>
      </c>
      <c r="OC37" s="123">
        <v>0</v>
      </c>
      <c r="OD37" s="123">
        <v>0</v>
      </c>
      <c r="OE37" s="123">
        <v>0</v>
      </c>
      <c r="OF37" s="124">
        <v>0</v>
      </c>
      <c r="OG37" s="125">
        <v>0</v>
      </c>
      <c r="OH37" s="160">
        <v>0</v>
      </c>
      <c r="OI37" s="123">
        <v>88368</v>
      </c>
      <c r="OJ37" s="159">
        <v>88368</v>
      </c>
      <c r="OK37" s="122">
        <v>0</v>
      </c>
      <c r="OL37" s="123">
        <v>555116</v>
      </c>
      <c r="OM37" s="123">
        <v>501177</v>
      </c>
      <c r="ON37" s="123">
        <v>412817</v>
      </c>
      <c r="OO37" s="123">
        <v>215889</v>
      </c>
      <c r="OP37" s="123">
        <v>693224</v>
      </c>
      <c r="OQ37" s="124">
        <v>2378223</v>
      </c>
      <c r="OR37" s="161">
        <v>2466591</v>
      </c>
    </row>
    <row r="38" spans="1:408" ht="20.25" customHeight="1" x14ac:dyDescent="0.2">
      <c r="A38" s="130" t="s">
        <v>33</v>
      </c>
      <c r="B38" s="113">
        <v>105538</v>
      </c>
      <c r="C38" s="117">
        <v>39297</v>
      </c>
      <c r="D38" s="116">
        <v>144835</v>
      </c>
      <c r="E38" s="112">
        <v>0</v>
      </c>
      <c r="F38" s="117">
        <v>297498</v>
      </c>
      <c r="G38" s="117">
        <v>163404</v>
      </c>
      <c r="H38" s="117">
        <v>822039</v>
      </c>
      <c r="I38" s="117">
        <v>0</v>
      </c>
      <c r="J38" s="117">
        <v>230524</v>
      </c>
      <c r="K38" s="201">
        <v>1513465</v>
      </c>
      <c r="L38" s="119">
        <v>1658300</v>
      </c>
      <c r="M38" s="113">
        <v>0</v>
      </c>
      <c r="N38" s="117">
        <v>28447</v>
      </c>
      <c r="O38" s="116">
        <v>28447</v>
      </c>
      <c r="P38" s="113">
        <v>0</v>
      </c>
      <c r="Q38" s="117">
        <v>84603</v>
      </c>
      <c r="R38" s="117">
        <v>8400</v>
      </c>
      <c r="S38" s="117">
        <v>236379</v>
      </c>
      <c r="T38" s="117">
        <v>0</v>
      </c>
      <c r="U38" s="117">
        <v>128657</v>
      </c>
      <c r="V38" s="116">
        <v>458039</v>
      </c>
      <c r="W38" s="119">
        <v>486486</v>
      </c>
      <c r="X38" s="113">
        <v>0</v>
      </c>
      <c r="Y38" s="117">
        <v>0</v>
      </c>
      <c r="Z38" s="116">
        <v>0</v>
      </c>
      <c r="AA38" s="113">
        <v>0</v>
      </c>
      <c r="AB38" s="117">
        <v>19939</v>
      </c>
      <c r="AC38" s="117">
        <v>0</v>
      </c>
      <c r="AD38" s="117">
        <v>70718</v>
      </c>
      <c r="AE38" s="117">
        <v>0</v>
      </c>
      <c r="AF38" s="117">
        <v>0</v>
      </c>
      <c r="AG38" s="116">
        <v>90657</v>
      </c>
      <c r="AH38" s="119">
        <v>90657</v>
      </c>
      <c r="AI38" s="113">
        <v>0</v>
      </c>
      <c r="AJ38" s="117">
        <v>0</v>
      </c>
      <c r="AK38" s="116">
        <v>0</v>
      </c>
      <c r="AL38" s="113">
        <v>0</v>
      </c>
      <c r="AM38" s="117">
        <v>0</v>
      </c>
      <c r="AN38" s="117">
        <v>0</v>
      </c>
      <c r="AO38" s="117">
        <v>0</v>
      </c>
      <c r="AP38" s="117">
        <v>0</v>
      </c>
      <c r="AQ38" s="117">
        <v>0</v>
      </c>
      <c r="AR38" s="116">
        <v>0</v>
      </c>
      <c r="AS38" s="119">
        <v>0</v>
      </c>
      <c r="AT38" s="113">
        <v>0</v>
      </c>
      <c r="AU38" s="117">
        <v>0</v>
      </c>
      <c r="AV38" s="116">
        <v>0</v>
      </c>
      <c r="AW38" s="113">
        <v>0</v>
      </c>
      <c r="AX38" s="117">
        <v>27615</v>
      </c>
      <c r="AY38" s="117">
        <v>0</v>
      </c>
      <c r="AZ38" s="117">
        <v>124433</v>
      </c>
      <c r="BA38" s="117">
        <v>0</v>
      </c>
      <c r="BB38" s="117">
        <v>69748</v>
      </c>
      <c r="BC38" s="116">
        <v>221796</v>
      </c>
      <c r="BD38" s="119">
        <v>221796</v>
      </c>
      <c r="BE38" s="113">
        <v>0</v>
      </c>
      <c r="BF38" s="117">
        <v>28447</v>
      </c>
      <c r="BG38" s="115">
        <v>28447</v>
      </c>
      <c r="BH38" s="114">
        <v>0</v>
      </c>
      <c r="BI38" s="117">
        <v>33423</v>
      </c>
      <c r="BJ38" s="117">
        <v>0</v>
      </c>
      <c r="BK38" s="117">
        <v>26738</v>
      </c>
      <c r="BL38" s="117">
        <v>0</v>
      </c>
      <c r="BM38" s="117">
        <v>53477</v>
      </c>
      <c r="BN38" s="116">
        <v>113638</v>
      </c>
      <c r="BO38" s="119">
        <v>142085</v>
      </c>
      <c r="BP38" s="113">
        <v>0</v>
      </c>
      <c r="BQ38" s="117">
        <v>0</v>
      </c>
      <c r="BR38" s="116">
        <v>0</v>
      </c>
      <c r="BS38" s="113">
        <v>0</v>
      </c>
      <c r="BT38" s="117">
        <v>3626</v>
      </c>
      <c r="BU38" s="117">
        <v>8400</v>
      </c>
      <c r="BV38" s="117">
        <v>14490</v>
      </c>
      <c r="BW38" s="117">
        <v>0</v>
      </c>
      <c r="BX38" s="117">
        <v>5432</v>
      </c>
      <c r="BY38" s="116">
        <v>31948</v>
      </c>
      <c r="BZ38" s="119">
        <v>31948</v>
      </c>
      <c r="CA38" s="113">
        <v>0</v>
      </c>
      <c r="CB38" s="117">
        <v>0</v>
      </c>
      <c r="CC38" s="116">
        <v>0</v>
      </c>
      <c r="CD38" s="113">
        <v>0</v>
      </c>
      <c r="CE38" s="117">
        <v>71985</v>
      </c>
      <c r="CF38" s="117">
        <v>0</v>
      </c>
      <c r="CG38" s="117">
        <v>0</v>
      </c>
      <c r="CH38" s="117">
        <v>0</v>
      </c>
      <c r="CI38" s="117">
        <v>0</v>
      </c>
      <c r="CJ38" s="116">
        <v>71985</v>
      </c>
      <c r="CK38" s="119">
        <v>71985</v>
      </c>
      <c r="CL38" s="113">
        <v>0</v>
      </c>
      <c r="CM38" s="117">
        <v>0</v>
      </c>
      <c r="CN38" s="116">
        <v>0</v>
      </c>
      <c r="CO38" s="114">
        <v>0</v>
      </c>
      <c r="CP38" s="117">
        <v>71985</v>
      </c>
      <c r="CQ38" s="117">
        <v>0</v>
      </c>
      <c r="CR38" s="117">
        <v>0</v>
      </c>
      <c r="CS38" s="117">
        <v>0</v>
      </c>
      <c r="CT38" s="117">
        <v>0</v>
      </c>
      <c r="CU38" s="116">
        <v>71985</v>
      </c>
      <c r="CV38" s="119">
        <v>71985</v>
      </c>
      <c r="CW38" s="113">
        <v>0</v>
      </c>
      <c r="CX38" s="117">
        <v>0</v>
      </c>
      <c r="CY38" s="116">
        <v>0</v>
      </c>
      <c r="CZ38" s="113">
        <v>0</v>
      </c>
      <c r="DA38" s="117">
        <v>0</v>
      </c>
      <c r="DB38" s="117">
        <v>0</v>
      </c>
      <c r="DC38" s="117">
        <v>0</v>
      </c>
      <c r="DD38" s="117">
        <v>0</v>
      </c>
      <c r="DE38" s="117">
        <v>0</v>
      </c>
      <c r="DF38" s="116">
        <v>0</v>
      </c>
      <c r="DG38" s="119">
        <v>0</v>
      </c>
      <c r="DH38" s="113">
        <v>0</v>
      </c>
      <c r="DI38" s="117">
        <v>0</v>
      </c>
      <c r="DJ38" s="115">
        <v>0</v>
      </c>
      <c r="DK38" s="114">
        <v>0</v>
      </c>
      <c r="DL38" s="117">
        <v>0</v>
      </c>
      <c r="DM38" s="117">
        <v>0</v>
      </c>
      <c r="DN38" s="117">
        <v>21114</v>
      </c>
      <c r="DO38" s="117">
        <v>0</v>
      </c>
      <c r="DP38" s="117">
        <v>0</v>
      </c>
      <c r="DQ38" s="116">
        <v>21114</v>
      </c>
      <c r="DR38" s="119">
        <v>21114</v>
      </c>
      <c r="DS38" s="113">
        <v>0</v>
      </c>
      <c r="DT38" s="117">
        <v>0</v>
      </c>
      <c r="DU38" s="116">
        <v>0</v>
      </c>
      <c r="DV38" s="113">
        <v>0</v>
      </c>
      <c r="DW38" s="117">
        <v>0</v>
      </c>
      <c r="DX38" s="117">
        <v>0</v>
      </c>
      <c r="DY38" s="117">
        <v>21114</v>
      </c>
      <c r="DZ38" s="117">
        <v>0</v>
      </c>
      <c r="EA38" s="117">
        <v>0</v>
      </c>
      <c r="EB38" s="116">
        <v>21114</v>
      </c>
      <c r="EC38" s="119">
        <v>21114</v>
      </c>
      <c r="ED38" s="113">
        <v>0</v>
      </c>
      <c r="EE38" s="115">
        <v>0</v>
      </c>
      <c r="EF38" s="116">
        <v>0</v>
      </c>
      <c r="EG38" s="113">
        <v>0</v>
      </c>
      <c r="EH38" s="117">
        <v>0</v>
      </c>
      <c r="EI38" s="117">
        <v>0</v>
      </c>
      <c r="EJ38" s="117">
        <v>0</v>
      </c>
      <c r="EK38" s="117">
        <v>0</v>
      </c>
      <c r="EL38" s="117">
        <v>0</v>
      </c>
      <c r="EM38" s="115">
        <v>0</v>
      </c>
      <c r="EN38" s="119">
        <v>0</v>
      </c>
      <c r="EO38" s="113">
        <v>0</v>
      </c>
      <c r="EP38" s="117">
        <v>0</v>
      </c>
      <c r="EQ38" s="115">
        <v>0</v>
      </c>
      <c r="ER38" s="114">
        <v>0</v>
      </c>
      <c r="ES38" s="117">
        <v>0</v>
      </c>
      <c r="ET38" s="117">
        <v>0</v>
      </c>
      <c r="EU38" s="117">
        <v>0</v>
      </c>
      <c r="EV38" s="117">
        <v>0</v>
      </c>
      <c r="EW38" s="117">
        <v>0</v>
      </c>
      <c r="EX38" s="116">
        <v>0</v>
      </c>
      <c r="EY38" s="119">
        <v>0</v>
      </c>
      <c r="EZ38" s="113">
        <v>0</v>
      </c>
      <c r="FA38" s="117">
        <v>0</v>
      </c>
      <c r="FB38" s="115">
        <v>0</v>
      </c>
      <c r="FC38" s="387"/>
      <c r="FD38" s="117">
        <v>0</v>
      </c>
      <c r="FE38" s="117">
        <v>0</v>
      </c>
      <c r="FF38" s="117">
        <v>0</v>
      </c>
      <c r="FG38" s="117">
        <v>0</v>
      </c>
      <c r="FH38" s="117">
        <v>0</v>
      </c>
      <c r="FI38" s="116">
        <v>0</v>
      </c>
      <c r="FJ38" s="119">
        <v>0</v>
      </c>
      <c r="FK38" s="113">
        <v>57400</v>
      </c>
      <c r="FL38" s="117">
        <v>10850</v>
      </c>
      <c r="FM38" s="116">
        <v>68250</v>
      </c>
      <c r="FN38" s="113">
        <v>0</v>
      </c>
      <c r="FO38" s="117">
        <v>3500</v>
      </c>
      <c r="FP38" s="117">
        <v>0</v>
      </c>
      <c r="FQ38" s="117">
        <v>32046</v>
      </c>
      <c r="FR38" s="117">
        <v>0</v>
      </c>
      <c r="FS38" s="117">
        <v>19040</v>
      </c>
      <c r="FT38" s="116">
        <v>54586</v>
      </c>
      <c r="FU38" s="119">
        <v>122836</v>
      </c>
      <c r="FV38" s="118">
        <v>0</v>
      </c>
      <c r="FW38" s="117">
        <v>10850</v>
      </c>
      <c r="FX38" s="115">
        <v>10850</v>
      </c>
      <c r="FY38" s="114">
        <v>0</v>
      </c>
      <c r="FZ38" s="117">
        <v>3500</v>
      </c>
      <c r="GA38" s="117">
        <v>0</v>
      </c>
      <c r="GB38" s="117">
        <v>32046</v>
      </c>
      <c r="GC38" s="117">
        <v>0</v>
      </c>
      <c r="GD38" s="117">
        <v>19040</v>
      </c>
      <c r="GE38" s="116">
        <v>54586</v>
      </c>
      <c r="GF38" s="351">
        <v>65436</v>
      </c>
      <c r="GG38" s="118">
        <v>0</v>
      </c>
      <c r="GH38" s="117">
        <v>0</v>
      </c>
      <c r="GI38" s="115">
        <v>0</v>
      </c>
      <c r="GJ38" s="114">
        <v>0</v>
      </c>
      <c r="GK38" s="117">
        <v>0</v>
      </c>
      <c r="GL38" s="117">
        <v>0</v>
      </c>
      <c r="GM38" s="117">
        <v>0</v>
      </c>
      <c r="GN38" s="117">
        <v>0</v>
      </c>
      <c r="GO38" s="117">
        <v>0</v>
      </c>
      <c r="GP38" s="116">
        <v>0</v>
      </c>
      <c r="GQ38" s="119">
        <v>0</v>
      </c>
      <c r="GR38" s="113">
        <v>57400</v>
      </c>
      <c r="GS38" s="117">
        <v>0</v>
      </c>
      <c r="GT38" s="116">
        <v>57400</v>
      </c>
      <c r="GU38" s="113">
        <v>0</v>
      </c>
      <c r="GV38" s="117">
        <v>0</v>
      </c>
      <c r="GW38" s="117">
        <v>0</v>
      </c>
      <c r="GX38" s="117">
        <v>0</v>
      </c>
      <c r="GY38" s="117">
        <v>0</v>
      </c>
      <c r="GZ38" s="117">
        <v>0</v>
      </c>
      <c r="HA38" s="115">
        <v>0</v>
      </c>
      <c r="HB38" s="119">
        <v>57400</v>
      </c>
      <c r="HC38" s="113">
        <v>48138</v>
      </c>
      <c r="HD38" s="117">
        <v>0</v>
      </c>
      <c r="HE38" s="115">
        <v>48138</v>
      </c>
      <c r="HF38" s="114">
        <v>0</v>
      </c>
      <c r="HG38" s="117">
        <v>137410</v>
      </c>
      <c r="HH38" s="117">
        <v>155004</v>
      </c>
      <c r="HI38" s="117">
        <v>532500</v>
      </c>
      <c r="HJ38" s="117">
        <v>0</v>
      </c>
      <c r="HK38" s="117">
        <v>82827</v>
      </c>
      <c r="HL38" s="116">
        <v>907741</v>
      </c>
      <c r="HM38" s="112">
        <v>955879</v>
      </c>
      <c r="HN38" s="367"/>
      <c r="HO38" s="368"/>
      <c r="HP38" s="369"/>
      <c r="HQ38" s="370"/>
      <c r="HR38" s="368"/>
      <c r="HS38" s="368"/>
      <c r="HT38" s="368"/>
      <c r="HU38" s="368"/>
      <c r="HV38" s="368"/>
      <c r="HW38" s="371"/>
      <c r="HX38" s="372"/>
      <c r="HY38" s="168">
        <v>0</v>
      </c>
      <c r="HZ38" s="153">
        <v>0</v>
      </c>
      <c r="IA38" s="168">
        <v>0</v>
      </c>
      <c r="IB38" s="164">
        <v>0</v>
      </c>
      <c r="IC38" s="150">
        <v>72645</v>
      </c>
      <c r="ID38" s="165">
        <v>0</v>
      </c>
      <c r="IE38" s="151">
        <v>113146</v>
      </c>
      <c r="IF38" s="150">
        <v>0</v>
      </c>
      <c r="IG38" s="151">
        <v>0</v>
      </c>
      <c r="IH38" s="166">
        <v>185791</v>
      </c>
      <c r="II38" s="168">
        <v>185791</v>
      </c>
      <c r="IJ38" s="262">
        <v>0</v>
      </c>
      <c r="IK38" s="269">
        <v>0</v>
      </c>
      <c r="IL38" s="270">
        <v>0</v>
      </c>
      <c r="IM38" s="158"/>
      <c r="IN38" s="123">
        <v>0</v>
      </c>
      <c r="IO38" s="123">
        <v>0</v>
      </c>
      <c r="IP38" s="123">
        <v>0</v>
      </c>
      <c r="IQ38" s="123">
        <v>0</v>
      </c>
      <c r="IR38" s="123">
        <v>0</v>
      </c>
      <c r="IS38" s="159">
        <v>0</v>
      </c>
      <c r="IT38" s="354">
        <v>0</v>
      </c>
      <c r="IU38" s="160">
        <v>0</v>
      </c>
      <c r="IV38" s="123">
        <v>0</v>
      </c>
      <c r="IW38" s="124">
        <v>0</v>
      </c>
      <c r="IX38" s="162"/>
      <c r="IY38" s="123">
        <v>0</v>
      </c>
      <c r="IZ38" s="123">
        <v>0</v>
      </c>
      <c r="JA38" s="123">
        <v>0</v>
      </c>
      <c r="JB38" s="123">
        <v>0</v>
      </c>
      <c r="JC38" s="123">
        <v>0</v>
      </c>
      <c r="JD38" s="124">
        <v>0</v>
      </c>
      <c r="JE38" s="125">
        <v>0</v>
      </c>
      <c r="JF38" s="160">
        <v>0</v>
      </c>
      <c r="JG38" s="123">
        <v>0</v>
      </c>
      <c r="JH38" s="159">
        <v>0</v>
      </c>
      <c r="JI38" s="122">
        <v>0</v>
      </c>
      <c r="JJ38" s="123">
        <v>72645</v>
      </c>
      <c r="JK38" s="123">
        <v>0</v>
      </c>
      <c r="JL38" s="123">
        <v>74733</v>
      </c>
      <c r="JM38" s="123">
        <v>0</v>
      </c>
      <c r="JN38" s="123">
        <v>0</v>
      </c>
      <c r="JO38" s="124">
        <v>147378</v>
      </c>
      <c r="JP38" s="354">
        <v>147378</v>
      </c>
      <c r="JQ38" s="160">
        <v>0</v>
      </c>
      <c r="JR38" s="123">
        <v>0</v>
      </c>
      <c r="JS38" s="159">
        <v>0</v>
      </c>
      <c r="JT38" s="122">
        <v>0</v>
      </c>
      <c r="JU38" s="123">
        <v>0</v>
      </c>
      <c r="JV38" s="123">
        <v>0</v>
      </c>
      <c r="JW38" s="123">
        <v>0</v>
      </c>
      <c r="JX38" s="123">
        <v>0</v>
      </c>
      <c r="JY38" s="123">
        <v>0</v>
      </c>
      <c r="JZ38" s="124">
        <v>0</v>
      </c>
      <c r="KA38" s="354">
        <v>0</v>
      </c>
      <c r="KB38" s="265">
        <v>0</v>
      </c>
      <c r="KC38" s="259">
        <v>0</v>
      </c>
      <c r="KD38" s="124">
        <v>0</v>
      </c>
      <c r="KE38" s="122">
        <v>0</v>
      </c>
      <c r="KF38" s="123">
        <v>0</v>
      </c>
      <c r="KG38" s="123">
        <v>0</v>
      </c>
      <c r="KH38" s="123">
        <v>0</v>
      </c>
      <c r="KI38" s="123">
        <v>0</v>
      </c>
      <c r="KJ38" s="123">
        <v>0</v>
      </c>
      <c r="KK38" s="124">
        <v>0</v>
      </c>
      <c r="KL38" s="161">
        <v>0</v>
      </c>
      <c r="KM38" s="262">
        <v>0</v>
      </c>
      <c r="KN38" s="269">
        <v>0</v>
      </c>
      <c r="KO38" s="270">
        <v>0</v>
      </c>
      <c r="KP38" s="158">
        <v>0</v>
      </c>
      <c r="KQ38" s="123">
        <v>0</v>
      </c>
      <c r="KR38" s="123">
        <v>0</v>
      </c>
      <c r="KS38" s="123">
        <v>0</v>
      </c>
      <c r="KT38" s="123">
        <v>0</v>
      </c>
      <c r="KU38" s="123">
        <v>0</v>
      </c>
      <c r="KV38" s="124">
        <v>0</v>
      </c>
      <c r="KW38" s="354">
        <v>0</v>
      </c>
      <c r="KX38" s="160">
        <v>0</v>
      </c>
      <c r="KY38" s="123">
        <v>0</v>
      </c>
      <c r="KZ38" s="124">
        <v>0</v>
      </c>
      <c r="LA38" s="163">
        <v>0</v>
      </c>
      <c r="LB38" s="123">
        <v>0</v>
      </c>
      <c r="LC38" s="123">
        <v>0</v>
      </c>
      <c r="LD38" s="123">
        <v>0</v>
      </c>
      <c r="LE38" s="123">
        <v>0</v>
      </c>
      <c r="LF38" s="123">
        <v>0</v>
      </c>
      <c r="LG38" s="124">
        <v>0</v>
      </c>
      <c r="LH38" s="125">
        <v>0</v>
      </c>
      <c r="LI38" s="160">
        <v>0</v>
      </c>
      <c r="LJ38" s="123">
        <v>0</v>
      </c>
      <c r="LK38" s="124">
        <v>0</v>
      </c>
      <c r="LL38" s="163"/>
      <c r="LM38" s="123">
        <v>0</v>
      </c>
      <c r="LN38" s="123">
        <v>0</v>
      </c>
      <c r="LO38" s="123">
        <v>0</v>
      </c>
      <c r="LP38" s="123">
        <v>0</v>
      </c>
      <c r="LQ38" s="123">
        <v>0</v>
      </c>
      <c r="LR38" s="124">
        <v>0</v>
      </c>
      <c r="LS38" s="354">
        <v>0</v>
      </c>
      <c r="LT38" s="160">
        <v>0</v>
      </c>
      <c r="LU38" s="123">
        <v>0</v>
      </c>
      <c r="LV38" s="124">
        <v>0</v>
      </c>
      <c r="LW38" s="163"/>
      <c r="LX38" s="123">
        <v>0</v>
      </c>
      <c r="LY38" s="123">
        <v>0</v>
      </c>
      <c r="LZ38" s="123">
        <v>38413</v>
      </c>
      <c r="MA38" s="123">
        <v>0</v>
      </c>
      <c r="MB38" s="123">
        <v>0</v>
      </c>
      <c r="MC38" s="124">
        <v>38413</v>
      </c>
      <c r="MD38" s="125">
        <v>38413</v>
      </c>
      <c r="ME38" s="160">
        <v>0</v>
      </c>
      <c r="MF38" s="123">
        <v>0</v>
      </c>
      <c r="MG38" s="124">
        <v>0</v>
      </c>
      <c r="MH38" s="163"/>
      <c r="MI38" s="123">
        <v>0</v>
      </c>
      <c r="MJ38" s="123">
        <v>209330</v>
      </c>
      <c r="MK38" s="123">
        <v>0</v>
      </c>
      <c r="ML38" s="123">
        <v>238373</v>
      </c>
      <c r="MM38" s="123">
        <v>294728</v>
      </c>
      <c r="MN38" s="124">
        <v>742431</v>
      </c>
      <c r="MO38" s="161">
        <v>742431</v>
      </c>
      <c r="MP38" s="160">
        <v>0</v>
      </c>
      <c r="MQ38" s="123">
        <v>0</v>
      </c>
      <c r="MR38" s="124">
        <v>0</v>
      </c>
      <c r="MS38" s="163"/>
      <c r="MT38" s="123">
        <v>0</v>
      </c>
      <c r="MU38" s="123">
        <v>0</v>
      </c>
      <c r="MV38" s="123">
        <v>0</v>
      </c>
      <c r="MW38" s="123">
        <v>238373</v>
      </c>
      <c r="MX38" s="123">
        <v>0</v>
      </c>
      <c r="MY38" s="124">
        <v>238373</v>
      </c>
      <c r="MZ38" s="161">
        <v>238373</v>
      </c>
      <c r="NA38" s="160">
        <v>0</v>
      </c>
      <c r="NB38" s="123">
        <v>0</v>
      </c>
      <c r="NC38" s="124">
        <v>0</v>
      </c>
      <c r="ND38" s="163"/>
      <c r="NE38" s="123">
        <v>0</v>
      </c>
      <c r="NF38" s="123">
        <v>0</v>
      </c>
      <c r="NG38" s="123">
        <v>0</v>
      </c>
      <c r="NH38" s="123">
        <v>0</v>
      </c>
      <c r="NI38" s="123">
        <v>0</v>
      </c>
      <c r="NJ38" s="124">
        <v>0</v>
      </c>
      <c r="NK38" s="354">
        <v>0</v>
      </c>
      <c r="NL38" s="160">
        <v>0</v>
      </c>
      <c r="NM38" s="123">
        <v>0</v>
      </c>
      <c r="NN38" s="124">
        <v>0</v>
      </c>
      <c r="NO38" s="163"/>
      <c r="NP38" s="123">
        <v>0</v>
      </c>
      <c r="NQ38" s="123">
        <v>0</v>
      </c>
      <c r="NR38" s="123">
        <v>0</v>
      </c>
      <c r="NS38" s="123">
        <v>0</v>
      </c>
      <c r="NT38" s="123">
        <v>0</v>
      </c>
      <c r="NU38" s="124">
        <v>0</v>
      </c>
      <c r="NV38" s="125">
        <v>0</v>
      </c>
      <c r="NW38" s="160">
        <v>0</v>
      </c>
      <c r="NX38" s="123">
        <v>0</v>
      </c>
      <c r="NY38" s="124">
        <v>0</v>
      </c>
      <c r="NZ38" s="163"/>
      <c r="OA38" s="123">
        <v>0</v>
      </c>
      <c r="OB38" s="123">
        <v>209330</v>
      </c>
      <c r="OC38" s="123">
        <v>0</v>
      </c>
      <c r="OD38" s="123">
        <v>0</v>
      </c>
      <c r="OE38" s="123">
        <v>294728</v>
      </c>
      <c r="OF38" s="124">
        <v>504058</v>
      </c>
      <c r="OG38" s="125">
        <v>504058</v>
      </c>
      <c r="OH38" s="160">
        <v>105538</v>
      </c>
      <c r="OI38" s="123">
        <v>39297</v>
      </c>
      <c r="OJ38" s="159">
        <v>144835</v>
      </c>
      <c r="OK38" s="122">
        <v>0</v>
      </c>
      <c r="OL38" s="123">
        <v>370143</v>
      </c>
      <c r="OM38" s="123">
        <v>372734</v>
      </c>
      <c r="ON38" s="123">
        <v>935185</v>
      </c>
      <c r="OO38" s="123">
        <v>238373</v>
      </c>
      <c r="OP38" s="123">
        <v>525252</v>
      </c>
      <c r="OQ38" s="124">
        <v>2441687</v>
      </c>
      <c r="OR38" s="161">
        <v>2586522</v>
      </c>
    </row>
    <row r="39" spans="1:408" ht="20.25" customHeight="1" x14ac:dyDescent="0.2">
      <c r="A39" s="130" t="s">
        <v>34</v>
      </c>
      <c r="B39" s="113">
        <v>0</v>
      </c>
      <c r="C39" s="117">
        <v>10150</v>
      </c>
      <c r="D39" s="202">
        <v>10150</v>
      </c>
      <c r="E39" s="203">
        <v>0</v>
      </c>
      <c r="F39" s="204">
        <v>89537</v>
      </c>
      <c r="G39" s="204">
        <v>284158</v>
      </c>
      <c r="H39" s="204">
        <v>244321</v>
      </c>
      <c r="I39" s="204">
        <v>380258</v>
      </c>
      <c r="J39" s="204">
        <v>10780</v>
      </c>
      <c r="K39" s="205">
        <v>1009054</v>
      </c>
      <c r="L39" s="119">
        <v>1019204</v>
      </c>
      <c r="M39" s="113">
        <v>0</v>
      </c>
      <c r="N39" s="117">
        <v>0</v>
      </c>
      <c r="O39" s="116">
        <v>0</v>
      </c>
      <c r="P39" s="113">
        <v>0</v>
      </c>
      <c r="Q39" s="117">
        <v>38451</v>
      </c>
      <c r="R39" s="117">
        <v>34622</v>
      </c>
      <c r="S39" s="117">
        <v>47992</v>
      </c>
      <c r="T39" s="117">
        <v>248287</v>
      </c>
      <c r="U39" s="117">
        <v>0</v>
      </c>
      <c r="V39" s="116">
        <v>369352</v>
      </c>
      <c r="W39" s="119">
        <v>369352</v>
      </c>
      <c r="X39" s="113">
        <v>0</v>
      </c>
      <c r="Y39" s="117">
        <v>0</v>
      </c>
      <c r="Z39" s="116">
        <v>0</v>
      </c>
      <c r="AA39" s="113">
        <v>0</v>
      </c>
      <c r="AB39" s="117">
        <v>0</v>
      </c>
      <c r="AC39" s="117">
        <v>0</v>
      </c>
      <c r="AD39" s="117">
        <v>32963</v>
      </c>
      <c r="AE39" s="117">
        <v>239887</v>
      </c>
      <c r="AF39" s="117">
        <v>0</v>
      </c>
      <c r="AG39" s="116">
        <v>272850</v>
      </c>
      <c r="AH39" s="119">
        <v>272850</v>
      </c>
      <c r="AI39" s="113">
        <v>0</v>
      </c>
      <c r="AJ39" s="117">
        <v>0</v>
      </c>
      <c r="AK39" s="116">
        <v>0</v>
      </c>
      <c r="AL39" s="113">
        <v>0</v>
      </c>
      <c r="AM39" s="117">
        <v>0</v>
      </c>
      <c r="AN39" s="117">
        <v>0</v>
      </c>
      <c r="AO39" s="117">
        <v>0</v>
      </c>
      <c r="AP39" s="117">
        <v>0</v>
      </c>
      <c r="AQ39" s="117">
        <v>0</v>
      </c>
      <c r="AR39" s="116">
        <v>0</v>
      </c>
      <c r="AS39" s="119">
        <v>0</v>
      </c>
      <c r="AT39" s="113">
        <v>0</v>
      </c>
      <c r="AU39" s="117">
        <v>0</v>
      </c>
      <c r="AV39" s="116">
        <v>0</v>
      </c>
      <c r="AW39" s="113">
        <v>0</v>
      </c>
      <c r="AX39" s="117">
        <v>11970</v>
      </c>
      <c r="AY39" s="117">
        <v>0</v>
      </c>
      <c r="AZ39" s="117">
        <v>0</v>
      </c>
      <c r="BA39" s="117">
        <v>0</v>
      </c>
      <c r="BB39" s="117">
        <v>0</v>
      </c>
      <c r="BC39" s="116">
        <v>11970</v>
      </c>
      <c r="BD39" s="119">
        <v>11970</v>
      </c>
      <c r="BE39" s="113">
        <v>0</v>
      </c>
      <c r="BF39" s="117">
        <v>0</v>
      </c>
      <c r="BG39" s="115">
        <v>0</v>
      </c>
      <c r="BH39" s="114">
        <v>0</v>
      </c>
      <c r="BI39" s="117">
        <v>10955</v>
      </c>
      <c r="BJ39" s="117">
        <v>0</v>
      </c>
      <c r="BK39" s="117">
        <v>0</v>
      </c>
      <c r="BL39" s="117">
        <v>0</v>
      </c>
      <c r="BM39" s="117">
        <v>0</v>
      </c>
      <c r="BN39" s="116">
        <v>10955</v>
      </c>
      <c r="BO39" s="119">
        <v>10955</v>
      </c>
      <c r="BP39" s="113">
        <v>0</v>
      </c>
      <c r="BQ39" s="117">
        <v>0</v>
      </c>
      <c r="BR39" s="116">
        <v>0</v>
      </c>
      <c r="BS39" s="113">
        <v>0</v>
      </c>
      <c r="BT39" s="117">
        <v>15526</v>
      </c>
      <c r="BU39" s="117">
        <v>34622</v>
      </c>
      <c r="BV39" s="117">
        <v>15029</v>
      </c>
      <c r="BW39" s="117">
        <v>8400</v>
      </c>
      <c r="BX39" s="117">
        <v>0</v>
      </c>
      <c r="BY39" s="116">
        <v>73577</v>
      </c>
      <c r="BZ39" s="119">
        <v>73577</v>
      </c>
      <c r="CA39" s="113">
        <v>0</v>
      </c>
      <c r="CB39" s="117">
        <v>0</v>
      </c>
      <c r="CC39" s="116">
        <v>0</v>
      </c>
      <c r="CD39" s="113">
        <v>0</v>
      </c>
      <c r="CE39" s="117">
        <v>46186</v>
      </c>
      <c r="CF39" s="117">
        <v>54887</v>
      </c>
      <c r="CG39" s="117">
        <v>167433</v>
      </c>
      <c r="CH39" s="117">
        <v>99610</v>
      </c>
      <c r="CI39" s="117">
        <v>0</v>
      </c>
      <c r="CJ39" s="116">
        <v>368116</v>
      </c>
      <c r="CK39" s="119">
        <v>368116</v>
      </c>
      <c r="CL39" s="113">
        <v>0</v>
      </c>
      <c r="CM39" s="117">
        <v>0</v>
      </c>
      <c r="CN39" s="116">
        <v>0</v>
      </c>
      <c r="CO39" s="114">
        <v>0</v>
      </c>
      <c r="CP39" s="117">
        <v>0</v>
      </c>
      <c r="CQ39" s="117">
        <v>54887</v>
      </c>
      <c r="CR39" s="117">
        <v>167433</v>
      </c>
      <c r="CS39" s="117">
        <v>99610</v>
      </c>
      <c r="CT39" s="117">
        <v>0</v>
      </c>
      <c r="CU39" s="116">
        <v>321930</v>
      </c>
      <c r="CV39" s="119">
        <v>321930</v>
      </c>
      <c r="CW39" s="113">
        <v>0</v>
      </c>
      <c r="CX39" s="117">
        <v>0</v>
      </c>
      <c r="CY39" s="116">
        <v>0</v>
      </c>
      <c r="CZ39" s="113">
        <v>0</v>
      </c>
      <c r="DA39" s="117">
        <v>46186</v>
      </c>
      <c r="DB39" s="117">
        <v>0</v>
      </c>
      <c r="DC39" s="117">
        <v>0</v>
      </c>
      <c r="DD39" s="117">
        <v>0</v>
      </c>
      <c r="DE39" s="117">
        <v>0</v>
      </c>
      <c r="DF39" s="116">
        <v>46186</v>
      </c>
      <c r="DG39" s="119">
        <v>46186</v>
      </c>
      <c r="DH39" s="113">
        <v>0</v>
      </c>
      <c r="DI39" s="117">
        <v>0</v>
      </c>
      <c r="DJ39" s="115">
        <v>0</v>
      </c>
      <c r="DK39" s="114">
        <v>0</v>
      </c>
      <c r="DL39" s="117">
        <v>0</v>
      </c>
      <c r="DM39" s="117">
        <v>0</v>
      </c>
      <c r="DN39" s="117">
        <v>0</v>
      </c>
      <c r="DO39" s="117">
        <v>15617</v>
      </c>
      <c r="DP39" s="117">
        <v>0</v>
      </c>
      <c r="DQ39" s="116">
        <v>15617</v>
      </c>
      <c r="DR39" s="119">
        <v>15617</v>
      </c>
      <c r="DS39" s="113">
        <v>0</v>
      </c>
      <c r="DT39" s="117">
        <v>0</v>
      </c>
      <c r="DU39" s="116">
        <v>0</v>
      </c>
      <c r="DV39" s="113">
        <v>0</v>
      </c>
      <c r="DW39" s="117">
        <v>0</v>
      </c>
      <c r="DX39" s="117">
        <v>0</v>
      </c>
      <c r="DY39" s="117">
        <v>0</v>
      </c>
      <c r="DZ39" s="117">
        <v>15617</v>
      </c>
      <c r="EA39" s="117">
        <v>0</v>
      </c>
      <c r="EB39" s="116">
        <v>15617</v>
      </c>
      <c r="EC39" s="119">
        <v>15617</v>
      </c>
      <c r="ED39" s="113">
        <v>0</v>
      </c>
      <c r="EE39" s="115">
        <v>0</v>
      </c>
      <c r="EF39" s="116">
        <v>0</v>
      </c>
      <c r="EG39" s="113">
        <v>0</v>
      </c>
      <c r="EH39" s="117">
        <v>0</v>
      </c>
      <c r="EI39" s="117">
        <v>0</v>
      </c>
      <c r="EJ39" s="117">
        <v>0</v>
      </c>
      <c r="EK39" s="117">
        <v>0</v>
      </c>
      <c r="EL39" s="117">
        <v>0</v>
      </c>
      <c r="EM39" s="115">
        <v>0</v>
      </c>
      <c r="EN39" s="119">
        <v>0</v>
      </c>
      <c r="EO39" s="113">
        <v>0</v>
      </c>
      <c r="EP39" s="117">
        <v>0</v>
      </c>
      <c r="EQ39" s="115">
        <v>0</v>
      </c>
      <c r="ER39" s="114">
        <v>0</v>
      </c>
      <c r="ES39" s="117">
        <v>0</v>
      </c>
      <c r="ET39" s="117">
        <v>0</v>
      </c>
      <c r="EU39" s="117">
        <v>0</v>
      </c>
      <c r="EV39" s="117">
        <v>0</v>
      </c>
      <c r="EW39" s="117">
        <v>0</v>
      </c>
      <c r="EX39" s="116">
        <v>0</v>
      </c>
      <c r="EY39" s="119">
        <v>0</v>
      </c>
      <c r="EZ39" s="113">
        <v>0</v>
      </c>
      <c r="FA39" s="117">
        <v>0</v>
      </c>
      <c r="FB39" s="115">
        <v>0</v>
      </c>
      <c r="FC39" s="387"/>
      <c r="FD39" s="117">
        <v>0</v>
      </c>
      <c r="FE39" s="117">
        <v>0</v>
      </c>
      <c r="FF39" s="117">
        <v>0</v>
      </c>
      <c r="FG39" s="117">
        <v>0</v>
      </c>
      <c r="FH39" s="117">
        <v>0</v>
      </c>
      <c r="FI39" s="116">
        <v>0</v>
      </c>
      <c r="FJ39" s="119">
        <v>0</v>
      </c>
      <c r="FK39" s="113">
        <v>0</v>
      </c>
      <c r="FL39" s="117">
        <v>10150</v>
      </c>
      <c r="FM39" s="116">
        <v>10150</v>
      </c>
      <c r="FN39" s="113">
        <v>0</v>
      </c>
      <c r="FO39" s="117">
        <v>4900</v>
      </c>
      <c r="FP39" s="117">
        <v>47740</v>
      </c>
      <c r="FQ39" s="117">
        <v>28896</v>
      </c>
      <c r="FR39" s="117">
        <v>16744</v>
      </c>
      <c r="FS39" s="117">
        <v>10780</v>
      </c>
      <c r="FT39" s="116">
        <v>109060</v>
      </c>
      <c r="FU39" s="119">
        <v>119210</v>
      </c>
      <c r="FV39" s="118">
        <v>0</v>
      </c>
      <c r="FW39" s="117">
        <v>10150</v>
      </c>
      <c r="FX39" s="115">
        <v>10150</v>
      </c>
      <c r="FY39" s="114">
        <v>0</v>
      </c>
      <c r="FZ39" s="117">
        <v>4900</v>
      </c>
      <c r="GA39" s="117">
        <v>7700</v>
      </c>
      <c r="GB39" s="117">
        <v>28896</v>
      </c>
      <c r="GC39" s="117">
        <v>16744</v>
      </c>
      <c r="GD39" s="117">
        <v>10780</v>
      </c>
      <c r="GE39" s="116">
        <v>69020</v>
      </c>
      <c r="GF39" s="351">
        <v>79170</v>
      </c>
      <c r="GG39" s="118">
        <v>0</v>
      </c>
      <c r="GH39" s="117">
        <v>0</v>
      </c>
      <c r="GI39" s="115">
        <v>0</v>
      </c>
      <c r="GJ39" s="114">
        <v>0</v>
      </c>
      <c r="GK39" s="117">
        <v>0</v>
      </c>
      <c r="GL39" s="117">
        <v>13860</v>
      </c>
      <c r="GM39" s="117">
        <v>0</v>
      </c>
      <c r="GN39" s="117">
        <v>0</v>
      </c>
      <c r="GO39" s="117">
        <v>0</v>
      </c>
      <c r="GP39" s="116">
        <v>13860</v>
      </c>
      <c r="GQ39" s="119">
        <v>13860</v>
      </c>
      <c r="GR39" s="113">
        <v>0</v>
      </c>
      <c r="GS39" s="117">
        <v>0</v>
      </c>
      <c r="GT39" s="116">
        <v>0</v>
      </c>
      <c r="GU39" s="113">
        <v>0</v>
      </c>
      <c r="GV39" s="117">
        <v>0</v>
      </c>
      <c r="GW39" s="117">
        <v>26180</v>
      </c>
      <c r="GX39" s="117">
        <v>0</v>
      </c>
      <c r="GY39" s="117">
        <v>0</v>
      </c>
      <c r="GZ39" s="117">
        <v>0</v>
      </c>
      <c r="HA39" s="115">
        <v>26180</v>
      </c>
      <c r="HB39" s="119">
        <v>26180</v>
      </c>
      <c r="HC39" s="113">
        <v>0</v>
      </c>
      <c r="HD39" s="117">
        <v>0</v>
      </c>
      <c r="HE39" s="115">
        <v>0</v>
      </c>
      <c r="HF39" s="114">
        <v>0</v>
      </c>
      <c r="HG39" s="117">
        <v>0</v>
      </c>
      <c r="HH39" s="117">
        <v>146909</v>
      </c>
      <c r="HI39" s="117">
        <v>0</v>
      </c>
      <c r="HJ39" s="117">
        <v>0</v>
      </c>
      <c r="HK39" s="117">
        <v>0</v>
      </c>
      <c r="HL39" s="116">
        <v>146909</v>
      </c>
      <c r="HM39" s="112">
        <v>146909</v>
      </c>
      <c r="HN39" s="367"/>
      <c r="HO39" s="368"/>
      <c r="HP39" s="369"/>
      <c r="HQ39" s="370"/>
      <c r="HR39" s="368"/>
      <c r="HS39" s="368"/>
      <c r="HT39" s="368"/>
      <c r="HU39" s="368"/>
      <c r="HV39" s="368"/>
      <c r="HW39" s="371"/>
      <c r="HX39" s="372"/>
      <c r="HY39" s="149">
        <v>0</v>
      </c>
      <c r="HZ39" s="150">
        <v>0</v>
      </c>
      <c r="IA39" s="151">
        <v>0</v>
      </c>
      <c r="IB39" s="164">
        <v>0</v>
      </c>
      <c r="IC39" s="150">
        <v>96873</v>
      </c>
      <c r="ID39" s="165">
        <v>0</v>
      </c>
      <c r="IE39" s="151">
        <v>211358</v>
      </c>
      <c r="IF39" s="150">
        <v>100345</v>
      </c>
      <c r="IG39" s="151">
        <v>0</v>
      </c>
      <c r="IH39" s="166">
        <v>408576</v>
      </c>
      <c r="II39" s="157">
        <v>408576</v>
      </c>
      <c r="IJ39" s="262">
        <v>0</v>
      </c>
      <c r="IK39" s="269">
        <v>0</v>
      </c>
      <c r="IL39" s="270">
        <v>0</v>
      </c>
      <c r="IM39" s="158"/>
      <c r="IN39" s="123">
        <v>0</v>
      </c>
      <c r="IO39" s="123">
        <v>0</v>
      </c>
      <c r="IP39" s="123">
        <v>0</v>
      </c>
      <c r="IQ39" s="123">
        <v>0</v>
      </c>
      <c r="IR39" s="123">
        <v>0</v>
      </c>
      <c r="IS39" s="159">
        <v>0</v>
      </c>
      <c r="IT39" s="354">
        <v>0</v>
      </c>
      <c r="IU39" s="160">
        <v>0</v>
      </c>
      <c r="IV39" s="123">
        <v>0</v>
      </c>
      <c r="IW39" s="124">
        <v>0</v>
      </c>
      <c r="IX39" s="162"/>
      <c r="IY39" s="123">
        <v>0</v>
      </c>
      <c r="IZ39" s="123">
        <v>0</v>
      </c>
      <c r="JA39" s="123">
        <v>0</v>
      </c>
      <c r="JB39" s="123">
        <v>0</v>
      </c>
      <c r="JC39" s="123">
        <v>0</v>
      </c>
      <c r="JD39" s="124">
        <v>0</v>
      </c>
      <c r="JE39" s="125">
        <v>0</v>
      </c>
      <c r="JF39" s="160">
        <v>0</v>
      </c>
      <c r="JG39" s="123">
        <v>0</v>
      </c>
      <c r="JH39" s="159">
        <v>0</v>
      </c>
      <c r="JI39" s="122">
        <v>0</v>
      </c>
      <c r="JJ39" s="123">
        <v>0</v>
      </c>
      <c r="JK39" s="123">
        <v>0</v>
      </c>
      <c r="JL39" s="123">
        <v>0</v>
      </c>
      <c r="JM39" s="123">
        <v>0</v>
      </c>
      <c r="JN39" s="123">
        <v>0</v>
      </c>
      <c r="JO39" s="124">
        <v>0</v>
      </c>
      <c r="JP39" s="354">
        <v>0</v>
      </c>
      <c r="JQ39" s="160">
        <v>0</v>
      </c>
      <c r="JR39" s="123">
        <v>0</v>
      </c>
      <c r="JS39" s="159">
        <v>0</v>
      </c>
      <c r="JT39" s="122">
        <v>0</v>
      </c>
      <c r="JU39" s="123">
        <v>0</v>
      </c>
      <c r="JV39" s="123">
        <v>0</v>
      </c>
      <c r="JW39" s="123">
        <v>0</v>
      </c>
      <c r="JX39" s="123">
        <v>0</v>
      </c>
      <c r="JY39" s="123">
        <v>0</v>
      </c>
      <c r="JZ39" s="124">
        <v>0</v>
      </c>
      <c r="KA39" s="354">
        <v>0</v>
      </c>
      <c r="KB39" s="265">
        <v>0</v>
      </c>
      <c r="KC39" s="259">
        <v>0</v>
      </c>
      <c r="KD39" s="124">
        <v>0</v>
      </c>
      <c r="KE39" s="122">
        <v>0</v>
      </c>
      <c r="KF39" s="123">
        <v>96873</v>
      </c>
      <c r="KG39" s="123">
        <v>0</v>
      </c>
      <c r="KH39" s="123">
        <v>0</v>
      </c>
      <c r="KI39" s="123">
        <v>100345</v>
      </c>
      <c r="KJ39" s="123">
        <v>0</v>
      </c>
      <c r="KK39" s="124">
        <v>197218</v>
      </c>
      <c r="KL39" s="161">
        <v>197218</v>
      </c>
      <c r="KM39" s="262">
        <v>0</v>
      </c>
      <c r="KN39" s="269">
        <v>0</v>
      </c>
      <c r="KO39" s="270">
        <v>0</v>
      </c>
      <c r="KP39" s="158">
        <v>0</v>
      </c>
      <c r="KQ39" s="123">
        <v>0</v>
      </c>
      <c r="KR39" s="123">
        <v>0</v>
      </c>
      <c r="KS39" s="123">
        <v>0</v>
      </c>
      <c r="KT39" s="123">
        <v>0</v>
      </c>
      <c r="KU39" s="123">
        <v>0</v>
      </c>
      <c r="KV39" s="124">
        <v>0</v>
      </c>
      <c r="KW39" s="354">
        <v>0</v>
      </c>
      <c r="KX39" s="160">
        <v>0</v>
      </c>
      <c r="KY39" s="123">
        <v>0</v>
      </c>
      <c r="KZ39" s="124">
        <v>0</v>
      </c>
      <c r="LA39" s="163">
        <v>0</v>
      </c>
      <c r="LB39" s="123">
        <v>0</v>
      </c>
      <c r="LC39" s="123">
        <v>0</v>
      </c>
      <c r="LD39" s="123">
        <v>0</v>
      </c>
      <c r="LE39" s="123">
        <v>0</v>
      </c>
      <c r="LF39" s="123">
        <v>0</v>
      </c>
      <c r="LG39" s="124">
        <v>0</v>
      </c>
      <c r="LH39" s="125">
        <v>0</v>
      </c>
      <c r="LI39" s="160">
        <v>0</v>
      </c>
      <c r="LJ39" s="123">
        <v>0</v>
      </c>
      <c r="LK39" s="124">
        <v>0</v>
      </c>
      <c r="LL39" s="163"/>
      <c r="LM39" s="123">
        <v>0</v>
      </c>
      <c r="LN39" s="123">
        <v>0</v>
      </c>
      <c r="LO39" s="123">
        <v>0</v>
      </c>
      <c r="LP39" s="123">
        <v>0</v>
      </c>
      <c r="LQ39" s="123">
        <v>0</v>
      </c>
      <c r="LR39" s="124">
        <v>0</v>
      </c>
      <c r="LS39" s="354">
        <v>0</v>
      </c>
      <c r="LT39" s="160">
        <v>0</v>
      </c>
      <c r="LU39" s="123">
        <v>0</v>
      </c>
      <c r="LV39" s="124">
        <v>0</v>
      </c>
      <c r="LW39" s="163"/>
      <c r="LX39" s="123">
        <v>0</v>
      </c>
      <c r="LY39" s="123">
        <v>0</v>
      </c>
      <c r="LZ39" s="123">
        <v>211358</v>
      </c>
      <c r="MA39" s="123">
        <v>0</v>
      </c>
      <c r="MB39" s="123">
        <v>0</v>
      </c>
      <c r="MC39" s="124">
        <v>211358</v>
      </c>
      <c r="MD39" s="125">
        <v>211358</v>
      </c>
      <c r="ME39" s="160">
        <v>0</v>
      </c>
      <c r="MF39" s="123">
        <v>0</v>
      </c>
      <c r="MG39" s="124">
        <v>0</v>
      </c>
      <c r="MH39" s="163"/>
      <c r="MI39" s="123">
        <v>0</v>
      </c>
      <c r="MJ39" s="123">
        <v>0</v>
      </c>
      <c r="MK39" s="123">
        <v>235550</v>
      </c>
      <c r="ML39" s="123">
        <v>0</v>
      </c>
      <c r="MM39" s="123">
        <v>0</v>
      </c>
      <c r="MN39" s="124">
        <v>235550</v>
      </c>
      <c r="MO39" s="161">
        <v>235550</v>
      </c>
      <c r="MP39" s="160">
        <v>0</v>
      </c>
      <c r="MQ39" s="123">
        <v>0</v>
      </c>
      <c r="MR39" s="124">
        <v>0</v>
      </c>
      <c r="MS39" s="163"/>
      <c r="MT39" s="123">
        <v>0</v>
      </c>
      <c r="MU39" s="123">
        <v>0</v>
      </c>
      <c r="MV39" s="123">
        <v>0</v>
      </c>
      <c r="MW39" s="123">
        <v>0</v>
      </c>
      <c r="MX39" s="123">
        <v>0</v>
      </c>
      <c r="MY39" s="124">
        <v>0</v>
      </c>
      <c r="MZ39" s="161">
        <v>0</v>
      </c>
      <c r="NA39" s="160">
        <v>0</v>
      </c>
      <c r="NB39" s="123">
        <v>0</v>
      </c>
      <c r="NC39" s="124">
        <v>0</v>
      </c>
      <c r="ND39" s="163"/>
      <c r="NE39" s="123">
        <v>0</v>
      </c>
      <c r="NF39" s="123">
        <v>0</v>
      </c>
      <c r="NG39" s="123">
        <v>235550</v>
      </c>
      <c r="NH39" s="123">
        <v>0</v>
      </c>
      <c r="NI39" s="123">
        <v>0</v>
      </c>
      <c r="NJ39" s="124">
        <v>235550</v>
      </c>
      <c r="NK39" s="354">
        <v>235550</v>
      </c>
      <c r="NL39" s="160">
        <v>0</v>
      </c>
      <c r="NM39" s="123">
        <v>0</v>
      </c>
      <c r="NN39" s="124">
        <v>0</v>
      </c>
      <c r="NO39" s="163"/>
      <c r="NP39" s="123">
        <v>0</v>
      </c>
      <c r="NQ39" s="123">
        <v>0</v>
      </c>
      <c r="NR39" s="123">
        <v>0</v>
      </c>
      <c r="NS39" s="123">
        <v>0</v>
      </c>
      <c r="NT39" s="123">
        <v>0</v>
      </c>
      <c r="NU39" s="124">
        <v>0</v>
      </c>
      <c r="NV39" s="125">
        <v>0</v>
      </c>
      <c r="NW39" s="160">
        <v>0</v>
      </c>
      <c r="NX39" s="123">
        <v>0</v>
      </c>
      <c r="NY39" s="124">
        <v>0</v>
      </c>
      <c r="NZ39" s="163"/>
      <c r="OA39" s="123">
        <v>0</v>
      </c>
      <c r="OB39" s="123">
        <v>0</v>
      </c>
      <c r="OC39" s="123">
        <v>0</v>
      </c>
      <c r="OD39" s="123">
        <v>0</v>
      </c>
      <c r="OE39" s="123">
        <v>0</v>
      </c>
      <c r="OF39" s="124">
        <v>0</v>
      </c>
      <c r="OG39" s="125">
        <v>0</v>
      </c>
      <c r="OH39" s="160">
        <v>0</v>
      </c>
      <c r="OI39" s="123">
        <v>10150</v>
      </c>
      <c r="OJ39" s="159">
        <v>10150</v>
      </c>
      <c r="OK39" s="122">
        <v>0</v>
      </c>
      <c r="OL39" s="123">
        <v>186410</v>
      </c>
      <c r="OM39" s="123">
        <v>284158</v>
      </c>
      <c r="ON39" s="123">
        <v>691229</v>
      </c>
      <c r="OO39" s="123">
        <v>480603</v>
      </c>
      <c r="OP39" s="123">
        <v>10780</v>
      </c>
      <c r="OQ39" s="124">
        <v>1653180</v>
      </c>
      <c r="OR39" s="161">
        <v>1663330</v>
      </c>
    </row>
    <row r="40" spans="1:408" ht="20.25" customHeight="1" x14ac:dyDescent="0.2">
      <c r="A40" s="130" t="s">
        <v>35</v>
      </c>
      <c r="B40" s="113">
        <v>177711</v>
      </c>
      <c r="C40" s="117">
        <v>223407</v>
      </c>
      <c r="D40" s="116">
        <v>401118</v>
      </c>
      <c r="E40" s="112">
        <v>0</v>
      </c>
      <c r="F40" s="117">
        <v>725417</v>
      </c>
      <c r="G40" s="117">
        <v>574455</v>
      </c>
      <c r="H40" s="117">
        <v>843528</v>
      </c>
      <c r="I40" s="117">
        <v>1022103</v>
      </c>
      <c r="J40" s="117">
        <v>443303</v>
      </c>
      <c r="K40" s="201">
        <v>3608806</v>
      </c>
      <c r="L40" s="119">
        <v>4009924</v>
      </c>
      <c r="M40" s="113">
        <v>39011</v>
      </c>
      <c r="N40" s="117">
        <v>24899</v>
      </c>
      <c r="O40" s="116">
        <v>63910</v>
      </c>
      <c r="P40" s="113">
        <v>0</v>
      </c>
      <c r="Q40" s="117">
        <v>288779</v>
      </c>
      <c r="R40" s="117">
        <v>177632</v>
      </c>
      <c r="S40" s="117">
        <v>295564</v>
      </c>
      <c r="T40" s="117">
        <v>331455</v>
      </c>
      <c r="U40" s="117">
        <v>335489</v>
      </c>
      <c r="V40" s="116">
        <v>1428919</v>
      </c>
      <c r="W40" s="119">
        <v>1492829</v>
      </c>
      <c r="X40" s="113">
        <v>0</v>
      </c>
      <c r="Y40" s="117">
        <v>0</v>
      </c>
      <c r="Z40" s="116">
        <v>0</v>
      </c>
      <c r="AA40" s="113">
        <v>0</v>
      </c>
      <c r="AB40" s="117">
        <v>241753</v>
      </c>
      <c r="AC40" s="117">
        <v>135835</v>
      </c>
      <c r="AD40" s="117">
        <v>226390</v>
      </c>
      <c r="AE40" s="117">
        <v>200716</v>
      </c>
      <c r="AF40" s="117">
        <v>0</v>
      </c>
      <c r="AG40" s="116">
        <v>804694</v>
      </c>
      <c r="AH40" s="119">
        <v>804694</v>
      </c>
      <c r="AI40" s="113">
        <v>0</v>
      </c>
      <c r="AJ40" s="117">
        <v>0</v>
      </c>
      <c r="AK40" s="116">
        <v>0</v>
      </c>
      <c r="AL40" s="113">
        <v>0</v>
      </c>
      <c r="AM40" s="117">
        <v>0</v>
      </c>
      <c r="AN40" s="117">
        <v>0</v>
      </c>
      <c r="AO40" s="117">
        <v>0</v>
      </c>
      <c r="AP40" s="117">
        <v>0</v>
      </c>
      <c r="AQ40" s="117">
        <v>0</v>
      </c>
      <c r="AR40" s="116">
        <v>0</v>
      </c>
      <c r="AS40" s="119">
        <v>0</v>
      </c>
      <c r="AT40" s="113">
        <v>0</v>
      </c>
      <c r="AU40" s="117">
        <v>0</v>
      </c>
      <c r="AV40" s="116">
        <v>0</v>
      </c>
      <c r="AW40" s="113">
        <v>0</v>
      </c>
      <c r="AX40" s="117">
        <v>0</v>
      </c>
      <c r="AY40" s="117">
        <v>16044</v>
      </c>
      <c r="AZ40" s="117">
        <v>29974</v>
      </c>
      <c r="BA40" s="117">
        <v>85155</v>
      </c>
      <c r="BB40" s="117">
        <v>315420</v>
      </c>
      <c r="BC40" s="116">
        <v>446593</v>
      </c>
      <c r="BD40" s="119">
        <v>446593</v>
      </c>
      <c r="BE40" s="113">
        <v>0</v>
      </c>
      <c r="BF40" s="117">
        <v>0</v>
      </c>
      <c r="BG40" s="115">
        <v>0</v>
      </c>
      <c r="BH40" s="114">
        <v>0</v>
      </c>
      <c r="BI40" s="117">
        <v>0</v>
      </c>
      <c r="BJ40" s="117">
        <v>17528</v>
      </c>
      <c r="BK40" s="117">
        <v>17528</v>
      </c>
      <c r="BL40" s="117">
        <v>0</v>
      </c>
      <c r="BM40" s="117">
        <v>0</v>
      </c>
      <c r="BN40" s="116">
        <v>35056</v>
      </c>
      <c r="BO40" s="119">
        <v>35056</v>
      </c>
      <c r="BP40" s="113">
        <v>39011</v>
      </c>
      <c r="BQ40" s="117">
        <v>24899</v>
      </c>
      <c r="BR40" s="116">
        <v>63910</v>
      </c>
      <c r="BS40" s="113">
        <v>0</v>
      </c>
      <c r="BT40" s="117">
        <v>47026</v>
      </c>
      <c r="BU40" s="117">
        <v>8225</v>
      </c>
      <c r="BV40" s="117">
        <v>21672</v>
      </c>
      <c r="BW40" s="117">
        <v>45584</v>
      </c>
      <c r="BX40" s="117">
        <v>20069</v>
      </c>
      <c r="BY40" s="116">
        <v>142576</v>
      </c>
      <c r="BZ40" s="119">
        <v>206486</v>
      </c>
      <c r="CA40" s="113">
        <v>0</v>
      </c>
      <c r="CB40" s="117">
        <v>31822</v>
      </c>
      <c r="CC40" s="116">
        <v>31822</v>
      </c>
      <c r="CD40" s="113">
        <v>0</v>
      </c>
      <c r="CE40" s="117">
        <v>160413</v>
      </c>
      <c r="CF40" s="117">
        <v>314783</v>
      </c>
      <c r="CG40" s="117">
        <v>63035</v>
      </c>
      <c r="CH40" s="117">
        <v>79989</v>
      </c>
      <c r="CI40" s="117">
        <v>56994</v>
      </c>
      <c r="CJ40" s="116">
        <v>675214</v>
      </c>
      <c r="CK40" s="119">
        <v>707036</v>
      </c>
      <c r="CL40" s="113">
        <v>0</v>
      </c>
      <c r="CM40" s="117">
        <v>0</v>
      </c>
      <c r="CN40" s="116">
        <v>0</v>
      </c>
      <c r="CO40" s="114">
        <v>0</v>
      </c>
      <c r="CP40" s="117">
        <v>131657</v>
      </c>
      <c r="CQ40" s="117">
        <v>270277</v>
      </c>
      <c r="CR40" s="117">
        <v>47929</v>
      </c>
      <c r="CS40" s="117">
        <v>0</v>
      </c>
      <c r="CT40" s="117">
        <v>0</v>
      </c>
      <c r="CU40" s="116">
        <v>449863</v>
      </c>
      <c r="CV40" s="119">
        <v>449863</v>
      </c>
      <c r="CW40" s="113">
        <v>0</v>
      </c>
      <c r="CX40" s="117">
        <v>31822</v>
      </c>
      <c r="CY40" s="116">
        <v>31822</v>
      </c>
      <c r="CZ40" s="113">
        <v>0</v>
      </c>
      <c r="DA40" s="117">
        <v>28756</v>
      </c>
      <c r="DB40" s="117">
        <v>44506</v>
      </c>
      <c r="DC40" s="117">
        <v>15106</v>
      </c>
      <c r="DD40" s="117">
        <v>79989</v>
      </c>
      <c r="DE40" s="117">
        <v>56994</v>
      </c>
      <c r="DF40" s="116">
        <v>225351</v>
      </c>
      <c r="DG40" s="119">
        <v>257173</v>
      </c>
      <c r="DH40" s="113">
        <v>0</v>
      </c>
      <c r="DI40" s="117">
        <v>0</v>
      </c>
      <c r="DJ40" s="115">
        <v>0</v>
      </c>
      <c r="DK40" s="114">
        <v>0</v>
      </c>
      <c r="DL40" s="117">
        <v>0</v>
      </c>
      <c r="DM40" s="117">
        <v>0</v>
      </c>
      <c r="DN40" s="117">
        <v>26446</v>
      </c>
      <c r="DO40" s="117">
        <v>0</v>
      </c>
      <c r="DP40" s="117">
        <v>0</v>
      </c>
      <c r="DQ40" s="116">
        <v>26446</v>
      </c>
      <c r="DR40" s="119">
        <v>26446</v>
      </c>
      <c r="DS40" s="113">
        <v>0</v>
      </c>
      <c r="DT40" s="117">
        <v>0</v>
      </c>
      <c r="DU40" s="116">
        <v>0</v>
      </c>
      <c r="DV40" s="113">
        <v>0</v>
      </c>
      <c r="DW40" s="117">
        <v>0</v>
      </c>
      <c r="DX40" s="117">
        <v>0</v>
      </c>
      <c r="DY40" s="117">
        <v>0</v>
      </c>
      <c r="DZ40" s="117">
        <v>0</v>
      </c>
      <c r="EA40" s="117">
        <v>0</v>
      </c>
      <c r="EB40" s="116">
        <v>0</v>
      </c>
      <c r="EC40" s="119">
        <v>0</v>
      </c>
      <c r="ED40" s="113">
        <v>0</v>
      </c>
      <c r="EE40" s="115">
        <v>0</v>
      </c>
      <c r="EF40" s="116">
        <v>0</v>
      </c>
      <c r="EG40" s="113">
        <v>0</v>
      </c>
      <c r="EH40" s="117">
        <v>0</v>
      </c>
      <c r="EI40" s="117">
        <v>0</v>
      </c>
      <c r="EJ40" s="117">
        <v>26446</v>
      </c>
      <c r="EK40" s="117">
        <v>0</v>
      </c>
      <c r="EL40" s="117">
        <v>0</v>
      </c>
      <c r="EM40" s="115">
        <v>26446</v>
      </c>
      <c r="EN40" s="119">
        <v>26446</v>
      </c>
      <c r="EO40" s="113">
        <v>0</v>
      </c>
      <c r="EP40" s="117">
        <v>0</v>
      </c>
      <c r="EQ40" s="115">
        <v>0</v>
      </c>
      <c r="ER40" s="114">
        <v>0</v>
      </c>
      <c r="ES40" s="117">
        <v>0</v>
      </c>
      <c r="ET40" s="117">
        <v>0</v>
      </c>
      <c r="EU40" s="117">
        <v>0</v>
      </c>
      <c r="EV40" s="117">
        <v>0</v>
      </c>
      <c r="EW40" s="117">
        <v>0</v>
      </c>
      <c r="EX40" s="116">
        <v>0</v>
      </c>
      <c r="EY40" s="119">
        <v>0</v>
      </c>
      <c r="EZ40" s="113">
        <v>0</v>
      </c>
      <c r="FA40" s="117">
        <v>0</v>
      </c>
      <c r="FB40" s="115">
        <v>0</v>
      </c>
      <c r="FC40" s="387"/>
      <c r="FD40" s="117">
        <v>0</v>
      </c>
      <c r="FE40" s="117">
        <v>0</v>
      </c>
      <c r="FF40" s="117">
        <v>0</v>
      </c>
      <c r="FG40" s="117">
        <v>0</v>
      </c>
      <c r="FH40" s="117">
        <v>0</v>
      </c>
      <c r="FI40" s="116">
        <v>0</v>
      </c>
      <c r="FJ40" s="119">
        <v>0</v>
      </c>
      <c r="FK40" s="113">
        <v>5250</v>
      </c>
      <c r="FL40" s="117">
        <v>1400</v>
      </c>
      <c r="FM40" s="116">
        <v>6650</v>
      </c>
      <c r="FN40" s="113">
        <v>0</v>
      </c>
      <c r="FO40" s="117">
        <v>17528</v>
      </c>
      <c r="FP40" s="117">
        <v>82040</v>
      </c>
      <c r="FQ40" s="117">
        <v>117740</v>
      </c>
      <c r="FR40" s="117">
        <v>66220</v>
      </c>
      <c r="FS40" s="117">
        <v>50820</v>
      </c>
      <c r="FT40" s="116">
        <v>334348</v>
      </c>
      <c r="FU40" s="119">
        <v>340998</v>
      </c>
      <c r="FV40" s="118">
        <v>5250</v>
      </c>
      <c r="FW40" s="117">
        <v>1400</v>
      </c>
      <c r="FX40" s="115">
        <v>6650</v>
      </c>
      <c r="FY40" s="114">
        <v>0</v>
      </c>
      <c r="FZ40" s="117">
        <v>17528</v>
      </c>
      <c r="GA40" s="117">
        <v>82040</v>
      </c>
      <c r="GB40" s="117">
        <v>117740</v>
      </c>
      <c r="GC40" s="117">
        <v>66220</v>
      </c>
      <c r="GD40" s="117">
        <v>50820</v>
      </c>
      <c r="GE40" s="116">
        <v>334348</v>
      </c>
      <c r="GF40" s="351">
        <v>340998</v>
      </c>
      <c r="GG40" s="118">
        <v>0</v>
      </c>
      <c r="GH40" s="117">
        <v>0</v>
      </c>
      <c r="GI40" s="115">
        <v>0</v>
      </c>
      <c r="GJ40" s="114">
        <v>0</v>
      </c>
      <c r="GK40" s="117">
        <v>0</v>
      </c>
      <c r="GL40" s="117">
        <v>0</v>
      </c>
      <c r="GM40" s="117">
        <v>0</v>
      </c>
      <c r="GN40" s="117">
        <v>0</v>
      </c>
      <c r="GO40" s="117">
        <v>0</v>
      </c>
      <c r="GP40" s="116">
        <v>0</v>
      </c>
      <c r="GQ40" s="119">
        <v>0</v>
      </c>
      <c r="GR40" s="113">
        <v>0</v>
      </c>
      <c r="GS40" s="117">
        <v>0</v>
      </c>
      <c r="GT40" s="116">
        <v>0</v>
      </c>
      <c r="GU40" s="113">
        <v>0</v>
      </c>
      <c r="GV40" s="117">
        <v>0</v>
      </c>
      <c r="GW40" s="117">
        <v>0</v>
      </c>
      <c r="GX40" s="117">
        <v>0</v>
      </c>
      <c r="GY40" s="117">
        <v>0</v>
      </c>
      <c r="GZ40" s="117">
        <v>0</v>
      </c>
      <c r="HA40" s="115">
        <v>0</v>
      </c>
      <c r="HB40" s="119">
        <v>0</v>
      </c>
      <c r="HC40" s="113">
        <v>133450</v>
      </c>
      <c r="HD40" s="117">
        <v>165286</v>
      </c>
      <c r="HE40" s="115">
        <v>298736</v>
      </c>
      <c r="HF40" s="114">
        <v>0</v>
      </c>
      <c r="HG40" s="117">
        <v>258697</v>
      </c>
      <c r="HH40" s="117">
        <v>0</v>
      </c>
      <c r="HI40" s="117">
        <v>340743</v>
      </c>
      <c r="HJ40" s="117">
        <v>544439</v>
      </c>
      <c r="HK40" s="117">
        <v>0</v>
      </c>
      <c r="HL40" s="116">
        <v>1143879</v>
      </c>
      <c r="HM40" s="112">
        <v>1442615</v>
      </c>
      <c r="HN40" s="367"/>
      <c r="HO40" s="368"/>
      <c r="HP40" s="369"/>
      <c r="HQ40" s="370"/>
      <c r="HR40" s="368"/>
      <c r="HS40" s="368"/>
      <c r="HT40" s="368"/>
      <c r="HU40" s="368"/>
      <c r="HV40" s="368"/>
      <c r="HW40" s="371"/>
      <c r="HX40" s="372"/>
      <c r="HY40" s="168">
        <v>0</v>
      </c>
      <c r="HZ40" s="153">
        <v>0</v>
      </c>
      <c r="IA40" s="168">
        <v>0</v>
      </c>
      <c r="IB40" s="164">
        <v>0</v>
      </c>
      <c r="IC40" s="150">
        <v>85421</v>
      </c>
      <c r="ID40" s="165">
        <v>0</v>
      </c>
      <c r="IE40" s="151">
        <v>263921</v>
      </c>
      <c r="IF40" s="150">
        <v>0</v>
      </c>
      <c r="IG40" s="151">
        <v>0</v>
      </c>
      <c r="IH40" s="166">
        <v>349342</v>
      </c>
      <c r="II40" s="168">
        <v>349342</v>
      </c>
      <c r="IJ40" s="262">
        <v>0</v>
      </c>
      <c r="IK40" s="269">
        <v>0</v>
      </c>
      <c r="IL40" s="270">
        <v>0</v>
      </c>
      <c r="IM40" s="158"/>
      <c r="IN40" s="123">
        <v>0</v>
      </c>
      <c r="IO40" s="123">
        <v>0</v>
      </c>
      <c r="IP40" s="123">
        <v>0</v>
      </c>
      <c r="IQ40" s="123">
        <v>0</v>
      </c>
      <c r="IR40" s="123">
        <v>0</v>
      </c>
      <c r="IS40" s="159">
        <v>0</v>
      </c>
      <c r="IT40" s="354">
        <v>0</v>
      </c>
      <c r="IU40" s="160">
        <v>0</v>
      </c>
      <c r="IV40" s="123">
        <v>0</v>
      </c>
      <c r="IW40" s="124">
        <v>0</v>
      </c>
      <c r="IX40" s="162"/>
      <c r="IY40" s="123">
        <v>0</v>
      </c>
      <c r="IZ40" s="123">
        <v>0</v>
      </c>
      <c r="JA40" s="123">
        <v>0</v>
      </c>
      <c r="JB40" s="123">
        <v>0</v>
      </c>
      <c r="JC40" s="123">
        <v>0</v>
      </c>
      <c r="JD40" s="124">
        <v>0</v>
      </c>
      <c r="JE40" s="125">
        <v>0</v>
      </c>
      <c r="JF40" s="160">
        <v>0</v>
      </c>
      <c r="JG40" s="123">
        <v>0</v>
      </c>
      <c r="JH40" s="159">
        <v>0</v>
      </c>
      <c r="JI40" s="122">
        <v>0</v>
      </c>
      <c r="JJ40" s="123">
        <v>85421</v>
      </c>
      <c r="JK40" s="123">
        <v>0</v>
      </c>
      <c r="JL40" s="123">
        <v>0</v>
      </c>
      <c r="JM40" s="123">
        <v>0</v>
      </c>
      <c r="JN40" s="123">
        <v>0</v>
      </c>
      <c r="JO40" s="124">
        <v>85421</v>
      </c>
      <c r="JP40" s="354">
        <v>85421</v>
      </c>
      <c r="JQ40" s="160">
        <v>0</v>
      </c>
      <c r="JR40" s="123">
        <v>0</v>
      </c>
      <c r="JS40" s="159">
        <v>0</v>
      </c>
      <c r="JT40" s="122">
        <v>0</v>
      </c>
      <c r="JU40" s="123">
        <v>0</v>
      </c>
      <c r="JV40" s="123">
        <v>0</v>
      </c>
      <c r="JW40" s="123">
        <v>0</v>
      </c>
      <c r="JX40" s="123">
        <v>0</v>
      </c>
      <c r="JY40" s="123">
        <v>0</v>
      </c>
      <c r="JZ40" s="124">
        <v>0</v>
      </c>
      <c r="KA40" s="354">
        <v>0</v>
      </c>
      <c r="KB40" s="265">
        <v>0</v>
      </c>
      <c r="KC40" s="259">
        <v>0</v>
      </c>
      <c r="KD40" s="124">
        <v>0</v>
      </c>
      <c r="KE40" s="122">
        <v>0</v>
      </c>
      <c r="KF40" s="123">
        <v>0</v>
      </c>
      <c r="KG40" s="123">
        <v>0</v>
      </c>
      <c r="KH40" s="123">
        <v>54439</v>
      </c>
      <c r="KI40" s="123">
        <v>0</v>
      </c>
      <c r="KJ40" s="123">
        <v>0</v>
      </c>
      <c r="KK40" s="124">
        <v>54439</v>
      </c>
      <c r="KL40" s="161">
        <v>54439</v>
      </c>
      <c r="KM40" s="262">
        <v>0</v>
      </c>
      <c r="KN40" s="269">
        <v>0</v>
      </c>
      <c r="KO40" s="270">
        <v>0</v>
      </c>
      <c r="KP40" s="158">
        <v>0</v>
      </c>
      <c r="KQ40" s="123">
        <v>0</v>
      </c>
      <c r="KR40" s="123">
        <v>0</v>
      </c>
      <c r="KS40" s="123">
        <v>209482</v>
      </c>
      <c r="KT40" s="123">
        <v>0</v>
      </c>
      <c r="KU40" s="123">
        <v>0</v>
      </c>
      <c r="KV40" s="124">
        <v>209482</v>
      </c>
      <c r="KW40" s="354">
        <v>209482</v>
      </c>
      <c r="KX40" s="160">
        <v>0</v>
      </c>
      <c r="KY40" s="123">
        <v>0</v>
      </c>
      <c r="KZ40" s="124">
        <v>0</v>
      </c>
      <c r="LA40" s="163">
        <v>0</v>
      </c>
      <c r="LB40" s="123">
        <v>0</v>
      </c>
      <c r="LC40" s="123">
        <v>0</v>
      </c>
      <c r="LD40" s="123">
        <v>0</v>
      </c>
      <c r="LE40" s="123">
        <v>0</v>
      </c>
      <c r="LF40" s="123">
        <v>0</v>
      </c>
      <c r="LG40" s="124">
        <v>0</v>
      </c>
      <c r="LH40" s="125">
        <v>0</v>
      </c>
      <c r="LI40" s="160">
        <v>0</v>
      </c>
      <c r="LJ40" s="123">
        <v>0</v>
      </c>
      <c r="LK40" s="124">
        <v>0</v>
      </c>
      <c r="LL40" s="163"/>
      <c r="LM40" s="123">
        <v>0</v>
      </c>
      <c r="LN40" s="123">
        <v>0</v>
      </c>
      <c r="LO40" s="123">
        <v>0</v>
      </c>
      <c r="LP40" s="123">
        <v>0</v>
      </c>
      <c r="LQ40" s="123">
        <v>0</v>
      </c>
      <c r="LR40" s="124">
        <v>0</v>
      </c>
      <c r="LS40" s="354">
        <v>0</v>
      </c>
      <c r="LT40" s="160">
        <v>0</v>
      </c>
      <c r="LU40" s="123">
        <v>0</v>
      </c>
      <c r="LV40" s="124">
        <v>0</v>
      </c>
      <c r="LW40" s="163"/>
      <c r="LX40" s="123">
        <v>0</v>
      </c>
      <c r="LY40" s="123">
        <v>0</v>
      </c>
      <c r="LZ40" s="123">
        <v>0</v>
      </c>
      <c r="MA40" s="123">
        <v>0</v>
      </c>
      <c r="MB40" s="123">
        <v>0</v>
      </c>
      <c r="MC40" s="124">
        <v>0</v>
      </c>
      <c r="MD40" s="125">
        <v>0</v>
      </c>
      <c r="ME40" s="160">
        <v>0</v>
      </c>
      <c r="MF40" s="123">
        <v>0</v>
      </c>
      <c r="MG40" s="124">
        <v>0</v>
      </c>
      <c r="MH40" s="163"/>
      <c r="MI40" s="123">
        <v>0</v>
      </c>
      <c r="MJ40" s="123">
        <v>0</v>
      </c>
      <c r="MK40" s="123">
        <v>423885</v>
      </c>
      <c r="ML40" s="123">
        <v>476511</v>
      </c>
      <c r="MM40" s="123">
        <v>0</v>
      </c>
      <c r="MN40" s="124">
        <v>900396</v>
      </c>
      <c r="MO40" s="161">
        <v>900396</v>
      </c>
      <c r="MP40" s="160">
        <v>0</v>
      </c>
      <c r="MQ40" s="123">
        <v>0</v>
      </c>
      <c r="MR40" s="124">
        <v>0</v>
      </c>
      <c r="MS40" s="163"/>
      <c r="MT40" s="123">
        <v>0</v>
      </c>
      <c r="MU40" s="123">
        <v>0</v>
      </c>
      <c r="MV40" s="123">
        <v>188363</v>
      </c>
      <c r="MW40" s="123">
        <v>228109</v>
      </c>
      <c r="MX40" s="123">
        <v>0</v>
      </c>
      <c r="MY40" s="124">
        <v>416472</v>
      </c>
      <c r="MZ40" s="161">
        <v>416472</v>
      </c>
      <c r="NA40" s="160">
        <v>0</v>
      </c>
      <c r="NB40" s="123">
        <v>0</v>
      </c>
      <c r="NC40" s="124">
        <v>0</v>
      </c>
      <c r="ND40" s="163"/>
      <c r="NE40" s="123">
        <v>0</v>
      </c>
      <c r="NF40" s="123">
        <v>0</v>
      </c>
      <c r="NG40" s="123">
        <v>235522</v>
      </c>
      <c r="NH40" s="123">
        <v>248402</v>
      </c>
      <c r="NI40" s="123">
        <v>0</v>
      </c>
      <c r="NJ40" s="124">
        <v>483924</v>
      </c>
      <c r="NK40" s="354">
        <v>483924</v>
      </c>
      <c r="NL40" s="160">
        <v>0</v>
      </c>
      <c r="NM40" s="123">
        <v>0</v>
      </c>
      <c r="NN40" s="124">
        <v>0</v>
      </c>
      <c r="NO40" s="163"/>
      <c r="NP40" s="123">
        <v>0</v>
      </c>
      <c r="NQ40" s="123">
        <v>0</v>
      </c>
      <c r="NR40" s="123">
        <v>0</v>
      </c>
      <c r="NS40" s="123">
        <v>0</v>
      </c>
      <c r="NT40" s="123">
        <v>0</v>
      </c>
      <c r="NU40" s="124">
        <v>0</v>
      </c>
      <c r="NV40" s="125">
        <v>0</v>
      </c>
      <c r="NW40" s="160">
        <v>0</v>
      </c>
      <c r="NX40" s="123">
        <v>0</v>
      </c>
      <c r="NY40" s="124">
        <v>0</v>
      </c>
      <c r="NZ40" s="163"/>
      <c r="OA40" s="123">
        <v>0</v>
      </c>
      <c r="OB40" s="123">
        <v>0</v>
      </c>
      <c r="OC40" s="123">
        <v>0</v>
      </c>
      <c r="OD40" s="123">
        <v>0</v>
      </c>
      <c r="OE40" s="123">
        <v>0</v>
      </c>
      <c r="OF40" s="124">
        <v>0</v>
      </c>
      <c r="OG40" s="125">
        <v>0</v>
      </c>
      <c r="OH40" s="160">
        <v>177711</v>
      </c>
      <c r="OI40" s="123">
        <v>223407</v>
      </c>
      <c r="OJ40" s="159">
        <v>401118</v>
      </c>
      <c r="OK40" s="122">
        <v>0</v>
      </c>
      <c r="OL40" s="123">
        <v>810838</v>
      </c>
      <c r="OM40" s="123">
        <v>574455</v>
      </c>
      <c r="ON40" s="123">
        <v>1531334</v>
      </c>
      <c r="OO40" s="123">
        <v>1498614</v>
      </c>
      <c r="OP40" s="123">
        <v>443303</v>
      </c>
      <c r="OQ40" s="124">
        <v>4858544</v>
      </c>
      <c r="OR40" s="161">
        <v>5259662</v>
      </c>
    </row>
    <row r="41" spans="1:408" ht="20.25" customHeight="1" x14ac:dyDescent="0.2">
      <c r="A41" s="130" t="s">
        <v>36</v>
      </c>
      <c r="B41" s="113">
        <v>0</v>
      </c>
      <c r="C41" s="117">
        <v>75826</v>
      </c>
      <c r="D41" s="116">
        <v>75826</v>
      </c>
      <c r="E41" s="112">
        <v>0</v>
      </c>
      <c r="F41" s="117">
        <v>384539</v>
      </c>
      <c r="G41" s="117">
        <v>646498</v>
      </c>
      <c r="H41" s="117">
        <v>653502</v>
      </c>
      <c r="I41" s="117">
        <v>1287714</v>
      </c>
      <c r="J41" s="117">
        <v>51793</v>
      </c>
      <c r="K41" s="201">
        <v>3024046</v>
      </c>
      <c r="L41" s="119">
        <v>3099872</v>
      </c>
      <c r="M41" s="113">
        <v>0</v>
      </c>
      <c r="N41" s="117">
        <v>29388</v>
      </c>
      <c r="O41" s="116">
        <v>29388</v>
      </c>
      <c r="P41" s="113">
        <v>0</v>
      </c>
      <c r="Q41" s="117">
        <v>179822</v>
      </c>
      <c r="R41" s="117">
        <v>69512</v>
      </c>
      <c r="S41" s="117">
        <v>49826</v>
      </c>
      <c r="T41" s="117">
        <v>353765</v>
      </c>
      <c r="U41" s="117">
        <v>36057</v>
      </c>
      <c r="V41" s="116">
        <v>688982</v>
      </c>
      <c r="W41" s="119">
        <v>718370</v>
      </c>
      <c r="X41" s="113">
        <v>0</v>
      </c>
      <c r="Y41" s="117">
        <v>0</v>
      </c>
      <c r="Z41" s="116">
        <v>0</v>
      </c>
      <c r="AA41" s="113">
        <v>0</v>
      </c>
      <c r="AB41" s="117">
        <v>121180</v>
      </c>
      <c r="AC41" s="117">
        <v>11144</v>
      </c>
      <c r="AD41" s="117">
        <v>0</v>
      </c>
      <c r="AE41" s="117">
        <v>177735</v>
      </c>
      <c r="AF41" s="117">
        <v>0</v>
      </c>
      <c r="AG41" s="116">
        <v>310059</v>
      </c>
      <c r="AH41" s="119">
        <v>310059</v>
      </c>
      <c r="AI41" s="113">
        <v>0</v>
      </c>
      <c r="AJ41" s="117">
        <v>0</v>
      </c>
      <c r="AK41" s="116">
        <v>0</v>
      </c>
      <c r="AL41" s="113">
        <v>0</v>
      </c>
      <c r="AM41" s="117">
        <v>0</v>
      </c>
      <c r="AN41" s="117">
        <v>0</v>
      </c>
      <c r="AO41" s="117">
        <v>0</v>
      </c>
      <c r="AP41" s="117">
        <v>0</v>
      </c>
      <c r="AQ41" s="117">
        <v>0</v>
      </c>
      <c r="AR41" s="116">
        <v>0</v>
      </c>
      <c r="AS41" s="119">
        <v>0</v>
      </c>
      <c r="AT41" s="113">
        <v>0</v>
      </c>
      <c r="AU41" s="117">
        <v>25776</v>
      </c>
      <c r="AV41" s="116">
        <v>25776</v>
      </c>
      <c r="AW41" s="113">
        <v>0</v>
      </c>
      <c r="AX41" s="117">
        <v>58642</v>
      </c>
      <c r="AY41" s="117">
        <v>38166</v>
      </c>
      <c r="AZ41" s="117">
        <v>0</v>
      </c>
      <c r="BA41" s="117">
        <v>82251</v>
      </c>
      <c r="BB41" s="117">
        <v>36057</v>
      </c>
      <c r="BC41" s="116">
        <v>215116</v>
      </c>
      <c r="BD41" s="119">
        <v>240892</v>
      </c>
      <c r="BE41" s="113">
        <v>0</v>
      </c>
      <c r="BF41" s="117">
        <v>0</v>
      </c>
      <c r="BG41" s="115">
        <v>0</v>
      </c>
      <c r="BH41" s="114">
        <v>0</v>
      </c>
      <c r="BI41" s="117">
        <v>0</v>
      </c>
      <c r="BJ41" s="117">
        <v>0</v>
      </c>
      <c r="BK41" s="117">
        <v>0</v>
      </c>
      <c r="BL41" s="117">
        <v>32326</v>
      </c>
      <c r="BM41" s="117">
        <v>0</v>
      </c>
      <c r="BN41" s="116">
        <v>32326</v>
      </c>
      <c r="BO41" s="119">
        <v>32326</v>
      </c>
      <c r="BP41" s="113">
        <v>0</v>
      </c>
      <c r="BQ41" s="117">
        <v>3612</v>
      </c>
      <c r="BR41" s="116">
        <v>3612</v>
      </c>
      <c r="BS41" s="113">
        <v>0</v>
      </c>
      <c r="BT41" s="117">
        <v>0</v>
      </c>
      <c r="BU41" s="117">
        <v>20202</v>
      </c>
      <c r="BV41" s="117">
        <v>49826</v>
      </c>
      <c r="BW41" s="117">
        <v>61453</v>
      </c>
      <c r="BX41" s="117">
        <v>0</v>
      </c>
      <c r="BY41" s="116">
        <v>131481</v>
      </c>
      <c r="BZ41" s="119">
        <v>135093</v>
      </c>
      <c r="CA41" s="113">
        <v>0</v>
      </c>
      <c r="CB41" s="117">
        <v>32648</v>
      </c>
      <c r="CC41" s="116">
        <v>32648</v>
      </c>
      <c r="CD41" s="113">
        <v>0</v>
      </c>
      <c r="CE41" s="117">
        <v>181617</v>
      </c>
      <c r="CF41" s="117">
        <v>122334</v>
      </c>
      <c r="CG41" s="117">
        <v>106169</v>
      </c>
      <c r="CH41" s="117">
        <v>109886</v>
      </c>
      <c r="CI41" s="117">
        <v>0</v>
      </c>
      <c r="CJ41" s="116">
        <v>520006</v>
      </c>
      <c r="CK41" s="119">
        <v>552654</v>
      </c>
      <c r="CL41" s="113">
        <v>0</v>
      </c>
      <c r="CM41" s="117">
        <v>0</v>
      </c>
      <c r="CN41" s="116">
        <v>0</v>
      </c>
      <c r="CO41" s="114">
        <v>0</v>
      </c>
      <c r="CP41" s="117">
        <v>157417</v>
      </c>
      <c r="CQ41" s="117">
        <v>122334</v>
      </c>
      <c r="CR41" s="117">
        <v>106169</v>
      </c>
      <c r="CS41" s="117">
        <v>31223</v>
      </c>
      <c r="CT41" s="117">
        <v>0</v>
      </c>
      <c r="CU41" s="116">
        <v>417143</v>
      </c>
      <c r="CV41" s="119">
        <v>417143</v>
      </c>
      <c r="CW41" s="113">
        <v>0</v>
      </c>
      <c r="CX41" s="117">
        <v>32648</v>
      </c>
      <c r="CY41" s="116">
        <v>32648</v>
      </c>
      <c r="CZ41" s="113">
        <v>0</v>
      </c>
      <c r="DA41" s="117">
        <v>24200</v>
      </c>
      <c r="DB41" s="117">
        <v>0</v>
      </c>
      <c r="DC41" s="117">
        <v>0</v>
      </c>
      <c r="DD41" s="117">
        <v>78663</v>
      </c>
      <c r="DE41" s="117">
        <v>0</v>
      </c>
      <c r="DF41" s="116">
        <v>102863</v>
      </c>
      <c r="DG41" s="119">
        <v>135511</v>
      </c>
      <c r="DH41" s="113">
        <v>0</v>
      </c>
      <c r="DI41" s="117">
        <v>0</v>
      </c>
      <c r="DJ41" s="115">
        <v>0</v>
      </c>
      <c r="DK41" s="114">
        <v>0</v>
      </c>
      <c r="DL41" s="117">
        <v>0</v>
      </c>
      <c r="DM41" s="117">
        <v>115353</v>
      </c>
      <c r="DN41" s="117">
        <v>119349</v>
      </c>
      <c r="DO41" s="117">
        <v>377542</v>
      </c>
      <c r="DP41" s="117">
        <v>0</v>
      </c>
      <c r="DQ41" s="116">
        <v>612244</v>
      </c>
      <c r="DR41" s="119">
        <v>612244</v>
      </c>
      <c r="DS41" s="113">
        <v>0</v>
      </c>
      <c r="DT41" s="117">
        <v>0</v>
      </c>
      <c r="DU41" s="116">
        <v>0</v>
      </c>
      <c r="DV41" s="113">
        <v>0</v>
      </c>
      <c r="DW41" s="117">
        <v>0</v>
      </c>
      <c r="DX41" s="117">
        <v>115353</v>
      </c>
      <c r="DY41" s="117">
        <v>119349</v>
      </c>
      <c r="DZ41" s="117">
        <v>377542</v>
      </c>
      <c r="EA41" s="117">
        <v>0</v>
      </c>
      <c r="EB41" s="116">
        <v>612244</v>
      </c>
      <c r="EC41" s="119">
        <v>612244</v>
      </c>
      <c r="ED41" s="113">
        <v>0</v>
      </c>
      <c r="EE41" s="115">
        <v>0</v>
      </c>
      <c r="EF41" s="116">
        <v>0</v>
      </c>
      <c r="EG41" s="113">
        <v>0</v>
      </c>
      <c r="EH41" s="117">
        <v>0</v>
      </c>
      <c r="EI41" s="117">
        <v>0</v>
      </c>
      <c r="EJ41" s="117">
        <v>0</v>
      </c>
      <c r="EK41" s="117">
        <v>0</v>
      </c>
      <c r="EL41" s="117">
        <v>0</v>
      </c>
      <c r="EM41" s="115">
        <v>0</v>
      </c>
      <c r="EN41" s="119">
        <v>0</v>
      </c>
      <c r="EO41" s="113">
        <v>0</v>
      </c>
      <c r="EP41" s="117">
        <v>0</v>
      </c>
      <c r="EQ41" s="115">
        <v>0</v>
      </c>
      <c r="ER41" s="114">
        <v>0</v>
      </c>
      <c r="ES41" s="117">
        <v>0</v>
      </c>
      <c r="ET41" s="117">
        <v>0</v>
      </c>
      <c r="EU41" s="117">
        <v>0</v>
      </c>
      <c r="EV41" s="117">
        <v>0</v>
      </c>
      <c r="EW41" s="117">
        <v>0</v>
      </c>
      <c r="EX41" s="116">
        <v>0</v>
      </c>
      <c r="EY41" s="119">
        <v>0</v>
      </c>
      <c r="EZ41" s="113">
        <v>0</v>
      </c>
      <c r="FA41" s="117">
        <v>0</v>
      </c>
      <c r="FB41" s="115">
        <v>0</v>
      </c>
      <c r="FC41" s="387"/>
      <c r="FD41" s="117">
        <v>0</v>
      </c>
      <c r="FE41" s="117">
        <v>0</v>
      </c>
      <c r="FF41" s="117">
        <v>0</v>
      </c>
      <c r="FG41" s="117">
        <v>0</v>
      </c>
      <c r="FH41" s="117">
        <v>0</v>
      </c>
      <c r="FI41" s="116">
        <v>0</v>
      </c>
      <c r="FJ41" s="119">
        <v>0</v>
      </c>
      <c r="FK41" s="113">
        <v>0</v>
      </c>
      <c r="FL41" s="117">
        <v>13790</v>
      </c>
      <c r="FM41" s="116">
        <v>13790</v>
      </c>
      <c r="FN41" s="113">
        <v>0</v>
      </c>
      <c r="FO41" s="117">
        <v>23100</v>
      </c>
      <c r="FP41" s="117">
        <v>37205</v>
      </c>
      <c r="FQ41" s="117">
        <v>41916</v>
      </c>
      <c r="FR41" s="117">
        <v>71260</v>
      </c>
      <c r="FS41" s="117">
        <v>15736</v>
      </c>
      <c r="FT41" s="116">
        <v>189217</v>
      </c>
      <c r="FU41" s="119">
        <v>203007</v>
      </c>
      <c r="FV41" s="118">
        <v>0</v>
      </c>
      <c r="FW41" s="117">
        <v>13790</v>
      </c>
      <c r="FX41" s="115">
        <v>13790</v>
      </c>
      <c r="FY41" s="114">
        <v>0</v>
      </c>
      <c r="FZ41" s="117">
        <v>23100</v>
      </c>
      <c r="GA41" s="117">
        <v>37205</v>
      </c>
      <c r="GB41" s="117">
        <v>41916</v>
      </c>
      <c r="GC41" s="117">
        <v>71260</v>
      </c>
      <c r="GD41" s="117">
        <v>15736</v>
      </c>
      <c r="GE41" s="116">
        <v>189217</v>
      </c>
      <c r="GF41" s="351">
        <v>203007</v>
      </c>
      <c r="GG41" s="118">
        <v>0</v>
      </c>
      <c r="GH41" s="117">
        <v>0</v>
      </c>
      <c r="GI41" s="115">
        <v>0</v>
      </c>
      <c r="GJ41" s="114">
        <v>0</v>
      </c>
      <c r="GK41" s="117">
        <v>0</v>
      </c>
      <c r="GL41" s="117">
        <v>0</v>
      </c>
      <c r="GM41" s="117">
        <v>0</v>
      </c>
      <c r="GN41" s="117">
        <v>0</v>
      </c>
      <c r="GO41" s="117">
        <v>0</v>
      </c>
      <c r="GP41" s="116">
        <v>0</v>
      </c>
      <c r="GQ41" s="119">
        <v>0</v>
      </c>
      <c r="GR41" s="113">
        <v>0</v>
      </c>
      <c r="GS41" s="117">
        <v>0</v>
      </c>
      <c r="GT41" s="116">
        <v>0</v>
      </c>
      <c r="GU41" s="113">
        <v>0</v>
      </c>
      <c r="GV41" s="117">
        <v>0</v>
      </c>
      <c r="GW41" s="117">
        <v>0</v>
      </c>
      <c r="GX41" s="117">
        <v>0</v>
      </c>
      <c r="GY41" s="117">
        <v>0</v>
      </c>
      <c r="GZ41" s="117">
        <v>0</v>
      </c>
      <c r="HA41" s="115">
        <v>0</v>
      </c>
      <c r="HB41" s="119">
        <v>0</v>
      </c>
      <c r="HC41" s="113">
        <v>0</v>
      </c>
      <c r="HD41" s="117">
        <v>0</v>
      </c>
      <c r="HE41" s="115">
        <v>0</v>
      </c>
      <c r="HF41" s="114">
        <v>0</v>
      </c>
      <c r="HG41" s="117">
        <v>0</v>
      </c>
      <c r="HH41" s="117">
        <v>302094</v>
      </c>
      <c r="HI41" s="117">
        <v>336242</v>
      </c>
      <c r="HJ41" s="117">
        <v>375261</v>
      </c>
      <c r="HK41" s="117">
        <v>0</v>
      </c>
      <c r="HL41" s="116">
        <v>1013597</v>
      </c>
      <c r="HM41" s="112">
        <v>1013597</v>
      </c>
      <c r="HN41" s="367"/>
      <c r="HO41" s="368"/>
      <c r="HP41" s="369"/>
      <c r="HQ41" s="370"/>
      <c r="HR41" s="368"/>
      <c r="HS41" s="368"/>
      <c r="HT41" s="368"/>
      <c r="HU41" s="368"/>
      <c r="HV41" s="368"/>
      <c r="HW41" s="371"/>
      <c r="HX41" s="372"/>
      <c r="HY41" s="149">
        <v>0</v>
      </c>
      <c r="HZ41" s="150">
        <v>0</v>
      </c>
      <c r="IA41" s="151">
        <v>0</v>
      </c>
      <c r="IB41" s="164">
        <v>0</v>
      </c>
      <c r="IC41" s="150">
        <v>16070</v>
      </c>
      <c r="ID41" s="165">
        <v>191453</v>
      </c>
      <c r="IE41" s="151">
        <v>218579</v>
      </c>
      <c r="IF41" s="150">
        <v>444195</v>
      </c>
      <c r="IG41" s="151">
        <v>0</v>
      </c>
      <c r="IH41" s="166">
        <v>870297</v>
      </c>
      <c r="II41" s="157">
        <v>870297</v>
      </c>
      <c r="IJ41" s="262">
        <v>0</v>
      </c>
      <c r="IK41" s="269">
        <v>0</v>
      </c>
      <c r="IL41" s="270">
        <v>0</v>
      </c>
      <c r="IM41" s="158"/>
      <c r="IN41" s="123">
        <v>0</v>
      </c>
      <c r="IO41" s="123">
        <v>0</v>
      </c>
      <c r="IP41" s="123">
        <v>0</v>
      </c>
      <c r="IQ41" s="123">
        <v>0</v>
      </c>
      <c r="IR41" s="123">
        <v>0</v>
      </c>
      <c r="IS41" s="159">
        <v>0</v>
      </c>
      <c r="IT41" s="354">
        <v>0</v>
      </c>
      <c r="IU41" s="160">
        <v>0</v>
      </c>
      <c r="IV41" s="123">
        <v>0</v>
      </c>
      <c r="IW41" s="124">
        <v>0</v>
      </c>
      <c r="IX41" s="162"/>
      <c r="IY41" s="123">
        <v>0</v>
      </c>
      <c r="IZ41" s="123">
        <v>0</v>
      </c>
      <c r="JA41" s="123">
        <v>0</v>
      </c>
      <c r="JB41" s="123">
        <v>0</v>
      </c>
      <c r="JC41" s="123">
        <v>0</v>
      </c>
      <c r="JD41" s="124">
        <v>0</v>
      </c>
      <c r="JE41" s="125">
        <v>0</v>
      </c>
      <c r="JF41" s="160">
        <v>0</v>
      </c>
      <c r="JG41" s="123">
        <v>0</v>
      </c>
      <c r="JH41" s="159">
        <v>0</v>
      </c>
      <c r="JI41" s="122">
        <v>0</v>
      </c>
      <c r="JJ41" s="123">
        <v>16070</v>
      </c>
      <c r="JK41" s="123">
        <v>191453</v>
      </c>
      <c r="JL41" s="123">
        <v>0</v>
      </c>
      <c r="JM41" s="123">
        <v>221505</v>
      </c>
      <c r="JN41" s="123">
        <v>0</v>
      </c>
      <c r="JO41" s="124">
        <v>429028</v>
      </c>
      <c r="JP41" s="354">
        <v>429028</v>
      </c>
      <c r="JQ41" s="160">
        <v>0</v>
      </c>
      <c r="JR41" s="123">
        <v>0</v>
      </c>
      <c r="JS41" s="159">
        <v>0</v>
      </c>
      <c r="JT41" s="122">
        <v>0</v>
      </c>
      <c r="JU41" s="123">
        <v>0</v>
      </c>
      <c r="JV41" s="123">
        <v>0</v>
      </c>
      <c r="JW41" s="123">
        <v>0</v>
      </c>
      <c r="JX41" s="123">
        <v>0</v>
      </c>
      <c r="JY41" s="123">
        <v>0</v>
      </c>
      <c r="JZ41" s="124">
        <v>0</v>
      </c>
      <c r="KA41" s="354">
        <v>0</v>
      </c>
      <c r="KB41" s="265">
        <v>0</v>
      </c>
      <c r="KC41" s="259">
        <v>0</v>
      </c>
      <c r="KD41" s="124">
        <v>0</v>
      </c>
      <c r="KE41" s="122">
        <v>0</v>
      </c>
      <c r="KF41" s="123">
        <v>0</v>
      </c>
      <c r="KG41" s="123">
        <v>0</v>
      </c>
      <c r="KH41" s="123">
        <v>0</v>
      </c>
      <c r="KI41" s="123">
        <v>0</v>
      </c>
      <c r="KJ41" s="123">
        <v>0</v>
      </c>
      <c r="KK41" s="124">
        <v>0</v>
      </c>
      <c r="KL41" s="161">
        <v>0</v>
      </c>
      <c r="KM41" s="262">
        <v>0</v>
      </c>
      <c r="KN41" s="269">
        <v>0</v>
      </c>
      <c r="KO41" s="270">
        <v>0</v>
      </c>
      <c r="KP41" s="158">
        <v>0</v>
      </c>
      <c r="KQ41" s="123">
        <v>0</v>
      </c>
      <c r="KR41" s="123">
        <v>0</v>
      </c>
      <c r="KS41" s="123">
        <v>218579</v>
      </c>
      <c r="KT41" s="123">
        <v>222690</v>
      </c>
      <c r="KU41" s="123">
        <v>0</v>
      </c>
      <c r="KV41" s="124">
        <v>441269</v>
      </c>
      <c r="KW41" s="354">
        <v>441269</v>
      </c>
      <c r="KX41" s="160">
        <v>0</v>
      </c>
      <c r="KY41" s="123">
        <v>0</v>
      </c>
      <c r="KZ41" s="124">
        <v>0</v>
      </c>
      <c r="LA41" s="163">
        <v>0</v>
      </c>
      <c r="LB41" s="123">
        <v>0</v>
      </c>
      <c r="LC41" s="123">
        <v>0</v>
      </c>
      <c r="LD41" s="123">
        <v>0</v>
      </c>
      <c r="LE41" s="123">
        <v>0</v>
      </c>
      <c r="LF41" s="123">
        <v>0</v>
      </c>
      <c r="LG41" s="124">
        <v>0</v>
      </c>
      <c r="LH41" s="125">
        <v>0</v>
      </c>
      <c r="LI41" s="160">
        <v>0</v>
      </c>
      <c r="LJ41" s="123">
        <v>0</v>
      </c>
      <c r="LK41" s="124">
        <v>0</v>
      </c>
      <c r="LL41" s="163"/>
      <c r="LM41" s="123">
        <v>0</v>
      </c>
      <c r="LN41" s="123">
        <v>0</v>
      </c>
      <c r="LO41" s="123">
        <v>0</v>
      </c>
      <c r="LP41" s="123">
        <v>0</v>
      </c>
      <c r="LQ41" s="123">
        <v>0</v>
      </c>
      <c r="LR41" s="124">
        <v>0</v>
      </c>
      <c r="LS41" s="354">
        <v>0</v>
      </c>
      <c r="LT41" s="160">
        <v>0</v>
      </c>
      <c r="LU41" s="123">
        <v>0</v>
      </c>
      <c r="LV41" s="124">
        <v>0</v>
      </c>
      <c r="LW41" s="163"/>
      <c r="LX41" s="123">
        <v>0</v>
      </c>
      <c r="LY41" s="123">
        <v>0</v>
      </c>
      <c r="LZ41" s="123">
        <v>0</v>
      </c>
      <c r="MA41" s="123">
        <v>0</v>
      </c>
      <c r="MB41" s="123">
        <v>0</v>
      </c>
      <c r="MC41" s="124">
        <v>0</v>
      </c>
      <c r="MD41" s="125">
        <v>0</v>
      </c>
      <c r="ME41" s="160">
        <v>0</v>
      </c>
      <c r="MF41" s="123">
        <v>0</v>
      </c>
      <c r="MG41" s="124">
        <v>0</v>
      </c>
      <c r="MH41" s="163"/>
      <c r="MI41" s="123">
        <v>190086</v>
      </c>
      <c r="MJ41" s="123">
        <v>0</v>
      </c>
      <c r="MK41" s="123">
        <v>0</v>
      </c>
      <c r="ML41" s="123">
        <v>681390</v>
      </c>
      <c r="MM41" s="123">
        <v>572619</v>
      </c>
      <c r="MN41" s="124">
        <v>1444095</v>
      </c>
      <c r="MO41" s="161">
        <v>1444095</v>
      </c>
      <c r="MP41" s="160">
        <v>0</v>
      </c>
      <c r="MQ41" s="123">
        <v>0</v>
      </c>
      <c r="MR41" s="124">
        <v>0</v>
      </c>
      <c r="MS41" s="163"/>
      <c r="MT41" s="123">
        <v>0</v>
      </c>
      <c r="MU41" s="123">
        <v>0</v>
      </c>
      <c r="MV41" s="123">
        <v>0</v>
      </c>
      <c r="MW41" s="123">
        <v>213934</v>
      </c>
      <c r="MX41" s="123">
        <v>316382</v>
      </c>
      <c r="MY41" s="124">
        <v>530316</v>
      </c>
      <c r="MZ41" s="161">
        <v>530316</v>
      </c>
      <c r="NA41" s="160">
        <v>0</v>
      </c>
      <c r="NB41" s="123">
        <v>0</v>
      </c>
      <c r="NC41" s="124">
        <v>0</v>
      </c>
      <c r="ND41" s="163"/>
      <c r="NE41" s="123">
        <v>190086</v>
      </c>
      <c r="NF41" s="123">
        <v>0</v>
      </c>
      <c r="NG41" s="123">
        <v>0</v>
      </c>
      <c r="NH41" s="123">
        <v>467456</v>
      </c>
      <c r="NI41" s="123">
        <v>256237</v>
      </c>
      <c r="NJ41" s="124">
        <v>913779</v>
      </c>
      <c r="NK41" s="354">
        <v>913779</v>
      </c>
      <c r="NL41" s="160">
        <v>0</v>
      </c>
      <c r="NM41" s="123">
        <v>0</v>
      </c>
      <c r="NN41" s="124">
        <v>0</v>
      </c>
      <c r="NO41" s="163"/>
      <c r="NP41" s="123">
        <v>0</v>
      </c>
      <c r="NQ41" s="123">
        <v>0</v>
      </c>
      <c r="NR41" s="123">
        <v>0</v>
      </c>
      <c r="NS41" s="123">
        <v>0</v>
      </c>
      <c r="NT41" s="123">
        <v>0</v>
      </c>
      <c r="NU41" s="124">
        <v>0</v>
      </c>
      <c r="NV41" s="125">
        <v>0</v>
      </c>
      <c r="NW41" s="160">
        <v>0</v>
      </c>
      <c r="NX41" s="123">
        <v>0</v>
      </c>
      <c r="NY41" s="124">
        <v>0</v>
      </c>
      <c r="NZ41" s="163"/>
      <c r="OA41" s="123">
        <v>0</v>
      </c>
      <c r="OB41" s="123">
        <v>0</v>
      </c>
      <c r="OC41" s="123">
        <v>0</v>
      </c>
      <c r="OD41" s="123">
        <v>0</v>
      </c>
      <c r="OE41" s="123">
        <v>0</v>
      </c>
      <c r="OF41" s="124">
        <v>0</v>
      </c>
      <c r="OG41" s="125">
        <v>0</v>
      </c>
      <c r="OH41" s="160">
        <v>0</v>
      </c>
      <c r="OI41" s="123">
        <v>75826</v>
      </c>
      <c r="OJ41" s="159">
        <v>75826</v>
      </c>
      <c r="OK41" s="122">
        <v>0</v>
      </c>
      <c r="OL41" s="123">
        <v>590695</v>
      </c>
      <c r="OM41" s="123">
        <v>837951</v>
      </c>
      <c r="ON41" s="123">
        <v>872081</v>
      </c>
      <c r="OO41" s="123">
        <v>2413299</v>
      </c>
      <c r="OP41" s="123">
        <v>624412</v>
      </c>
      <c r="OQ41" s="124">
        <v>5338438</v>
      </c>
      <c r="OR41" s="161">
        <v>5414264</v>
      </c>
    </row>
    <row r="42" spans="1:408" ht="20.25" customHeight="1" thickBot="1" x14ac:dyDescent="0.25">
      <c r="A42" s="131" t="s">
        <v>37</v>
      </c>
      <c r="B42" s="120">
        <v>0</v>
      </c>
      <c r="C42" s="206">
        <v>0</v>
      </c>
      <c r="D42" s="207">
        <v>0</v>
      </c>
      <c r="E42" s="208">
        <v>0</v>
      </c>
      <c r="F42" s="206">
        <v>0</v>
      </c>
      <c r="G42" s="206">
        <v>0</v>
      </c>
      <c r="H42" s="206">
        <v>0</v>
      </c>
      <c r="I42" s="206">
        <v>418487</v>
      </c>
      <c r="J42" s="206">
        <v>215772</v>
      </c>
      <c r="K42" s="208">
        <v>634259</v>
      </c>
      <c r="L42" s="209">
        <v>634259</v>
      </c>
      <c r="M42" s="120">
        <v>0</v>
      </c>
      <c r="N42" s="206">
        <v>0</v>
      </c>
      <c r="O42" s="207">
        <v>0</v>
      </c>
      <c r="P42" s="120">
        <v>0</v>
      </c>
      <c r="Q42" s="206">
        <v>0</v>
      </c>
      <c r="R42" s="206">
        <v>0</v>
      </c>
      <c r="S42" s="206">
        <v>0</v>
      </c>
      <c r="T42" s="206">
        <v>8400</v>
      </c>
      <c r="U42" s="206">
        <v>187912</v>
      </c>
      <c r="V42" s="207">
        <v>196312</v>
      </c>
      <c r="W42" s="209">
        <v>196312</v>
      </c>
      <c r="X42" s="120">
        <v>0</v>
      </c>
      <c r="Y42" s="206">
        <v>0</v>
      </c>
      <c r="Z42" s="207">
        <v>0</v>
      </c>
      <c r="AA42" s="120">
        <v>0</v>
      </c>
      <c r="AB42" s="206">
        <v>0</v>
      </c>
      <c r="AC42" s="206">
        <v>0</v>
      </c>
      <c r="AD42" s="206">
        <v>0</v>
      </c>
      <c r="AE42" s="206">
        <v>0</v>
      </c>
      <c r="AF42" s="206">
        <v>89264</v>
      </c>
      <c r="AG42" s="207">
        <v>89264</v>
      </c>
      <c r="AH42" s="209">
        <v>89264</v>
      </c>
      <c r="AI42" s="120">
        <v>0</v>
      </c>
      <c r="AJ42" s="206">
        <v>0</v>
      </c>
      <c r="AK42" s="207">
        <v>0</v>
      </c>
      <c r="AL42" s="120">
        <v>0</v>
      </c>
      <c r="AM42" s="206">
        <v>0</v>
      </c>
      <c r="AN42" s="206">
        <v>0</v>
      </c>
      <c r="AO42" s="206">
        <v>0</v>
      </c>
      <c r="AP42" s="206">
        <v>0</v>
      </c>
      <c r="AQ42" s="206">
        <v>0</v>
      </c>
      <c r="AR42" s="207">
        <v>0</v>
      </c>
      <c r="AS42" s="209">
        <v>0</v>
      </c>
      <c r="AT42" s="120">
        <v>0</v>
      </c>
      <c r="AU42" s="206">
        <v>0</v>
      </c>
      <c r="AV42" s="207">
        <v>0</v>
      </c>
      <c r="AW42" s="120">
        <v>0</v>
      </c>
      <c r="AX42" s="206">
        <v>0</v>
      </c>
      <c r="AY42" s="206">
        <v>0</v>
      </c>
      <c r="AZ42" s="206">
        <v>0</v>
      </c>
      <c r="BA42" s="206">
        <v>0</v>
      </c>
      <c r="BB42" s="206">
        <v>87238</v>
      </c>
      <c r="BC42" s="207">
        <v>87238</v>
      </c>
      <c r="BD42" s="209">
        <v>87238</v>
      </c>
      <c r="BE42" s="120">
        <v>0</v>
      </c>
      <c r="BF42" s="206">
        <v>0</v>
      </c>
      <c r="BG42" s="211">
        <v>0</v>
      </c>
      <c r="BH42" s="210">
        <v>0</v>
      </c>
      <c r="BI42" s="206">
        <v>0</v>
      </c>
      <c r="BJ42" s="206">
        <v>0</v>
      </c>
      <c r="BK42" s="206">
        <v>0</v>
      </c>
      <c r="BL42" s="206">
        <v>0</v>
      </c>
      <c r="BM42" s="206">
        <v>0</v>
      </c>
      <c r="BN42" s="207">
        <v>0</v>
      </c>
      <c r="BO42" s="209">
        <v>0</v>
      </c>
      <c r="BP42" s="120">
        <v>0</v>
      </c>
      <c r="BQ42" s="206">
        <v>0</v>
      </c>
      <c r="BR42" s="207">
        <v>0</v>
      </c>
      <c r="BS42" s="120">
        <v>0</v>
      </c>
      <c r="BT42" s="206">
        <v>0</v>
      </c>
      <c r="BU42" s="206">
        <v>0</v>
      </c>
      <c r="BV42" s="206">
        <v>0</v>
      </c>
      <c r="BW42" s="206">
        <v>8400</v>
      </c>
      <c r="BX42" s="206">
        <v>11410</v>
      </c>
      <c r="BY42" s="207">
        <v>19810</v>
      </c>
      <c r="BZ42" s="209">
        <v>19810</v>
      </c>
      <c r="CA42" s="120">
        <v>0</v>
      </c>
      <c r="CB42" s="206">
        <v>0</v>
      </c>
      <c r="CC42" s="207">
        <v>0</v>
      </c>
      <c r="CD42" s="120">
        <v>0</v>
      </c>
      <c r="CE42" s="206">
        <v>0</v>
      </c>
      <c r="CF42" s="206">
        <v>0</v>
      </c>
      <c r="CG42" s="206">
        <v>0</v>
      </c>
      <c r="CH42" s="206">
        <v>93198</v>
      </c>
      <c r="CI42" s="206">
        <v>0</v>
      </c>
      <c r="CJ42" s="207">
        <v>93198</v>
      </c>
      <c r="CK42" s="209">
        <v>93198</v>
      </c>
      <c r="CL42" s="120">
        <v>0</v>
      </c>
      <c r="CM42" s="206">
        <v>0</v>
      </c>
      <c r="CN42" s="207">
        <v>0</v>
      </c>
      <c r="CO42" s="210">
        <v>0</v>
      </c>
      <c r="CP42" s="206">
        <v>0</v>
      </c>
      <c r="CQ42" s="206">
        <v>0</v>
      </c>
      <c r="CR42" s="206">
        <v>0</v>
      </c>
      <c r="CS42" s="206">
        <v>93198</v>
      </c>
      <c r="CT42" s="206">
        <v>0</v>
      </c>
      <c r="CU42" s="207">
        <v>93198</v>
      </c>
      <c r="CV42" s="209">
        <v>93198</v>
      </c>
      <c r="CW42" s="120">
        <v>0</v>
      </c>
      <c r="CX42" s="206">
        <v>0</v>
      </c>
      <c r="CY42" s="207">
        <v>0</v>
      </c>
      <c r="CZ42" s="120">
        <v>0</v>
      </c>
      <c r="DA42" s="206">
        <v>0</v>
      </c>
      <c r="DB42" s="206">
        <v>0</v>
      </c>
      <c r="DC42" s="206">
        <v>0</v>
      </c>
      <c r="DD42" s="206">
        <v>0</v>
      </c>
      <c r="DE42" s="206">
        <v>0</v>
      </c>
      <c r="DF42" s="207">
        <v>0</v>
      </c>
      <c r="DG42" s="209">
        <v>0</v>
      </c>
      <c r="DH42" s="120">
        <v>0</v>
      </c>
      <c r="DI42" s="206">
        <v>0</v>
      </c>
      <c r="DJ42" s="211">
        <v>0</v>
      </c>
      <c r="DK42" s="210">
        <v>0</v>
      </c>
      <c r="DL42" s="206">
        <v>0</v>
      </c>
      <c r="DM42" s="206">
        <v>0</v>
      </c>
      <c r="DN42" s="206">
        <v>0</v>
      </c>
      <c r="DO42" s="206">
        <v>126281</v>
      </c>
      <c r="DP42" s="206">
        <v>0</v>
      </c>
      <c r="DQ42" s="207">
        <v>126281</v>
      </c>
      <c r="DR42" s="209">
        <v>126281</v>
      </c>
      <c r="DS42" s="120">
        <v>0</v>
      </c>
      <c r="DT42" s="206">
        <v>0</v>
      </c>
      <c r="DU42" s="207">
        <v>0</v>
      </c>
      <c r="DV42" s="120">
        <v>0</v>
      </c>
      <c r="DW42" s="206">
        <v>0</v>
      </c>
      <c r="DX42" s="206">
        <v>0</v>
      </c>
      <c r="DY42" s="206">
        <v>0</v>
      </c>
      <c r="DZ42" s="206">
        <v>0</v>
      </c>
      <c r="EA42" s="206">
        <v>0</v>
      </c>
      <c r="EB42" s="207">
        <v>0</v>
      </c>
      <c r="EC42" s="209">
        <v>0</v>
      </c>
      <c r="ED42" s="120">
        <v>0</v>
      </c>
      <c r="EE42" s="211">
        <v>0</v>
      </c>
      <c r="EF42" s="207">
        <v>0</v>
      </c>
      <c r="EG42" s="120">
        <v>0</v>
      </c>
      <c r="EH42" s="206">
        <v>0</v>
      </c>
      <c r="EI42" s="206">
        <v>0</v>
      </c>
      <c r="EJ42" s="206">
        <v>0</v>
      </c>
      <c r="EK42" s="206">
        <v>126281</v>
      </c>
      <c r="EL42" s="206">
        <v>0</v>
      </c>
      <c r="EM42" s="211">
        <v>126281</v>
      </c>
      <c r="EN42" s="209">
        <v>126281</v>
      </c>
      <c r="EO42" s="120">
        <v>0</v>
      </c>
      <c r="EP42" s="206">
        <v>0</v>
      </c>
      <c r="EQ42" s="211">
        <v>0</v>
      </c>
      <c r="ER42" s="210">
        <v>0</v>
      </c>
      <c r="ES42" s="206">
        <v>0</v>
      </c>
      <c r="ET42" s="206">
        <v>0</v>
      </c>
      <c r="EU42" s="206">
        <v>0</v>
      </c>
      <c r="EV42" s="206">
        <v>0</v>
      </c>
      <c r="EW42" s="206">
        <v>0</v>
      </c>
      <c r="EX42" s="207">
        <v>0</v>
      </c>
      <c r="EY42" s="209">
        <v>0</v>
      </c>
      <c r="EZ42" s="120">
        <v>0</v>
      </c>
      <c r="FA42" s="206">
        <v>0</v>
      </c>
      <c r="FB42" s="211">
        <v>0</v>
      </c>
      <c r="FC42" s="388"/>
      <c r="FD42" s="206">
        <v>0</v>
      </c>
      <c r="FE42" s="206">
        <v>0</v>
      </c>
      <c r="FF42" s="206">
        <v>0</v>
      </c>
      <c r="FG42" s="206">
        <v>0</v>
      </c>
      <c r="FH42" s="206">
        <v>0</v>
      </c>
      <c r="FI42" s="207">
        <v>0</v>
      </c>
      <c r="FJ42" s="209">
        <v>0</v>
      </c>
      <c r="FK42" s="120">
        <v>0</v>
      </c>
      <c r="FL42" s="206">
        <v>0</v>
      </c>
      <c r="FM42" s="207">
        <v>0</v>
      </c>
      <c r="FN42" s="120">
        <v>0</v>
      </c>
      <c r="FO42" s="206">
        <v>0</v>
      </c>
      <c r="FP42" s="206">
        <v>0</v>
      </c>
      <c r="FQ42" s="206">
        <v>0</v>
      </c>
      <c r="FR42" s="206">
        <v>5600</v>
      </c>
      <c r="FS42" s="206">
        <v>27860</v>
      </c>
      <c r="FT42" s="207">
        <v>33460</v>
      </c>
      <c r="FU42" s="209">
        <v>33460</v>
      </c>
      <c r="FV42" s="212">
        <v>0</v>
      </c>
      <c r="FW42" s="206">
        <v>0</v>
      </c>
      <c r="FX42" s="211">
        <v>0</v>
      </c>
      <c r="FY42" s="210">
        <v>0</v>
      </c>
      <c r="FZ42" s="206">
        <v>0</v>
      </c>
      <c r="GA42" s="206">
        <v>0</v>
      </c>
      <c r="GB42" s="206">
        <v>0</v>
      </c>
      <c r="GC42" s="206">
        <v>5600</v>
      </c>
      <c r="GD42" s="206">
        <v>27860</v>
      </c>
      <c r="GE42" s="207">
        <v>33460</v>
      </c>
      <c r="GF42" s="352">
        <v>33460</v>
      </c>
      <c r="GG42" s="212">
        <v>0</v>
      </c>
      <c r="GH42" s="206">
        <v>0</v>
      </c>
      <c r="GI42" s="211">
        <v>0</v>
      </c>
      <c r="GJ42" s="210">
        <v>0</v>
      </c>
      <c r="GK42" s="206">
        <v>0</v>
      </c>
      <c r="GL42" s="206">
        <v>0</v>
      </c>
      <c r="GM42" s="206">
        <v>0</v>
      </c>
      <c r="GN42" s="206">
        <v>0</v>
      </c>
      <c r="GO42" s="206">
        <v>0</v>
      </c>
      <c r="GP42" s="207">
        <v>0</v>
      </c>
      <c r="GQ42" s="209">
        <v>0</v>
      </c>
      <c r="GR42" s="120">
        <v>0</v>
      </c>
      <c r="GS42" s="206">
        <v>0</v>
      </c>
      <c r="GT42" s="207">
        <v>0</v>
      </c>
      <c r="GU42" s="120">
        <v>0</v>
      </c>
      <c r="GV42" s="206">
        <v>0</v>
      </c>
      <c r="GW42" s="206">
        <v>0</v>
      </c>
      <c r="GX42" s="206">
        <v>0</v>
      </c>
      <c r="GY42" s="206">
        <v>0</v>
      </c>
      <c r="GZ42" s="206">
        <v>0</v>
      </c>
      <c r="HA42" s="211">
        <v>0</v>
      </c>
      <c r="HB42" s="209">
        <v>0</v>
      </c>
      <c r="HC42" s="120">
        <v>0</v>
      </c>
      <c r="HD42" s="206">
        <v>0</v>
      </c>
      <c r="HE42" s="211">
        <v>0</v>
      </c>
      <c r="HF42" s="210">
        <v>0</v>
      </c>
      <c r="HG42" s="206">
        <v>0</v>
      </c>
      <c r="HH42" s="206">
        <v>0</v>
      </c>
      <c r="HI42" s="206">
        <v>0</v>
      </c>
      <c r="HJ42" s="206">
        <v>185008</v>
      </c>
      <c r="HK42" s="206">
        <v>0</v>
      </c>
      <c r="HL42" s="207">
        <v>185008</v>
      </c>
      <c r="HM42" s="208">
        <v>185008</v>
      </c>
      <c r="HN42" s="373"/>
      <c r="HO42" s="374"/>
      <c r="HP42" s="375"/>
      <c r="HQ42" s="376"/>
      <c r="HR42" s="374"/>
      <c r="HS42" s="374"/>
      <c r="HT42" s="374"/>
      <c r="HU42" s="374"/>
      <c r="HV42" s="374"/>
      <c r="HW42" s="377"/>
      <c r="HX42" s="378"/>
      <c r="HY42" s="169">
        <v>0</v>
      </c>
      <c r="HZ42" s="170">
        <v>0</v>
      </c>
      <c r="IA42" s="171">
        <v>0</v>
      </c>
      <c r="IB42" s="172">
        <v>0</v>
      </c>
      <c r="IC42" s="173">
        <v>0</v>
      </c>
      <c r="ID42" s="174">
        <v>0</v>
      </c>
      <c r="IE42" s="175">
        <v>0</v>
      </c>
      <c r="IF42" s="173">
        <v>0</v>
      </c>
      <c r="IG42" s="175">
        <v>38475</v>
      </c>
      <c r="IH42" s="176">
        <v>38475</v>
      </c>
      <c r="II42" s="177">
        <v>38475</v>
      </c>
      <c r="IJ42" s="263">
        <v>0</v>
      </c>
      <c r="IK42" s="271">
        <v>0</v>
      </c>
      <c r="IL42" s="272">
        <v>0</v>
      </c>
      <c r="IM42" s="178"/>
      <c r="IN42" s="179">
        <v>0</v>
      </c>
      <c r="IO42" s="179">
        <v>0</v>
      </c>
      <c r="IP42" s="179">
        <v>0</v>
      </c>
      <c r="IQ42" s="179">
        <v>0</v>
      </c>
      <c r="IR42" s="179">
        <v>0</v>
      </c>
      <c r="IS42" s="180">
        <v>0</v>
      </c>
      <c r="IT42" s="355">
        <v>0</v>
      </c>
      <c r="IU42" s="181">
        <v>0</v>
      </c>
      <c r="IV42" s="179">
        <v>0</v>
      </c>
      <c r="IW42" s="183">
        <v>0</v>
      </c>
      <c r="IX42" s="186"/>
      <c r="IY42" s="179">
        <v>0</v>
      </c>
      <c r="IZ42" s="179">
        <v>0</v>
      </c>
      <c r="JA42" s="179">
        <v>0</v>
      </c>
      <c r="JB42" s="179">
        <v>0</v>
      </c>
      <c r="JC42" s="179">
        <v>0</v>
      </c>
      <c r="JD42" s="183">
        <v>0</v>
      </c>
      <c r="JE42" s="184">
        <v>0</v>
      </c>
      <c r="JF42" s="181">
        <v>0</v>
      </c>
      <c r="JG42" s="179">
        <v>0</v>
      </c>
      <c r="JH42" s="180">
        <v>0</v>
      </c>
      <c r="JI42" s="182">
        <v>0</v>
      </c>
      <c r="JJ42" s="179">
        <v>0</v>
      </c>
      <c r="JK42" s="179">
        <v>0</v>
      </c>
      <c r="JL42" s="179">
        <v>0</v>
      </c>
      <c r="JM42" s="179">
        <v>0</v>
      </c>
      <c r="JN42" s="179">
        <v>38475</v>
      </c>
      <c r="JO42" s="183">
        <v>38475</v>
      </c>
      <c r="JP42" s="355">
        <v>38475</v>
      </c>
      <c r="JQ42" s="181">
        <v>0</v>
      </c>
      <c r="JR42" s="179">
        <v>0</v>
      </c>
      <c r="JS42" s="180">
        <v>0</v>
      </c>
      <c r="JT42" s="182">
        <v>0</v>
      </c>
      <c r="JU42" s="179">
        <v>0</v>
      </c>
      <c r="JV42" s="179">
        <v>0</v>
      </c>
      <c r="JW42" s="179">
        <v>0</v>
      </c>
      <c r="JX42" s="179">
        <v>0</v>
      </c>
      <c r="JY42" s="179">
        <v>0</v>
      </c>
      <c r="JZ42" s="183">
        <v>0</v>
      </c>
      <c r="KA42" s="355">
        <v>0</v>
      </c>
      <c r="KB42" s="266">
        <v>0</v>
      </c>
      <c r="KC42" s="260">
        <v>0</v>
      </c>
      <c r="KD42" s="183">
        <v>0</v>
      </c>
      <c r="KE42" s="182">
        <v>0</v>
      </c>
      <c r="KF42" s="179">
        <v>0</v>
      </c>
      <c r="KG42" s="179">
        <v>0</v>
      </c>
      <c r="KH42" s="179">
        <v>0</v>
      </c>
      <c r="KI42" s="179">
        <v>0</v>
      </c>
      <c r="KJ42" s="179">
        <v>0</v>
      </c>
      <c r="KK42" s="183">
        <v>0</v>
      </c>
      <c r="KL42" s="185">
        <v>0</v>
      </c>
      <c r="KM42" s="263">
        <v>0</v>
      </c>
      <c r="KN42" s="271">
        <v>0</v>
      </c>
      <c r="KO42" s="272">
        <v>0</v>
      </c>
      <c r="KP42" s="178">
        <v>0</v>
      </c>
      <c r="KQ42" s="179">
        <v>0</v>
      </c>
      <c r="KR42" s="179">
        <v>0</v>
      </c>
      <c r="KS42" s="179">
        <v>0</v>
      </c>
      <c r="KT42" s="179">
        <v>0</v>
      </c>
      <c r="KU42" s="179">
        <v>0</v>
      </c>
      <c r="KV42" s="183">
        <v>0</v>
      </c>
      <c r="KW42" s="355">
        <v>0</v>
      </c>
      <c r="KX42" s="181">
        <v>0</v>
      </c>
      <c r="KY42" s="179">
        <v>0</v>
      </c>
      <c r="KZ42" s="183">
        <v>0</v>
      </c>
      <c r="LA42" s="187">
        <v>0</v>
      </c>
      <c r="LB42" s="179">
        <v>0</v>
      </c>
      <c r="LC42" s="179">
        <v>0</v>
      </c>
      <c r="LD42" s="179">
        <v>0</v>
      </c>
      <c r="LE42" s="179">
        <v>0</v>
      </c>
      <c r="LF42" s="179">
        <v>0</v>
      </c>
      <c r="LG42" s="183">
        <v>0</v>
      </c>
      <c r="LH42" s="184">
        <v>0</v>
      </c>
      <c r="LI42" s="181">
        <v>0</v>
      </c>
      <c r="LJ42" s="179">
        <v>0</v>
      </c>
      <c r="LK42" s="183">
        <v>0</v>
      </c>
      <c r="LL42" s="187"/>
      <c r="LM42" s="179">
        <v>0</v>
      </c>
      <c r="LN42" s="179">
        <v>0</v>
      </c>
      <c r="LO42" s="179">
        <v>0</v>
      </c>
      <c r="LP42" s="179">
        <v>0</v>
      </c>
      <c r="LQ42" s="179">
        <v>0</v>
      </c>
      <c r="LR42" s="183">
        <v>0</v>
      </c>
      <c r="LS42" s="355">
        <v>0</v>
      </c>
      <c r="LT42" s="181">
        <v>0</v>
      </c>
      <c r="LU42" s="179">
        <v>0</v>
      </c>
      <c r="LV42" s="183">
        <v>0</v>
      </c>
      <c r="LW42" s="187"/>
      <c r="LX42" s="179">
        <v>0</v>
      </c>
      <c r="LY42" s="179">
        <v>0</v>
      </c>
      <c r="LZ42" s="179">
        <v>0</v>
      </c>
      <c r="MA42" s="179">
        <v>0</v>
      </c>
      <c r="MB42" s="179">
        <v>0</v>
      </c>
      <c r="MC42" s="183">
        <v>0</v>
      </c>
      <c r="MD42" s="184">
        <v>0</v>
      </c>
      <c r="ME42" s="181">
        <v>0</v>
      </c>
      <c r="MF42" s="179">
        <v>0</v>
      </c>
      <c r="MG42" s="183">
        <v>0</v>
      </c>
      <c r="MH42" s="187"/>
      <c r="MI42" s="179">
        <v>0</v>
      </c>
      <c r="MJ42" s="179">
        <v>0</v>
      </c>
      <c r="MK42" s="179">
        <v>0</v>
      </c>
      <c r="ML42" s="179">
        <v>0</v>
      </c>
      <c r="MM42" s="179">
        <v>342311</v>
      </c>
      <c r="MN42" s="183">
        <v>342311</v>
      </c>
      <c r="MO42" s="185">
        <v>342311</v>
      </c>
      <c r="MP42" s="181">
        <v>0</v>
      </c>
      <c r="MQ42" s="179">
        <v>0</v>
      </c>
      <c r="MR42" s="183">
        <v>0</v>
      </c>
      <c r="MS42" s="187"/>
      <c r="MT42" s="179">
        <v>0</v>
      </c>
      <c r="MU42" s="179">
        <v>0</v>
      </c>
      <c r="MV42" s="179">
        <v>0</v>
      </c>
      <c r="MW42" s="179">
        <v>0</v>
      </c>
      <c r="MX42" s="179">
        <v>0</v>
      </c>
      <c r="MY42" s="183">
        <v>0</v>
      </c>
      <c r="MZ42" s="185">
        <v>0</v>
      </c>
      <c r="NA42" s="181">
        <v>0</v>
      </c>
      <c r="NB42" s="179">
        <v>0</v>
      </c>
      <c r="NC42" s="183">
        <v>0</v>
      </c>
      <c r="ND42" s="187"/>
      <c r="NE42" s="179">
        <v>0</v>
      </c>
      <c r="NF42" s="179">
        <v>0</v>
      </c>
      <c r="NG42" s="179">
        <v>0</v>
      </c>
      <c r="NH42" s="179">
        <v>0</v>
      </c>
      <c r="NI42" s="179">
        <v>0</v>
      </c>
      <c r="NJ42" s="183">
        <v>0</v>
      </c>
      <c r="NK42" s="355">
        <v>0</v>
      </c>
      <c r="NL42" s="181">
        <v>0</v>
      </c>
      <c r="NM42" s="179">
        <v>0</v>
      </c>
      <c r="NN42" s="183">
        <v>0</v>
      </c>
      <c r="NO42" s="187"/>
      <c r="NP42" s="179">
        <v>0</v>
      </c>
      <c r="NQ42" s="179">
        <v>0</v>
      </c>
      <c r="NR42" s="179">
        <v>0</v>
      </c>
      <c r="NS42" s="179">
        <v>0</v>
      </c>
      <c r="NT42" s="179">
        <v>0</v>
      </c>
      <c r="NU42" s="183">
        <v>0</v>
      </c>
      <c r="NV42" s="184">
        <v>0</v>
      </c>
      <c r="NW42" s="181">
        <v>0</v>
      </c>
      <c r="NX42" s="179">
        <v>0</v>
      </c>
      <c r="NY42" s="183">
        <v>0</v>
      </c>
      <c r="NZ42" s="187"/>
      <c r="OA42" s="179">
        <v>0</v>
      </c>
      <c r="OB42" s="179">
        <v>0</v>
      </c>
      <c r="OC42" s="179">
        <v>0</v>
      </c>
      <c r="OD42" s="179">
        <v>0</v>
      </c>
      <c r="OE42" s="179">
        <v>342311</v>
      </c>
      <c r="OF42" s="183">
        <v>342311</v>
      </c>
      <c r="OG42" s="184">
        <v>342311</v>
      </c>
      <c r="OH42" s="181">
        <v>0</v>
      </c>
      <c r="OI42" s="179">
        <v>0</v>
      </c>
      <c r="OJ42" s="180">
        <v>0</v>
      </c>
      <c r="OK42" s="182">
        <v>0</v>
      </c>
      <c r="OL42" s="179">
        <v>0</v>
      </c>
      <c r="OM42" s="179">
        <v>0</v>
      </c>
      <c r="ON42" s="179">
        <v>0</v>
      </c>
      <c r="OO42" s="179">
        <v>418487</v>
      </c>
      <c r="OP42" s="179">
        <v>596558</v>
      </c>
      <c r="OQ42" s="183">
        <v>1015045</v>
      </c>
      <c r="OR42" s="185">
        <v>1015045</v>
      </c>
    </row>
    <row r="43" spans="1:408" x14ac:dyDescent="0.2">
      <c r="A43" s="44" t="s">
        <v>84</v>
      </c>
    </row>
  </sheetData>
  <mergeCells count="158">
    <mergeCell ref="AS7:AS8"/>
    <mergeCell ref="AT7:AV7"/>
    <mergeCell ref="AW7:BC7"/>
    <mergeCell ref="BD7:BD8"/>
    <mergeCell ref="BE7:BG7"/>
    <mergeCell ref="BH7:BN7"/>
    <mergeCell ref="DG7:DG8"/>
    <mergeCell ref="F1:G1"/>
    <mergeCell ref="A4:A8"/>
    <mergeCell ref="B4:L6"/>
    <mergeCell ref="M4:HX4"/>
    <mergeCell ref="M5:BZ5"/>
    <mergeCell ref="CA5:DG5"/>
    <mergeCell ref="DH5:FJ5"/>
    <mergeCell ref="FK5:HB5"/>
    <mergeCell ref="HC5:HM6"/>
    <mergeCell ref="HN5:HX6"/>
    <mergeCell ref="GG6:GQ6"/>
    <mergeCell ref="GR6:HB6"/>
    <mergeCell ref="CA6:CK6"/>
    <mergeCell ref="CL6:CV6"/>
    <mergeCell ref="CW6:DG6"/>
    <mergeCell ref="DH6:DR6"/>
    <mergeCell ref="B7:D7"/>
    <mergeCell ref="E7:K7"/>
    <mergeCell ref="L7:L8"/>
    <mergeCell ref="M7:O7"/>
    <mergeCell ref="P7:V7"/>
    <mergeCell ref="FK6:FU6"/>
    <mergeCell ref="FV6:GF6"/>
    <mergeCell ref="M6:W6"/>
    <mergeCell ref="X6:AH6"/>
    <mergeCell ref="AI6:AS6"/>
    <mergeCell ref="AT6:BD6"/>
    <mergeCell ref="BE6:BO6"/>
    <mergeCell ref="BP6:BZ6"/>
    <mergeCell ref="DS6:EC6"/>
    <mergeCell ref="ED6:EN6"/>
    <mergeCell ref="W7:W8"/>
    <mergeCell ref="EO6:EY6"/>
    <mergeCell ref="EZ6:FJ6"/>
    <mergeCell ref="BO7:BO8"/>
    <mergeCell ref="X7:Z7"/>
    <mergeCell ref="AA7:AG7"/>
    <mergeCell ref="AH7:AH8"/>
    <mergeCell ref="AI7:AK7"/>
    <mergeCell ref="AL7:AR7"/>
    <mergeCell ref="CK7:CK8"/>
    <mergeCell ref="CL7:CN7"/>
    <mergeCell ref="CO7:CU7"/>
    <mergeCell ref="CV7:CV8"/>
    <mergeCell ref="CW7:CY7"/>
    <mergeCell ref="BP7:BR7"/>
    <mergeCell ref="BS7:BY7"/>
    <mergeCell ref="BZ7:BZ8"/>
    <mergeCell ref="CA7:CC7"/>
    <mergeCell ref="CD7:CJ7"/>
    <mergeCell ref="CZ7:DF7"/>
    <mergeCell ref="EY7:EY8"/>
    <mergeCell ref="DH7:DJ7"/>
    <mergeCell ref="DK7:DQ7"/>
    <mergeCell ref="DR7:DR8"/>
    <mergeCell ref="DS7:DU7"/>
    <mergeCell ref="DV7:EB7"/>
    <mergeCell ref="EC7:EC8"/>
    <mergeCell ref="ED7:EF7"/>
    <mergeCell ref="EG7:EM7"/>
    <mergeCell ref="EN7:EN8"/>
    <mergeCell ref="EO7:EQ7"/>
    <mergeCell ref="ER7:EX7"/>
    <mergeCell ref="GQ7:GQ8"/>
    <mergeCell ref="EZ7:FB7"/>
    <mergeCell ref="FC7:FI7"/>
    <mergeCell ref="FJ7:FJ8"/>
    <mergeCell ref="FK7:FM7"/>
    <mergeCell ref="FN7:FT7"/>
    <mergeCell ref="FU7:FU8"/>
    <mergeCell ref="FV7:FX7"/>
    <mergeCell ref="FY7:GE7"/>
    <mergeCell ref="GF7:GF8"/>
    <mergeCell ref="GG7:GI7"/>
    <mergeCell ref="GJ7:GP7"/>
    <mergeCell ref="HN7:HP7"/>
    <mergeCell ref="HQ7:HW7"/>
    <mergeCell ref="HX7:HX8"/>
    <mergeCell ref="GR7:GT7"/>
    <mergeCell ref="GU7:HA7"/>
    <mergeCell ref="HB7:HB8"/>
    <mergeCell ref="HC7:HE7"/>
    <mergeCell ref="HF7:HL7"/>
    <mergeCell ref="HM7:HM8"/>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LS7:LS8"/>
    <mergeCell ref="LT7:LV7"/>
    <mergeCell ref="KM7:KO7"/>
    <mergeCell ref="KP7:KV7"/>
    <mergeCell ref="KW7:KW8"/>
    <mergeCell ref="KX7:KZ7"/>
    <mergeCell ref="LA7:LG7"/>
    <mergeCell ref="MP7:MR7"/>
    <mergeCell ref="MS7:MY7"/>
    <mergeCell ref="MZ7:MZ8"/>
    <mergeCell ref="NA7:NC7"/>
    <mergeCell ref="ND7:NJ7"/>
    <mergeCell ref="LW7:MC7"/>
    <mergeCell ref="MD7:MD8"/>
    <mergeCell ref="ME7:MG7"/>
    <mergeCell ref="MH7:MN7"/>
    <mergeCell ref="MO7:MO8"/>
    <mergeCell ref="NZ7:OF7"/>
    <mergeCell ref="OG7:OG8"/>
    <mergeCell ref="OH7:OJ7"/>
    <mergeCell ref="OK7:OQ7"/>
    <mergeCell ref="OR7:OR8"/>
    <mergeCell ref="NK7:NK8"/>
    <mergeCell ref="NL7:NN7"/>
    <mergeCell ref="NO7:NU7"/>
    <mergeCell ref="NV7:NV8"/>
    <mergeCell ref="NW7:NY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9.88671875" style="323" customWidth="1"/>
    <col min="2" max="3" width="9.21875" style="323" bestFit="1" customWidth="1"/>
    <col min="4" max="4" width="10.77734375" style="323" bestFit="1" customWidth="1"/>
    <col min="5" max="5" width="7.109375" style="323" customWidth="1"/>
    <col min="6" max="10" width="10.44140625" style="323" bestFit="1" customWidth="1"/>
    <col min="11" max="12" width="11.6640625" style="323" bestFit="1" customWidth="1"/>
    <col min="13" max="15" width="9.21875" style="323" bestFit="1" customWidth="1"/>
    <col min="16" max="16" width="7.44140625" style="323" customWidth="1"/>
    <col min="17" max="17" width="9.21875" style="323" bestFit="1" customWidth="1"/>
    <col min="18" max="21" width="10.44140625" style="323" bestFit="1" customWidth="1"/>
    <col min="22" max="23" width="11.6640625" style="323" bestFit="1" customWidth="1"/>
    <col min="24" max="26" width="9.109375" style="323" bestFit="1" customWidth="1"/>
    <col min="27" max="27" width="7" style="323" customWidth="1"/>
    <col min="28" max="29" width="9.109375" style="323" bestFit="1" customWidth="1"/>
    <col min="30" max="31" width="9.6640625" style="323" bestFit="1" customWidth="1"/>
    <col min="32" max="32" width="9.109375" style="323" bestFit="1" customWidth="1"/>
    <col min="33" max="34" width="9.6640625" style="323" bestFit="1" customWidth="1"/>
    <col min="35" max="37" width="9.109375" style="323" bestFit="1" customWidth="1"/>
    <col min="38" max="38" width="7.33203125" style="323" customWidth="1"/>
    <col min="39" max="48" width="9.109375" style="323" bestFit="1" customWidth="1"/>
    <col min="49" max="49" width="7.33203125" style="323" customWidth="1"/>
    <col min="50" max="59" width="9.109375" style="323" bestFit="1" customWidth="1"/>
    <col min="60" max="60" width="7.77734375" style="323" customWidth="1"/>
    <col min="61" max="70" width="9.109375" style="323" bestFit="1" customWidth="1"/>
    <col min="71" max="71" width="7.77734375" style="323" customWidth="1"/>
    <col min="72" max="76" width="9.109375" style="323" bestFit="1" customWidth="1"/>
    <col min="77" max="78" width="9.6640625" style="323" bestFit="1" customWidth="1"/>
    <col min="79" max="81" width="9.109375" style="323" bestFit="1" customWidth="1"/>
    <col min="82" max="82" width="7.88671875" style="323" customWidth="1"/>
    <col min="83" max="92" width="9.109375" style="323" bestFit="1" customWidth="1"/>
    <col min="93" max="93" width="8" style="323" customWidth="1"/>
    <col min="94" max="103" width="9.109375" style="323" bestFit="1" customWidth="1"/>
    <col min="104" max="104" width="8" style="323" customWidth="1"/>
    <col min="105" max="114" width="9.109375" style="323" bestFit="1" customWidth="1"/>
    <col min="115" max="115" width="7.6640625" style="323" customWidth="1"/>
    <col min="116" max="116" width="9.109375" style="323" bestFit="1" customWidth="1"/>
    <col min="117" max="120" width="9.6640625" style="323" bestFit="1" customWidth="1"/>
    <col min="121" max="122" width="10.6640625" style="323" bestFit="1" customWidth="1"/>
    <col min="123" max="125" width="9.109375" style="323" bestFit="1" customWidth="1"/>
    <col min="126" max="126" width="7.44140625" style="323" customWidth="1"/>
    <col min="127" max="128" width="9.109375" style="323" bestFit="1" customWidth="1"/>
    <col min="129" max="133" width="9.6640625" style="323" bestFit="1" customWidth="1"/>
    <col min="134" max="136" width="9.109375" style="323" bestFit="1" customWidth="1"/>
    <col min="137" max="137" width="7.6640625" style="323" customWidth="1"/>
    <col min="138" max="147" width="9.109375" style="323" bestFit="1" customWidth="1"/>
    <col min="148" max="148" width="7.77734375" style="323" customWidth="1"/>
    <col min="149" max="158" width="9.109375" style="323" bestFit="1" customWidth="1"/>
    <col min="159" max="159" width="7.77734375" style="323" customWidth="1"/>
    <col min="160" max="169" width="9.109375" style="323" bestFit="1" customWidth="1"/>
    <col min="170" max="170" width="7.33203125" style="323" customWidth="1"/>
    <col min="171" max="180" width="9.109375" style="323" bestFit="1" customWidth="1"/>
    <col min="181" max="181" width="8" style="323" customWidth="1"/>
    <col min="182" max="187" width="9.109375" style="323" bestFit="1" customWidth="1"/>
    <col min="188" max="188" width="9.6640625" style="323" bestFit="1" customWidth="1"/>
    <col min="189" max="191" width="9.109375" style="323" bestFit="1" customWidth="1"/>
    <col min="192" max="192" width="7.44140625" style="323" customWidth="1"/>
    <col min="193" max="202" width="9.109375" style="323" bestFit="1" customWidth="1"/>
    <col min="203" max="203" width="7.88671875" style="323" customWidth="1"/>
    <col min="204" max="213" width="9.109375" style="323" bestFit="1" customWidth="1"/>
    <col min="214" max="214" width="7.88671875" style="323" customWidth="1"/>
    <col min="215" max="224" width="9.109375" style="323" bestFit="1" customWidth="1"/>
    <col min="225" max="225" width="7.6640625" style="323" customWidth="1"/>
    <col min="226" max="228" width="9.6640625" style="323" bestFit="1" customWidth="1"/>
    <col min="229" max="229" width="10.6640625" style="323" bestFit="1" customWidth="1"/>
    <col min="230" max="230" width="9.6640625" style="323" bestFit="1" customWidth="1"/>
    <col min="231" max="232" width="10.6640625" style="323" bestFit="1" customWidth="1"/>
    <col min="233" max="16384" width="9" style="323"/>
  </cols>
  <sheetData>
    <row r="1" spans="1:232" s="1" customFormat="1" ht="25.5" customHeight="1" x14ac:dyDescent="0.2">
      <c r="A1" s="20" t="s">
        <v>0</v>
      </c>
      <c r="B1" s="39"/>
      <c r="C1" s="39"/>
      <c r="D1" s="408">
        <f>第１表!F2</f>
        <v>4</v>
      </c>
      <c r="E1" s="288">
        <f>第１表!G2</f>
        <v>2</v>
      </c>
      <c r="F1" s="680">
        <f>IF(E1&lt;3,E1-2+12,E1-2)</f>
        <v>12</v>
      </c>
      <c r="G1" s="680"/>
      <c r="I1" s="39"/>
      <c r="J1" s="39"/>
      <c r="K1" s="39"/>
      <c r="CK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row>
    <row r="2" spans="1:232" ht="25.5" customHeight="1" thickBot="1" x14ac:dyDescent="0.25">
      <c r="A2" s="20" t="s">
        <v>120</v>
      </c>
    </row>
    <row r="3" spans="1:232" ht="19.5" customHeight="1" thickBot="1" x14ac:dyDescent="0.25">
      <c r="A3" s="681"/>
      <c r="B3" s="688" t="s">
        <v>116</v>
      </c>
      <c r="C3" s="689"/>
      <c r="D3" s="689"/>
      <c r="E3" s="689"/>
      <c r="F3" s="689"/>
      <c r="G3" s="689"/>
      <c r="H3" s="689"/>
      <c r="I3" s="689"/>
      <c r="J3" s="689"/>
      <c r="K3" s="689"/>
      <c r="L3" s="689"/>
      <c r="M3" s="447"/>
      <c r="N3" s="447"/>
      <c r="O3" s="447"/>
      <c r="P3" s="447"/>
      <c r="Q3" s="447"/>
      <c r="R3" s="447"/>
      <c r="S3" s="447"/>
      <c r="T3" s="447"/>
      <c r="U3" s="447"/>
      <c r="V3" s="447"/>
      <c r="W3" s="447"/>
      <c r="X3" s="447"/>
      <c r="Y3" s="447"/>
      <c r="Z3" s="447"/>
      <c r="AA3" s="447"/>
      <c r="AB3" s="447"/>
      <c r="AC3" s="447"/>
      <c r="AD3" s="447"/>
      <c r="AE3" s="447"/>
      <c r="AF3" s="447"/>
      <c r="AG3" s="447"/>
      <c r="AH3" s="447"/>
      <c r="AI3" s="447"/>
      <c r="AJ3" s="447"/>
      <c r="AK3" s="447"/>
      <c r="AL3" s="447"/>
      <c r="AM3" s="447"/>
      <c r="AN3" s="447"/>
      <c r="AO3" s="447"/>
      <c r="AP3" s="447"/>
      <c r="AQ3" s="447"/>
      <c r="AR3" s="447"/>
      <c r="AS3" s="447"/>
      <c r="AT3" s="447"/>
      <c r="AU3" s="447"/>
      <c r="AV3" s="447"/>
      <c r="AW3" s="447"/>
      <c r="AX3" s="447"/>
      <c r="AY3" s="447"/>
      <c r="AZ3" s="447"/>
      <c r="BA3" s="447"/>
      <c r="BB3" s="447"/>
      <c r="BC3" s="447"/>
      <c r="BD3" s="447"/>
      <c r="BE3" s="447"/>
      <c r="BF3" s="447"/>
      <c r="BG3" s="447"/>
      <c r="BH3" s="447"/>
      <c r="BI3" s="447"/>
      <c r="BJ3" s="447"/>
      <c r="BK3" s="447"/>
      <c r="BL3" s="447"/>
      <c r="BM3" s="447"/>
      <c r="BN3" s="447"/>
      <c r="BO3" s="447"/>
      <c r="BP3" s="447"/>
      <c r="BQ3" s="447"/>
      <c r="BR3" s="447"/>
      <c r="BS3" s="447"/>
      <c r="BT3" s="447"/>
      <c r="BU3" s="447"/>
      <c r="BV3" s="447"/>
      <c r="BW3" s="447"/>
      <c r="BX3" s="447"/>
      <c r="BY3" s="447"/>
      <c r="BZ3" s="447"/>
      <c r="CA3" s="447"/>
      <c r="CB3" s="447"/>
      <c r="CC3" s="447"/>
      <c r="CD3" s="447"/>
      <c r="CE3" s="447"/>
      <c r="CF3" s="447"/>
      <c r="CG3" s="447"/>
      <c r="CH3" s="447"/>
      <c r="CI3" s="447"/>
      <c r="CJ3" s="447"/>
      <c r="CK3" s="447"/>
      <c r="CL3" s="447"/>
      <c r="CM3" s="447"/>
      <c r="CN3" s="447"/>
      <c r="CO3" s="447"/>
      <c r="CP3" s="447"/>
      <c r="CQ3" s="447"/>
      <c r="CR3" s="447"/>
      <c r="CS3" s="447"/>
      <c r="CT3" s="447"/>
      <c r="CU3" s="447"/>
      <c r="CV3" s="447"/>
      <c r="CW3" s="447"/>
      <c r="CX3" s="447"/>
      <c r="CY3" s="447"/>
      <c r="CZ3" s="447"/>
      <c r="DA3" s="447"/>
      <c r="DB3" s="447"/>
      <c r="DC3" s="447"/>
      <c r="DD3" s="447"/>
      <c r="DE3" s="447"/>
      <c r="DF3" s="447"/>
      <c r="DG3" s="448"/>
      <c r="DH3" s="688" t="s">
        <v>118</v>
      </c>
      <c r="DI3" s="689"/>
      <c r="DJ3" s="689"/>
      <c r="DK3" s="689"/>
      <c r="DL3" s="689"/>
      <c r="DM3" s="689"/>
      <c r="DN3" s="689"/>
      <c r="DO3" s="689"/>
      <c r="DP3" s="689"/>
      <c r="DQ3" s="689"/>
      <c r="DR3" s="689"/>
      <c r="DS3" s="689"/>
      <c r="DT3" s="689"/>
      <c r="DU3" s="689"/>
      <c r="DV3" s="689"/>
      <c r="DW3" s="689"/>
      <c r="DX3" s="689"/>
      <c r="DY3" s="689"/>
      <c r="DZ3" s="689"/>
      <c r="EA3" s="689"/>
      <c r="EB3" s="689"/>
      <c r="EC3" s="689"/>
      <c r="ED3" s="689"/>
      <c r="EE3" s="689"/>
      <c r="EF3" s="689"/>
      <c r="EG3" s="689"/>
      <c r="EH3" s="689"/>
      <c r="EI3" s="689"/>
      <c r="EJ3" s="689"/>
      <c r="EK3" s="689"/>
      <c r="EL3" s="689"/>
      <c r="EM3" s="689"/>
      <c r="EN3" s="689"/>
      <c r="EO3" s="689"/>
      <c r="EP3" s="689"/>
      <c r="EQ3" s="689"/>
      <c r="ER3" s="689"/>
      <c r="ES3" s="689"/>
      <c r="ET3" s="689"/>
      <c r="EU3" s="689"/>
      <c r="EV3" s="689"/>
      <c r="EW3" s="689"/>
      <c r="EX3" s="689"/>
      <c r="EY3" s="689"/>
      <c r="EZ3" s="689"/>
      <c r="FA3" s="689"/>
      <c r="FB3" s="689"/>
      <c r="FC3" s="689"/>
      <c r="FD3" s="689"/>
      <c r="FE3" s="689"/>
      <c r="FF3" s="689"/>
      <c r="FG3" s="689"/>
      <c r="FH3" s="689"/>
      <c r="FI3" s="689"/>
      <c r="FJ3" s="689"/>
      <c r="FK3" s="689"/>
      <c r="FL3" s="689"/>
      <c r="FM3" s="689"/>
      <c r="FN3" s="689"/>
      <c r="FO3" s="689"/>
      <c r="FP3" s="689"/>
      <c r="FQ3" s="689"/>
      <c r="FR3" s="689"/>
      <c r="FS3" s="689"/>
      <c r="FT3" s="689"/>
      <c r="FU3" s="689"/>
      <c r="FV3" s="689"/>
      <c r="FW3" s="689"/>
      <c r="FX3" s="689"/>
      <c r="FY3" s="689"/>
      <c r="FZ3" s="689"/>
      <c r="GA3" s="689"/>
      <c r="GB3" s="689"/>
      <c r="GC3" s="689"/>
      <c r="GD3" s="689"/>
      <c r="GE3" s="689"/>
      <c r="GF3" s="689"/>
      <c r="GG3" s="689"/>
      <c r="GH3" s="689"/>
      <c r="GI3" s="689"/>
      <c r="GJ3" s="689"/>
      <c r="GK3" s="689"/>
      <c r="GL3" s="689"/>
      <c r="GM3" s="689"/>
      <c r="GN3" s="689"/>
      <c r="GO3" s="689"/>
      <c r="GP3" s="689"/>
      <c r="GQ3" s="689"/>
      <c r="GR3" s="689"/>
      <c r="GS3" s="689"/>
      <c r="GT3" s="689"/>
      <c r="GU3" s="689"/>
      <c r="GV3" s="689"/>
      <c r="GW3" s="689"/>
      <c r="GX3" s="689"/>
      <c r="GY3" s="689"/>
      <c r="GZ3" s="689"/>
      <c r="HA3" s="689"/>
      <c r="HB3" s="689"/>
      <c r="HC3" s="689"/>
      <c r="HD3" s="689"/>
      <c r="HE3" s="689"/>
      <c r="HF3" s="689"/>
      <c r="HG3" s="689"/>
      <c r="HH3" s="689"/>
      <c r="HI3" s="689"/>
      <c r="HJ3" s="689"/>
      <c r="HK3" s="689"/>
      <c r="HL3" s="689"/>
      <c r="HM3" s="691"/>
      <c r="HN3" s="692" t="s">
        <v>60</v>
      </c>
      <c r="HO3" s="693"/>
      <c r="HP3" s="693"/>
      <c r="HQ3" s="693"/>
      <c r="HR3" s="693"/>
      <c r="HS3" s="693"/>
      <c r="HT3" s="693"/>
      <c r="HU3" s="693"/>
      <c r="HV3" s="693"/>
      <c r="HW3" s="693"/>
      <c r="HX3" s="694"/>
    </row>
    <row r="4" spans="1:232" ht="19.5" customHeight="1" thickBot="1" x14ac:dyDescent="0.25">
      <c r="A4" s="682"/>
      <c r="B4" s="668"/>
      <c r="C4" s="669"/>
      <c r="D4" s="669"/>
      <c r="E4" s="669"/>
      <c r="F4" s="669"/>
      <c r="G4" s="669"/>
      <c r="H4" s="669"/>
      <c r="I4" s="669"/>
      <c r="J4" s="669"/>
      <c r="K4" s="669"/>
      <c r="L4" s="690"/>
      <c r="M4" s="684" t="s">
        <v>57</v>
      </c>
      <c r="N4" s="685"/>
      <c r="O4" s="685"/>
      <c r="P4" s="685"/>
      <c r="Q4" s="685"/>
      <c r="R4" s="685"/>
      <c r="S4" s="685"/>
      <c r="T4" s="685"/>
      <c r="U4" s="685"/>
      <c r="V4" s="685"/>
      <c r="W4" s="686"/>
      <c r="X4" s="684" t="s">
        <v>58</v>
      </c>
      <c r="Y4" s="685"/>
      <c r="Z4" s="685"/>
      <c r="AA4" s="685"/>
      <c r="AB4" s="685"/>
      <c r="AC4" s="685"/>
      <c r="AD4" s="685"/>
      <c r="AE4" s="685"/>
      <c r="AF4" s="685"/>
      <c r="AG4" s="685"/>
      <c r="AH4" s="686"/>
      <c r="AI4" s="684" t="s">
        <v>59</v>
      </c>
      <c r="AJ4" s="685"/>
      <c r="AK4" s="685"/>
      <c r="AL4" s="685"/>
      <c r="AM4" s="685"/>
      <c r="AN4" s="685"/>
      <c r="AO4" s="685"/>
      <c r="AP4" s="685"/>
      <c r="AQ4" s="685"/>
      <c r="AR4" s="685"/>
      <c r="AS4" s="686"/>
      <c r="AT4" s="684" t="s">
        <v>151</v>
      </c>
      <c r="AU4" s="685"/>
      <c r="AV4" s="685"/>
      <c r="AW4" s="685"/>
      <c r="AX4" s="685"/>
      <c r="AY4" s="685"/>
      <c r="AZ4" s="685"/>
      <c r="BA4" s="685"/>
      <c r="BB4" s="685"/>
      <c r="BC4" s="685"/>
      <c r="BD4" s="686"/>
      <c r="BE4" s="684" t="s">
        <v>117</v>
      </c>
      <c r="BF4" s="685"/>
      <c r="BG4" s="685"/>
      <c r="BH4" s="685"/>
      <c r="BI4" s="685"/>
      <c r="BJ4" s="685"/>
      <c r="BK4" s="685"/>
      <c r="BL4" s="685"/>
      <c r="BM4" s="685"/>
      <c r="BN4" s="685"/>
      <c r="BO4" s="686"/>
      <c r="BP4" s="684" t="s">
        <v>77</v>
      </c>
      <c r="BQ4" s="685"/>
      <c r="BR4" s="685"/>
      <c r="BS4" s="685"/>
      <c r="BT4" s="685"/>
      <c r="BU4" s="685"/>
      <c r="BV4" s="685"/>
      <c r="BW4" s="685"/>
      <c r="BX4" s="685"/>
      <c r="BY4" s="685"/>
      <c r="BZ4" s="686"/>
      <c r="CA4" s="684" t="s">
        <v>78</v>
      </c>
      <c r="CB4" s="685"/>
      <c r="CC4" s="685"/>
      <c r="CD4" s="685"/>
      <c r="CE4" s="685"/>
      <c r="CF4" s="685"/>
      <c r="CG4" s="685"/>
      <c r="CH4" s="685"/>
      <c r="CI4" s="685"/>
      <c r="CJ4" s="685"/>
      <c r="CK4" s="686"/>
      <c r="CL4" s="684" t="s">
        <v>79</v>
      </c>
      <c r="CM4" s="685"/>
      <c r="CN4" s="685"/>
      <c r="CO4" s="685"/>
      <c r="CP4" s="685"/>
      <c r="CQ4" s="685"/>
      <c r="CR4" s="685"/>
      <c r="CS4" s="685"/>
      <c r="CT4" s="685"/>
      <c r="CU4" s="685"/>
      <c r="CV4" s="686"/>
      <c r="CW4" s="684" t="s">
        <v>152</v>
      </c>
      <c r="CX4" s="685"/>
      <c r="CY4" s="685"/>
      <c r="CZ4" s="685"/>
      <c r="DA4" s="685"/>
      <c r="DB4" s="685"/>
      <c r="DC4" s="685"/>
      <c r="DD4" s="685"/>
      <c r="DE4" s="685"/>
      <c r="DF4" s="685"/>
      <c r="DG4" s="686"/>
      <c r="DH4" s="668"/>
      <c r="DI4" s="669"/>
      <c r="DJ4" s="669"/>
      <c r="DK4" s="669"/>
      <c r="DL4" s="669"/>
      <c r="DM4" s="669"/>
      <c r="DN4" s="669"/>
      <c r="DO4" s="669"/>
      <c r="DP4" s="669"/>
      <c r="DQ4" s="669"/>
      <c r="DR4" s="670"/>
      <c r="DS4" s="684" t="s">
        <v>57</v>
      </c>
      <c r="DT4" s="685"/>
      <c r="DU4" s="685"/>
      <c r="DV4" s="685"/>
      <c r="DW4" s="685"/>
      <c r="DX4" s="685"/>
      <c r="DY4" s="685"/>
      <c r="DZ4" s="685"/>
      <c r="EA4" s="685"/>
      <c r="EB4" s="685"/>
      <c r="EC4" s="686"/>
      <c r="ED4" s="684" t="s">
        <v>58</v>
      </c>
      <c r="EE4" s="685"/>
      <c r="EF4" s="685"/>
      <c r="EG4" s="685"/>
      <c r="EH4" s="685"/>
      <c r="EI4" s="685"/>
      <c r="EJ4" s="685"/>
      <c r="EK4" s="685"/>
      <c r="EL4" s="685"/>
      <c r="EM4" s="685"/>
      <c r="EN4" s="686"/>
      <c r="EO4" s="684" t="s">
        <v>59</v>
      </c>
      <c r="EP4" s="685"/>
      <c r="EQ4" s="685"/>
      <c r="ER4" s="685"/>
      <c r="ES4" s="685"/>
      <c r="ET4" s="685"/>
      <c r="EU4" s="685"/>
      <c r="EV4" s="685"/>
      <c r="EW4" s="685"/>
      <c r="EX4" s="685"/>
      <c r="EY4" s="686"/>
      <c r="EZ4" s="684" t="s">
        <v>151</v>
      </c>
      <c r="FA4" s="685"/>
      <c r="FB4" s="685"/>
      <c r="FC4" s="685"/>
      <c r="FD4" s="685"/>
      <c r="FE4" s="685"/>
      <c r="FF4" s="685"/>
      <c r="FG4" s="685"/>
      <c r="FH4" s="685"/>
      <c r="FI4" s="685"/>
      <c r="FJ4" s="686"/>
      <c r="FK4" s="684" t="s">
        <v>117</v>
      </c>
      <c r="FL4" s="685"/>
      <c r="FM4" s="685"/>
      <c r="FN4" s="685"/>
      <c r="FO4" s="685"/>
      <c r="FP4" s="685"/>
      <c r="FQ4" s="685"/>
      <c r="FR4" s="685"/>
      <c r="FS4" s="685"/>
      <c r="FT4" s="685"/>
      <c r="FU4" s="686"/>
      <c r="FV4" s="684" t="s">
        <v>77</v>
      </c>
      <c r="FW4" s="685"/>
      <c r="FX4" s="685"/>
      <c r="FY4" s="685"/>
      <c r="FZ4" s="685"/>
      <c r="GA4" s="685"/>
      <c r="GB4" s="685"/>
      <c r="GC4" s="685"/>
      <c r="GD4" s="685"/>
      <c r="GE4" s="685"/>
      <c r="GF4" s="686"/>
      <c r="GG4" s="684" t="s">
        <v>78</v>
      </c>
      <c r="GH4" s="685"/>
      <c r="GI4" s="685"/>
      <c r="GJ4" s="685"/>
      <c r="GK4" s="685"/>
      <c r="GL4" s="685"/>
      <c r="GM4" s="685"/>
      <c r="GN4" s="685"/>
      <c r="GO4" s="685"/>
      <c r="GP4" s="685"/>
      <c r="GQ4" s="686"/>
      <c r="GR4" s="684" t="s">
        <v>79</v>
      </c>
      <c r="GS4" s="685"/>
      <c r="GT4" s="685"/>
      <c r="GU4" s="685"/>
      <c r="GV4" s="685"/>
      <c r="GW4" s="685"/>
      <c r="GX4" s="685"/>
      <c r="GY4" s="685"/>
      <c r="GZ4" s="685"/>
      <c r="HA4" s="685"/>
      <c r="HB4" s="686"/>
      <c r="HC4" s="684" t="s">
        <v>152</v>
      </c>
      <c r="HD4" s="685"/>
      <c r="HE4" s="685"/>
      <c r="HF4" s="685"/>
      <c r="HG4" s="685"/>
      <c r="HH4" s="685"/>
      <c r="HI4" s="685"/>
      <c r="HJ4" s="685"/>
      <c r="HK4" s="685"/>
      <c r="HL4" s="685"/>
      <c r="HM4" s="686"/>
      <c r="HN4" s="695"/>
      <c r="HO4" s="696"/>
      <c r="HP4" s="696"/>
      <c r="HQ4" s="696"/>
      <c r="HR4" s="696"/>
      <c r="HS4" s="696"/>
      <c r="HT4" s="696"/>
      <c r="HU4" s="696"/>
      <c r="HV4" s="696"/>
      <c r="HW4" s="696"/>
      <c r="HX4" s="697"/>
    </row>
    <row r="5" spans="1:232" ht="19.5" customHeight="1" x14ac:dyDescent="0.2">
      <c r="A5" s="682"/>
      <c r="B5" s="673" t="s">
        <v>61</v>
      </c>
      <c r="C5" s="674"/>
      <c r="D5" s="675"/>
      <c r="E5" s="676" t="s">
        <v>62</v>
      </c>
      <c r="F5" s="674"/>
      <c r="G5" s="674"/>
      <c r="H5" s="674"/>
      <c r="I5" s="674"/>
      <c r="J5" s="674"/>
      <c r="K5" s="677"/>
      <c r="L5" s="687" t="s">
        <v>52</v>
      </c>
      <c r="M5" s="668" t="s">
        <v>61</v>
      </c>
      <c r="N5" s="669"/>
      <c r="O5" s="670"/>
      <c r="P5" s="671" t="s">
        <v>62</v>
      </c>
      <c r="Q5" s="669"/>
      <c r="R5" s="669"/>
      <c r="S5" s="669"/>
      <c r="T5" s="669"/>
      <c r="U5" s="669"/>
      <c r="V5" s="672"/>
      <c r="W5" s="570" t="s">
        <v>52</v>
      </c>
      <c r="X5" s="668" t="s">
        <v>61</v>
      </c>
      <c r="Y5" s="669"/>
      <c r="Z5" s="670"/>
      <c r="AA5" s="671" t="s">
        <v>62</v>
      </c>
      <c r="AB5" s="669"/>
      <c r="AC5" s="669"/>
      <c r="AD5" s="669"/>
      <c r="AE5" s="669"/>
      <c r="AF5" s="669"/>
      <c r="AG5" s="672"/>
      <c r="AH5" s="570" t="s">
        <v>52</v>
      </c>
      <c r="AI5" s="668" t="s">
        <v>61</v>
      </c>
      <c r="AJ5" s="669"/>
      <c r="AK5" s="670"/>
      <c r="AL5" s="671" t="s">
        <v>62</v>
      </c>
      <c r="AM5" s="669"/>
      <c r="AN5" s="669"/>
      <c r="AO5" s="669"/>
      <c r="AP5" s="669"/>
      <c r="AQ5" s="669"/>
      <c r="AR5" s="672"/>
      <c r="AS5" s="570" t="s">
        <v>52</v>
      </c>
      <c r="AT5" s="668" t="s">
        <v>61</v>
      </c>
      <c r="AU5" s="669"/>
      <c r="AV5" s="670"/>
      <c r="AW5" s="671" t="s">
        <v>62</v>
      </c>
      <c r="AX5" s="669"/>
      <c r="AY5" s="669"/>
      <c r="AZ5" s="669"/>
      <c r="BA5" s="669"/>
      <c r="BB5" s="669"/>
      <c r="BC5" s="672"/>
      <c r="BD5" s="570" t="s">
        <v>52</v>
      </c>
      <c r="BE5" s="668" t="s">
        <v>61</v>
      </c>
      <c r="BF5" s="669"/>
      <c r="BG5" s="670"/>
      <c r="BH5" s="671" t="s">
        <v>62</v>
      </c>
      <c r="BI5" s="669"/>
      <c r="BJ5" s="669"/>
      <c r="BK5" s="669"/>
      <c r="BL5" s="669"/>
      <c r="BM5" s="669"/>
      <c r="BN5" s="672"/>
      <c r="BO5" s="570" t="s">
        <v>52</v>
      </c>
      <c r="BP5" s="668" t="s">
        <v>61</v>
      </c>
      <c r="BQ5" s="669"/>
      <c r="BR5" s="670"/>
      <c r="BS5" s="671" t="s">
        <v>62</v>
      </c>
      <c r="BT5" s="669"/>
      <c r="BU5" s="669"/>
      <c r="BV5" s="669"/>
      <c r="BW5" s="669"/>
      <c r="BX5" s="669"/>
      <c r="BY5" s="672"/>
      <c r="BZ5" s="570" t="s">
        <v>52</v>
      </c>
      <c r="CA5" s="668" t="s">
        <v>61</v>
      </c>
      <c r="CB5" s="669"/>
      <c r="CC5" s="670"/>
      <c r="CD5" s="671" t="s">
        <v>62</v>
      </c>
      <c r="CE5" s="669"/>
      <c r="CF5" s="669"/>
      <c r="CG5" s="669"/>
      <c r="CH5" s="669"/>
      <c r="CI5" s="669"/>
      <c r="CJ5" s="672"/>
      <c r="CK5" s="570" t="s">
        <v>52</v>
      </c>
      <c r="CL5" s="668" t="s">
        <v>61</v>
      </c>
      <c r="CM5" s="669"/>
      <c r="CN5" s="670"/>
      <c r="CO5" s="671" t="s">
        <v>62</v>
      </c>
      <c r="CP5" s="669"/>
      <c r="CQ5" s="669"/>
      <c r="CR5" s="669"/>
      <c r="CS5" s="669"/>
      <c r="CT5" s="669"/>
      <c r="CU5" s="672"/>
      <c r="CV5" s="570" t="s">
        <v>52</v>
      </c>
      <c r="CW5" s="668" t="s">
        <v>61</v>
      </c>
      <c r="CX5" s="669"/>
      <c r="CY5" s="670"/>
      <c r="CZ5" s="671" t="s">
        <v>62</v>
      </c>
      <c r="DA5" s="669"/>
      <c r="DB5" s="669"/>
      <c r="DC5" s="669"/>
      <c r="DD5" s="669"/>
      <c r="DE5" s="669"/>
      <c r="DF5" s="672"/>
      <c r="DG5" s="570" t="s">
        <v>52</v>
      </c>
      <c r="DH5" s="673" t="s">
        <v>61</v>
      </c>
      <c r="DI5" s="674"/>
      <c r="DJ5" s="675"/>
      <c r="DK5" s="676" t="s">
        <v>62</v>
      </c>
      <c r="DL5" s="674"/>
      <c r="DM5" s="674"/>
      <c r="DN5" s="674"/>
      <c r="DO5" s="674"/>
      <c r="DP5" s="674"/>
      <c r="DQ5" s="677"/>
      <c r="DR5" s="678" t="s">
        <v>52</v>
      </c>
      <c r="DS5" s="668" t="s">
        <v>61</v>
      </c>
      <c r="DT5" s="669"/>
      <c r="DU5" s="670"/>
      <c r="DV5" s="671" t="s">
        <v>62</v>
      </c>
      <c r="DW5" s="669"/>
      <c r="DX5" s="669"/>
      <c r="DY5" s="669"/>
      <c r="DZ5" s="669"/>
      <c r="EA5" s="669"/>
      <c r="EB5" s="672"/>
      <c r="EC5" s="570" t="s">
        <v>52</v>
      </c>
      <c r="ED5" s="668" t="s">
        <v>61</v>
      </c>
      <c r="EE5" s="669"/>
      <c r="EF5" s="670"/>
      <c r="EG5" s="671" t="s">
        <v>62</v>
      </c>
      <c r="EH5" s="669"/>
      <c r="EI5" s="669"/>
      <c r="EJ5" s="669"/>
      <c r="EK5" s="669"/>
      <c r="EL5" s="669"/>
      <c r="EM5" s="672"/>
      <c r="EN5" s="570" t="s">
        <v>52</v>
      </c>
      <c r="EO5" s="668" t="s">
        <v>61</v>
      </c>
      <c r="EP5" s="669"/>
      <c r="EQ5" s="670"/>
      <c r="ER5" s="671" t="s">
        <v>62</v>
      </c>
      <c r="ES5" s="669"/>
      <c r="ET5" s="669"/>
      <c r="EU5" s="669"/>
      <c r="EV5" s="669"/>
      <c r="EW5" s="669"/>
      <c r="EX5" s="672"/>
      <c r="EY5" s="570" t="s">
        <v>52</v>
      </c>
      <c r="EZ5" s="668" t="s">
        <v>61</v>
      </c>
      <c r="FA5" s="669"/>
      <c r="FB5" s="670"/>
      <c r="FC5" s="671" t="s">
        <v>62</v>
      </c>
      <c r="FD5" s="669"/>
      <c r="FE5" s="669"/>
      <c r="FF5" s="669"/>
      <c r="FG5" s="669"/>
      <c r="FH5" s="669"/>
      <c r="FI5" s="672"/>
      <c r="FJ5" s="570" t="s">
        <v>52</v>
      </c>
      <c r="FK5" s="668" t="s">
        <v>61</v>
      </c>
      <c r="FL5" s="669"/>
      <c r="FM5" s="670"/>
      <c r="FN5" s="671" t="s">
        <v>62</v>
      </c>
      <c r="FO5" s="669"/>
      <c r="FP5" s="669"/>
      <c r="FQ5" s="669"/>
      <c r="FR5" s="669"/>
      <c r="FS5" s="669"/>
      <c r="FT5" s="672"/>
      <c r="FU5" s="570" t="s">
        <v>52</v>
      </c>
      <c r="FV5" s="668" t="s">
        <v>61</v>
      </c>
      <c r="FW5" s="669"/>
      <c r="FX5" s="670"/>
      <c r="FY5" s="671" t="s">
        <v>62</v>
      </c>
      <c r="FZ5" s="669"/>
      <c r="GA5" s="669"/>
      <c r="GB5" s="669"/>
      <c r="GC5" s="669"/>
      <c r="GD5" s="669"/>
      <c r="GE5" s="672"/>
      <c r="GF5" s="570" t="s">
        <v>52</v>
      </c>
      <c r="GG5" s="668" t="s">
        <v>61</v>
      </c>
      <c r="GH5" s="669"/>
      <c r="GI5" s="670"/>
      <c r="GJ5" s="671" t="s">
        <v>62</v>
      </c>
      <c r="GK5" s="669"/>
      <c r="GL5" s="669"/>
      <c r="GM5" s="669"/>
      <c r="GN5" s="669"/>
      <c r="GO5" s="669"/>
      <c r="GP5" s="672"/>
      <c r="GQ5" s="570" t="s">
        <v>52</v>
      </c>
      <c r="GR5" s="668" t="s">
        <v>61</v>
      </c>
      <c r="GS5" s="669"/>
      <c r="GT5" s="670"/>
      <c r="GU5" s="671" t="s">
        <v>62</v>
      </c>
      <c r="GV5" s="669"/>
      <c r="GW5" s="669"/>
      <c r="GX5" s="669"/>
      <c r="GY5" s="669"/>
      <c r="GZ5" s="669"/>
      <c r="HA5" s="672"/>
      <c r="HB5" s="570" t="s">
        <v>52</v>
      </c>
      <c r="HC5" s="668" t="s">
        <v>61</v>
      </c>
      <c r="HD5" s="669"/>
      <c r="HE5" s="670"/>
      <c r="HF5" s="671" t="s">
        <v>62</v>
      </c>
      <c r="HG5" s="669"/>
      <c r="HH5" s="669"/>
      <c r="HI5" s="669"/>
      <c r="HJ5" s="669"/>
      <c r="HK5" s="669"/>
      <c r="HL5" s="672"/>
      <c r="HM5" s="570" t="s">
        <v>52</v>
      </c>
      <c r="HN5" s="668" t="s">
        <v>61</v>
      </c>
      <c r="HO5" s="669"/>
      <c r="HP5" s="670"/>
      <c r="HQ5" s="671" t="s">
        <v>62</v>
      </c>
      <c r="HR5" s="669"/>
      <c r="HS5" s="669"/>
      <c r="HT5" s="669"/>
      <c r="HU5" s="669"/>
      <c r="HV5" s="669"/>
      <c r="HW5" s="672"/>
      <c r="HX5" s="570" t="s">
        <v>52</v>
      </c>
    </row>
    <row r="6" spans="1:232" ht="34.5" customHeight="1" thickBot="1" x14ac:dyDescent="0.25">
      <c r="A6" s="683"/>
      <c r="B6" s="425" t="s">
        <v>119</v>
      </c>
      <c r="C6" s="426" t="s">
        <v>44</v>
      </c>
      <c r="D6" s="436" t="s">
        <v>45</v>
      </c>
      <c r="E6" s="437" t="s">
        <v>83</v>
      </c>
      <c r="F6" s="426" t="s">
        <v>47</v>
      </c>
      <c r="G6" s="426" t="s">
        <v>48</v>
      </c>
      <c r="H6" s="426" t="s">
        <v>49</v>
      </c>
      <c r="I6" s="426" t="s">
        <v>50</v>
      </c>
      <c r="J6" s="426" t="s">
        <v>51</v>
      </c>
      <c r="K6" s="438" t="s">
        <v>45</v>
      </c>
      <c r="L6" s="667"/>
      <c r="M6" s="425" t="s">
        <v>119</v>
      </c>
      <c r="N6" s="426" t="s">
        <v>44</v>
      </c>
      <c r="O6" s="436" t="s">
        <v>45</v>
      </c>
      <c r="P6" s="437" t="s">
        <v>83</v>
      </c>
      <c r="Q6" s="426" t="s">
        <v>47</v>
      </c>
      <c r="R6" s="426" t="s">
        <v>48</v>
      </c>
      <c r="S6" s="426" t="s">
        <v>49</v>
      </c>
      <c r="T6" s="426" t="s">
        <v>50</v>
      </c>
      <c r="U6" s="426" t="s">
        <v>51</v>
      </c>
      <c r="V6" s="438" t="s">
        <v>45</v>
      </c>
      <c r="W6" s="667"/>
      <c r="X6" s="425" t="s">
        <v>119</v>
      </c>
      <c r="Y6" s="426" t="s">
        <v>44</v>
      </c>
      <c r="Z6" s="436" t="s">
        <v>45</v>
      </c>
      <c r="AA6" s="437" t="s">
        <v>83</v>
      </c>
      <c r="AB6" s="426" t="s">
        <v>47</v>
      </c>
      <c r="AC6" s="426" t="s">
        <v>48</v>
      </c>
      <c r="AD6" s="426" t="s">
        <v>49</v>
      </c>
      <c r="AE6" s="426" t="s">
        <v>50</v>
      </c>
      <c r="AF6" s="426" t="s">
        <v>51</v>
      </c>
      <c r="AG6" s="438" t="s">
        <v>45</v>
      </c>
      <c r="AH6" s="667"/>
      <c r="AI6" s="425" t="s">
        <v>119</v>
      </c>
      <c r="AJ6" s="426" t="s">
        <v>44</v>
      </c>
      <c r="AK6" s="436" t="s">
        <v>45</v>
      </c>
      <c r="AL6" s="437" t="s">
        <v>83</v>
      </c>
      <c r="AM6" s="426" t="s">
        <v>47</v>
      </c>
      <c r="AN6" s="426" t="s">
        <v>48</v>
      </c>
      <c r="AO6" s="426" t="s">
        <v>49</v>
      </c>
      <c r="AP6" s="426" t="s">
        <v>50</v>
      </c>
      <c r="AQ6" s="426" t="s">
        <v>51</v>
      </c>
      <c r="AR6" s="438" t="s">
        <v>45</v>
      </c>
      <c r="AS6" s="667"/>
      <c r="AT6" s="425" t="s">
        <v>119</v>
      </c>
      <c r="AU6" s="426" t="s">
        <v>44</v>
      </c>
      <c r="AV6" s="436" t="s">
        <v>45</v>
      </c>
      <c r="AW6" s="437" t="s">
        <v>83</v>
      </c>
      <c r="AX6" s="426" t="s">
        <v>47</v>
      </c>
      <c r="AY6" s="426" t="s">
        <v>48</v>
      </c>
      <c r="AZ6" s="426" t="s">
        <v>49</v>
      </c>
      <c r="BA6" s="426" t="s">
        <v>50</v>
      </c>
      <c r="BB6" s="426" t="s">
        <v>51</v>
      </c>
      <c r="BC6" s="438" t="s">
        <v>45</v>
      </c>
      <c r="BD6" s="667"/>
      <c r="BE6" s="425" t="s">
        <v>119</v>
      </c>
      <c r="BF6" s="426" t="s">
        <v>44</v>
      </c>
      <c r="BG6" s="436" t="s">
        <v>45</v>
      </c>
      <c r="BH6" s="437" t="s">
        <v>83</v>
      </c>
      <c r="BI6" s="426" t="s">
        <v>47</v>
      </c>
      <c r="BJ6" s="426" t="s">
        <v>48</v>
      </c>
      <c r="BK6" s="426" t="s">
        <v>49</v>
      </c>
      <c r="BL6" s="426" t="s">
        <v>50</v>
      </c>
      <c r="BM6" s="426" t="s">
        <v>51</v>
      </c>
      <c r="BN6" s="438" t="s">
        <v>45</v>
      </c>
      <c r="BO6" s="667"/>
      <c r="BP6" s="425" t="s">
        <v>119</v>
      </c>
      <c r="BQ6" s="426" t="s">
        <v>44</v>
      </c>
      <c r="BR6" s="436" t="s">
        <v>45</v>
      </c>
      <c r="BS6" s="437" t="s">
        <v>83</v>
      </c>
      <c r="BT6" s="426" t="s">
        <v>47</v>
      </c>
      <c r="BU6" s="426" t="s">
        <v>48</v>
      </c>
      <c r="BV6" s="426" t="s">
        <v>49</v>
      </c>
      <c r="BW6" s="426" t="s">
        <v>50</v>
      </c>
      <c r="BX6" s="426" t="s">
        <v>51</v>
      </c>
      <c r="BY6" s="438" t="s">
        <v>45</v>
      </c>
      <c r="BZ6" s="667"/>
      <c r="CA6" s="425" t="s">
        <v>119</v>
      </c>
      <c r="CB6" s="426" t="s">
        <v>44</v>
      </c>
      <c r="CC6" s="436" t="s">
        <v>45</v>
      </c>
      <c r="CD6" s="437" t="s">
        <v>83</v>
      </c>
      <c r="CE6" s="426" t="s">
        <v>47</v>
      </c>
      <c r="CF6" s="426" t="s">
        <v>48</v>
      </c>
      <c r="CG6" s="426" t="s">
        <v>49</v>
      </c>
      <c r="CH6" s="426" t="s">
        <v>50</v>
      </c>
      <c r="CI6" s="426" t="s">
        <v>51</v>
      </c>
      <c r="CJ6" s="438" t="s">
        <v>45</v>
      </c>
      <c r="CK6" s="667"/>
      <c r="CL6" s="425" t="s">
        <v>119</v>
      </c>
      <c r="CM6" s="426" t="s">
        <v>44</v>
      </c>
      <c r="CN6" s="436" t="s">
        <v>45</v>
      </c>
      <c r="CO6" s="437" t="s">
        <v>83</v>
      </c>
      <c r="CP6" s="426" t="s">
        <v>47</v>
      </c>
      <c r="CQ6" s="426" t="s">
        <v>48</v>
      </c>
      <c r="CR6" s="426" t="s">
        <v>49</v>
      </c>
      <c r="CS6" s="426" t="s">
        <v>50</v>
      </c>
      <c r="CT6" s="426" t="s">
        <v>51</v>
      </c>
      <c r="CU6" s="438" t="s">
        <v>45</v>
      </c>
      <c r="CV6" s="667"/>
      <c r="CW6" s="425" t="s">
        <v>119</v>
      </c>
      <c r="CX6" s="426" t="s">
        <v>44</v>
      </c>
      <c r="CY6" s="436" t="s">
        <v>45</v>
      </c>
      <c r="CZ6" s="437" t="s">
        <v>83</v>
      </c>
      <c r="DA6" s="426" t="s">
        <v>47</v>
      </c>
      <c r="DB6" s="426" t="s">
        <v>48</v>
      </c>
      <c r="DC6" s="426" t="s">
        <v>49</v>
      </c>
      <c r="DD6" s="426" t="s">
        <v>50</v>
      </c>
      <c r="DE6" s="426" t="s">
        <v>51</v>
      </c>
      <c r="DF6" s="438" t="s">
        <v>45</v>
      </c>
      <c r="DG6" s="667"/>
      <c r="DH6" s="425" t="s">
        <v>119</v>
      </c>
      <c r="DI6" s="426" t="s">
        <v>44</v>
      </c>
      <c r="DJ6" s="436" t="s">
        <v>45</v>
      </c>
      <c r="DK6" s="437" t="s">
        <v>83</v>
      </c>
      <c r="DL6" s="426" t="s">
        <v>47</v>
      </c>
      <c r="DM6" s="426" t="s">
        <v>48</v>
      </c>
      <c r="DN6" s="426" t="s">
        <v>49</v>
      </c>
      <c r="DO6" s="426" t="s">
        <v>50</v>
      </c>
      <c r="DP6" s="426" t="s">
        <v>51</v>
      </c>
      <c r="DQ6" s="438" t="s">
        <v>45</v>
      </c>
      <c r="DR6" s="679"/>
      <c r="DS6" s="425" t="s">
        <v>119</v>
      </c>
      <c r="DT6" s="426" t="s">
        <v>44</v>
      </c>
      <c r="DU6" s="436" t="s">
        <v>45</v>
      </c>
      <c r="DV6" s="437" t="s">
        <v>83</v>
      </c>
      <c r="DW6" s="426" t="s">
        <v>47</v>
      </c>
      <c r="DX6" s="426" t="s">
        <v>48</v>
      </c>
      <c r="DY6" s="426" t="s">
        <v>49</v>
      </c>
      <c r="DZ6" s="426" t="s">
        <v>50</v>
      </c>
      <c r="EA6" s="426" t="s">
        <v>51</v>
      </c>
      <c r="EB6" s="438" t="s">
        <v>45</v>
      </c>
      <c r="EC6" s="667"/>
      <c r="ED6" s="425" t="s">
        <v>119</v>
      </c>
      <c r="EE6" s="426" t="s">
        <v>44</v>
      </c>
      <c r="EF6" s="436" t="s">
        <v>45</v>
      </c>
      <c r="EG6" s="437" t="s">
        <v>83</v>
      </c>
      <c r="EH6" s="426" t="s">
        <v>47</v>
      </c>
      <c r="EI6" s="426" t="s">
        <v>48</v>
      </c>
      <c r="EJ6" s="426" t="s">
        <v>49</v>
      </c>
      <c r="EK6" s="426" t="s">
        <v>50</v>
      </c>
      <c r="EL6" s="426" t="s">
        <v>51</v>
      </c>
      <c r="EM6" s="438" t="s">
        <v>45</v>
      </c>
      <c r="EN6" s="667"/>
      <c r="EO6" s="425" t="s">
        <v>119</v>
      </c>
      <c r="EP6" s="426" t="s">
        <v>44</v>
      </c>
      <c r="EQ6" s="436" t="s">
        <v>45</v>
      </c>
      <c r="ER6" s="437" t="s">
        <v>83</v>
      </c>
      <c r="ES6" s="426" t="s">
        <v>47</v>
      </c>
      <c r="ET6" s="426" t="s">
        <v>48</v>
      </c>
      <c r="EU6" s="426" t="s">
        <v>49</v>
      </c>
      <c r="EV6" s="426" t="s">
        <v>50</v>
      </c>
      <c r="EW6" s="426" t="s">
        <v>51</v>
      </c>
      <c r="EX6" s="438" t="s">
        <v>45</v>
      </c>
      <c r="EY6" s="667"/>
      <c r="EZ6" s="425" t="s">
        <v>119</v>
      </c>
      <c r="FA6" s="426" t="s">
        <v>44</v>
      </c>
      <c r="FB6" s="436" t="s">
        <v>45</v>
      </c>
      <c r="FC6" s="437" t="s">
        <v>83</v>
      </c>
      <c r="FD6" s="426" t="s">
        <v>47</v>
      </c>
      <c r="FE6" s="426" t="s">
        <v>48</v>
      </c>
      <c r="FF6" s="426" t="s">
        <v>49</v>
      </c>
      <c r="FG6" s="426" t="s">
        <v>50</v>
      </c>
      <c r="FH6" s="426" t="s">
        <v>51</v>
      </c>
      <c r="FI6" s="438" t="s">
        <v>45</v>
      </c>
      <c r="FJ6" s="667"/>
      <c r="FK6" s="425" t="s">
        <v>119</v>
      </c>
      <c r="FL6" s="426" t="s">
        <v>44</v>
      </c>
      <c r="FM6" s="436" t="s">
        <v>45</v>
      </c>
      <c r="FN6" s="437" t="s">
        <v>83</v>
      </c>
      <c r="FO6" s="426" t="s">
        <v>47</v>
      </c>
      <c r="FP6" s="426" t="s">
        <v>48</v>
      </c>
      <c r="FQ6" s="426" t="s">
        <v>49</v>
      </c>
      <c r="FR6" s="426" t="s">
        <v>50</v>
      </c>
      <c r="FS6" s="426" t="s">
        <v>51</v>
      </c>
      <c r="FT6" s="438" t="s">
        <v>45</v>
      </c>
      <c r="FU6" s="667"/>
      <c r="FV6" s="425" t="s">
        <v>119</v>
      </c>
      <c r="FW6" s="426" t="s">
        <v>44</v>
      </c>
      <c r="FX6" s="436" t="s">
        <v>45</v>
      </c>
      <c r="FY6" s="437" t="s">
        <v>83</v>
      </c>
      <c r="FZ6" s="426" t="s">
        <v>47</v>
      </c>
      <c r="GA6" s="426" t="s">
        <v>48</v>
      </c>
      <c r="GB6" s="426" t="s">
        <v>49</v>
      </c>
      <c r="GC6" s="426" t="s">
        <v>50</v>
      </c>
      <c r="GD6" s="426" t="s">
        <v>51</v>
      </c>
      <c r="GE6" s="438" t="s">
        <v>45</v>
      </c>
      <c r="GF6" s="667"/>
      <c r="GG6" s="425" t="s">
        <v>119</v>
      </c>
      <c r="GH6" s="426" t="s">
        <v>44</v>
      </c>
      <c r="GI6" s="436" t="s">
        <v>45</v>
      </c>
      <c r="GJ6" s="437" t="s">
        <v>83</v>
      </c>
      <c r="GK6" s="426" t="s">
        <v>47</v>
      </c>
      <c r="GL6" s="426" t="s">
        <v>48</v>
      </c>
      <c r="GM6" s="426" t="s">
        <v>49</v>
      </c>
      <c r="GN6" s="426" t="s">
        <v>50</v>
      </c>
      <c r="GO6" s="426" t="s">
        <v>51</v>
      </c>
      <c r="GP6" s="438" t="s">
        <v>45</v>
      </c>
      <c r="GQ6" s="667"/>
      <c r="GR6" s="425" t="s">
        <v>119</v>
      </c>
      <c r="GS6" s="426" t="s">
        <v>44</v>
      </c>
      <c r="GT6" s="436" t="s">
        <v>45</v>
      </c>
      <c r="GU6" s="437" t="s">
        <v>83</v>
      </c>
      <c r="GV6" s="426" t="s">
        <v>47</v>
      </c>
      <c r="GW6" s="426" t="s">
        <v>48</v>
      </c>
      <c r="GX6" s="426" t="s">
        <v>49</v>
      </c>
      <c r="GY6" s="426" t="s">
        <v>50</v>
      </c>
      <c r="GZ6" s="426" t="s">
        <v>51</v>
      </c>
      <c r="HA6" s="438" t="s">
        <v>45</v>
      </c>
      <c r="HB6" s="667"/>
      <c r="HC6" s="425" t="s">
        <v>119</v>
      </c>
      <c r="HD6" s="426" t="s">
        <v>44</v>
      </c>
      <c r="HE6" s="436" t="s">
        <v>45</v>
      </c>
      <c r="HF6" s="437" t="s">
        <v>83</v>
      </c>
      <c r="HG6" s="426" t="s">
        <v>47</v>
      </c>
      <c r="HH6" s="426" t="s">
        <v>48</v>
      </c>
      <c r="HI6" s="426" t="s">
        <v>49</v>
      </c>
      <c r="HJ6" s="426" t="s">
        <v>50</v>
      </c>
      <c r="HK6" s="426" t="s">
        <v>51</v>
      </c>
      <c r="HL6" s="438" t="s">
        <v>45</v>
      </c>
      <c r="HM6" s="667"/>
      <c r="HN6" s="425" t="s">
        <v>119</v>
      </c>
      <c r="HO6" s="426" t="s">
        <v>44</v>
      </c>
      <c r="HP6" s="436" t="s">
        <v>45</v>
      </c>
      <c r="HQ6" s="437" t="s">
        <v>83</v>
      </c>
      <c r="HR6" s="426" t="s">
        <v>47</v>
      </c>
      <c r="HS6" s="426" t="s">
        <v>48</v>
      </c>
      <c r="HT6" s="426" t="s">
        <v>49</v>
      </c>
      <c r="HU6" s="426" t="s">
        <v>50</v>
      </c>
      <c r="HV6" s="426" t="s">
        <v>51</v>
      </c>
      <c r="HW6" s="438" t="s">
        <v>45</v>
      </c>
      <c r="HX6" s="667"/>
    </row>
    <row r="7" spans="1:232" ht="16.5" customHeight="1" x14ac:dyDescent="0.2">
      <c r="A7" s="427" t="s">
        <v>4</v>
      </c>
      <c r="B7" s="428">
        <v>19280</v>
      </c>
      <c r="C7" s="429">
        <v>139136</v>
      </c>
      <c r="D7" s="430">
        <v>158416</v>
      </c>
      <c r="E7" s="431">
        <v>0</v>
      </c>
      <c r="F7" s="429">
        <v>20838276</v>
      </c>
      <c r="G7" s="429">
        <v>43291334</v>
      </c>
      <c r="H7" s="429">
        <v>125050548</v>
      </c>
      <c r="I7" s="429">
        <v>159151854</v>
      </c>
      <c r="J7" s="429">
        <v>103412726</v>
      </c>
      <c r="K7" s="432">
        <v>451744738</v>
      </c>
      <c r="L7" s="433">
        <v>451903154</v>
      </c>
      <c r="M7" s="428">
        <v>0</v>
      </c>
      <c r="N7" s="429">
        <v>0</v>
      </c>
      <c r="O7" s="430">
        <v>0</v>
      </c>
      <c r="P7" s="434"/>
      <c r="Q7" s="429">
        <v>5142967</v>
      </c>
      <c r="R7" s="429">
        <v>14971592</v>
      </c>
      <c r="S7" s="429">
        <v>83272768</v>
      </c>
      <c r="T7" s="429">
        <v>116824247</v>
      </c>
      <c r="U7" s="429">
        <v>78930424</v>
      </c>
      <c r="V7" s="432">
        <v>299141998</v>
      </c>
      <c r="W7" s="433">
        <v>299141998</v>
      </c>
      <c r="X7" s="428">
        <v>0</v>
      </c>
      <c r="Y7" s="429">
        <v>0</v>
      </c>
      <c r="Z7" s="430">
        <v>0</v>
      </c>
      <c r="AA7" s="434"/>
      <c r="AB7" s="429">
        <v>13235451</v>
      </c>
      <c r="AC7" s="429">
        <v>23251003</v>
      </c>
      <c r="AD7" s="429">
        <v>30419915</v>
      </c>
      <c r="AE7" s="429">
        <v>30907900</v>
      </c>
      <c r="AF7" s="429">
        <v>15659486</v>
      </c>
      <c r="AG7" s="432">
        <v>113473755</v>
      </c>
      <c r="AH7" s="433">
        <v>113473755</v>
      </c>
      <c r="AI7" s="428">
        <v>0</v>
      </c>
      <c r="AJ7" s="429">
        <v>0</v>
      </c>
      <c r="AK7" s="430">
        <v>0</v>
      </c>
      <c r="AL7" s="434"/>
      <c r="AM7" s="429">
        <v>2635</v>
      </c>
      <c r="AN7" s="429">
        <v>35495</v>
      </c>
      <c r="AO7" s="429">
        <v>52800</v>
      </c>
      <c r="AP7" s="429">
        <v>995483</v>
      </c>
      <c r="AQ7" s="429">
        <v>1089652</v>
      </c>
      <c r="AR7" s="432">
        <v>2176065</v>
      </c>
      <c r="AS7" s="433">
        <v>2176065</v>
      </c>
      <c r="AT7" s="428">
        <v>0</v>
      </c>
      <c r="AU7" s="429">
        <v>0</v>
      </c>
      <c r="AV7" s="430">
        <v>0</v>
      </c>
      <c r="AW7" s="434"/>
      <c r="AX7" s="429">
        <v>229245</v>
      </c>
      <c r="AY7" s="429">
        <v>152520</v>
      </c>
      <c r="AZ7" s="429">
        <v>486185</v>
      </c>
      <c r="BA7" s="429">
        <v>1866875</v>
      </c>
      <c r="BB7" s="429">
        <v>2709603</v>
      </c>
      <c r="BC7" s="432">
        <v>5444428</v>
      </c>
      <c r="BD7" s="433">
        <v>5444428</v>
      </c>
      <c r="BE7" s="428">
        <v>0</v>
      </c>
      <c r="BF7" s="429">
        <v>0</v>
      </c>
      <c r="BG7" s="430">
        <v>0</v>
      </c>
      <c r="BH7" s="434"/>
      <c r="BI7" s="429">
        <v>68882</v>
      </c>
      <c r="BJ7" s="429">
        <v>268125</v>
      </c>
      <c r="BK7" s="429">
        <v>1552771</v>
      </c>
      <c r="BL7" s="429">
        <v>1577640</v>
      </c>
      <c r="BM7" s="429">
        <v>1217187</v>
      </c>
      <c r="BN7" s="432">
        <v>4684605</v>
      </c>
      <c r="BO7" s="433">
        <v>4684605</v>
      </c>
      <c r="BP7" s="428">
        <v>18700</v>
      </c>
      <c r="BQ7" s="429">
        <v>117091</v>
      </c>
      <c r="BR7" s="430">
        <v>135791</v>
      </c>
      <c r="BS7" s="431">
        <v>0</v>
      </c>
      <c r="BT7" s="429">
        <v>2039477</v>
      </c>
      <c r="BU7" s="429">
        <v>4356967</v>
      </c>
      <c r="BV7" s="429">
        <v>8883168</v>
      </c>
      <c r="BW7" s="429">
        <v>6582737</v>
      </c>
      <c r="BX7" s="429">
        <v>3521122</v>
      </c>
      <c r="BY7" s="432">
        <v>25383471</v>
      </c>
      <c r="BZ7" s="433">
        <v>25519262</v>
      </c>
      <c r="CA7" s="428">
        <v>580</v>
      </c>
      <c r="CB7" s="429">
        <v>22045</v>
      </c>
      <c r="CC7" s="430">
        <v>22625</v>
      </c>
      <c r="CD7" s="431">
        <v>0</v>
      </c>
      <c r="CE7" s="429">
        <v>119619</v>
      </c>
      <c r="CF7" s="429">
        <v>255632</v>
      </c>
      <c r="CG7" s="429">
        <v>382241</v>
      </c>
      <c r="CH7" s="429">
        <v>396972</v>
      </c>
      <c r="CI7" s="429">
        <v>285252</v>
      </c>
      <c r="CJ7" s="432">
        <v>1439716</v>
      </c>
      <c r="CK7" s="433">
        <v>1462341</v>
      </c>
      <c r="CL7" s="428">
        <v>0</v>
      </c>
      <c r="CM7" s="429">
        <v>0</v>
      </c>
      <c r="CN7" s="430">
        <v>0</v>
      </c>
      <c r="CO7" s="431">
        <v>0</v>
      </c>
      <c r="CP7" s="429">
        <v>0</v>
      </c>
      <c r="CQ7" s="429">
        <v>0</v>
      </c>
      <c r="CR7" s="429">
        <v>0</v>
      </c>
      <c r="CS7" s="429">
        <v>0</v>
      </c>
      <c r="CT7" s="429">
        <v>0</v>
      </c>
      <c r="CU7" s="432">
        <v>0</v>
      </c>
      <c r="CV7" s="433">
        <v>0</v>
      </c>
      <c r="CW7" s="428">
        <v>0</v>
      </c>
      <c r="CX7" s="429">
        <v>0</v>
      </c>
      <c r="CY7" s="430">
        <v>0</v>
      </c>
      <c r="CZ7" s="434"/>
      <c r="DA7" s="429">
        <v>0</v>
      </c>
      <c r="DB7" s="429">
        <v>0</v>
      </c>
      <c r="DC7" s="429">
        <v>700</v>
      </c>
      <c r="DD7" s="429">
        <v>0</v>
      </c>
      <c r="DE7" s="429">
        <v>0</v>
      </c>
      <c r="DF7" s="432">
        <v>700</v>
      </c>
      <c r="DG7" s="433">
        <v>700</v>
      </c>
      <c r="DH7" s="428">
        <v>35509</v>
      </c>
      <c r="DI7" s="429">
        <v>163483</v>
      </c>
      <c r="DJ7" s="430">
        <v>198992</v>
      </c>
      <c r="DK7" s="431">
        <v>0</v>
      </c>
      <c r="DL7" s="429">
        <v>12140250</v>
      </c>
      <c r="DM7" s="429">
        <v>34659411</v>
      </c>
      <c r="DN7" s="429">
        <v>131564777</v>
      </c>
      <c r="DO7" s="429">
        <v>167417820</v>
      </c>
      <c r="DP7" s="429">
        <v>106581668</v>
      </c>
      <c r="DQ7" s="432">
        <v>452363926</v>
      </c>
      <c r="DR7" s="435">
        <v>452562918</v>
      </c>
      <c r="DS7" s="428">
        <v>0</v>
      </c>
      <c r="DT7" s="429">
        <v>0</v>
      </c>
      <c r="DU7" s="430">
        <v>0</v>
      </c>
      <c r="DV7" s="434"/>
      <c r="DW7" s="429">
        <v>6120351</v>
      </c>
      <c r="DX7" s="429">
        <v>20815865</v>
      </c>
      <c r="DY7" s="429">
        <v>108421219</v>
      </c>
      <c r="DZ7" s="429">
        <v>146675014</v>
      </c>
      <c r="EA7" s="429">
        <v>93947714</v>
      </c>
      <c r="EB7" s="432">
        <v>375980163</v>
      </c>
      <c r="EC7" s="433">
        <v>375980163</v>
      </c>
      <c r="ED7" s="428">
        <v>0</v>
      </c>
      <c r="EE7" s="429">
        <v>0</v>
      </c>
      <c r="EF7" s="430">
        <v>0</v>
      </c>
      <c r="EG7" s="434"/>
      <c r="EH7" s="429">
        <v>2750823</v>
      </c>
      <c r="EI7" s="429">
        <v>6433963</v>
      </c>
      <c r="EJ7" s="429">
        <v>6753290</v>
      </c>
      <c r="EK7" s="429">
        <v>6991872</v>
      </c>
      <c r="EL7" s="429">
        <v>4151402</v>
      </c>
      <c r="EM7" s="432">
        <v>27081350</v>
      </c>
      <c r="EN7" s="433">
        <v>27081350</v>
      </c>
      <c r="EO7" s="428">
        <v>0</v>
      </c>
      <c r="EP7" s="429">
        <v>0</v>
      </c>
      <c r="EQ7" s="430">
        <v>0</v>
      </c>
      <c r="ER7" s="434"/>
      <c r="ES7" s="429">
        <v>217</v>
      </c>
      <c r="ET7" s="429">
        <v>11687</v>
      </c>
      <c r="EU7" s="429">
        <v>2397</v>
      </c>
      <c r="EV7" s="429">
        <v>132252</v>
      </c>
      <c r="EW7" s="429">
        <v>176434</v>
      </c>
      <c r="EX7" s="432">
        <v>322987</v>
      </c>
      <c r="EY7" s="433">
        <v>322987</v>
      </c>
      <c r="EZ7" s="428">
        <v>0</v>
      </c>
      <c r="FA7" s="429">
        <v>0</v>
      </c>
      <c r="FB7" s="430">
        <v>0</v>
      </c>
      <c r="FC7" s="434"/>
      <c r="FD7" s="429">
        <v>47833</v>
      </c>
      <c r="FE7" s="429">
        <v>47616</v>
      </c>
      <c r="FF7" s="429">
        <v>108844</v>
      </c>
      <c r="FG7" s="429">
        <v>349106</v>
      </c>
      <c r="FH7" s="429">
        <v>442821</v>
      </c>
      <c r="FI7" s="432">
        <v>996220</v>
      </c>
      <c r="FJ7" s="433">
        <v>996220</v>
      </c>
      <c r="FK7" s="428">
        <v>0</v>
      </c>
      <c r="FL7" s="429">
        <v>0</v>
      </c>
      <c r="FM7" s="430">
        <v>0</v>
      </c>
      <c r="FN7" s="434"/>
      <c r="FO7" s="429">
        <v>166222</v>
      </c>
      <c r="FP7" s="429">
        <v>361055</v>
      </c>
      <c r="FQ7" s="429">
        <v>2784238</v>
      </c>
      <c r="FR7" s="429">
        <v>3022061</v>
      </c>
      <c r="FS7" s="429">
        <v>2233162</v>
      </c>
      <c r="FT7" s="432">
        <v>8566738</v>
      </c>
      <c r="FU7" s="433">
        <v>8566738</v>
      </c>
      <c r="FV7" s="428">
        <v>32725</v>
      </c>
      <c r="FW7" s="429">
        <v>159608</v>
      </c>
      <c r="FX7" s="430">
        <v>192333</v>
      </c>
      <c r="FY7" s="431">
        <v>0</v>
      </c>
      <c r="FZ7" s="429">
        <v>3004173</v>
      </c>
      <c r="GA7" s="429">
        <v>6877432</v>
      </c>
      <c r="GB7" s="429">
        <v>13288232</v>
      </c>
      <c r="GC7" s="429">
        <v>10023746</v>
      </c>
      <c r="GD7" s="429">
        <v>5529131</v>
      </c>
      <c r="GE7" s="432">
        <v>38722714</v>
      </c>
      <c r="GF7" s="433">
        <v>38915047</v>
      </c>
      <c r="GG7" s="428">
        <v>2784</v>
      </c>
      <c r="GH7" s="429">
        <v>3875</v>
      </c>
      <c r="GI7" s="430">
        <v>6659</v>
      </c>
      <c r="GJ7" s="431">
        <v>0</v>
      </c>
      <c r="GK7" s="429">
        <v>50631</v>
      </c>
      <c r="GL7" s="429">
        <v>111793</v>
      </c>
      <c r="GM7" s="429">
        <v>206522</v>
      </c>
      <c r="GN7" s="429">
        <v>223769</v>
      </c>
      <c r="GO7" s="429">
        <v>101004</v>
      </c>
      <c r="GP7" s="432">
        <v>693719</v>
      </c>
      <c r="GQ7" s="433">
        <v>700378</v>
      </c>
      <c r="GR7" s="428">
        <v>0</v>
      </c>
      <c r="GS7" s="429">
        <v>0</v>
      </c>
      <c r="GT7" s="430">
        <v>0</v>
      </c>
      <c r="GU7" s="431">
        <v>0</v>
      </c>
      <c r="GV7" s="429">
        <v>0</v>
      </c>
      <c r="GW7" s="429">
        <v>0</v>
      </c>
      <c r="GX7" s="429">
        <v>0</v>
      </c>
      <c r="GY7" s="429">
        <v>0</v>
      </c>
      <c r="GZ7" s="429">
        <v>0</v>
      </c>
      <c r="HA7" s="432">
        <v>0</v>
      </c>
      <c r="HB7" s="433">
        <v>0</v>
      </c>
      <c r="HC7" s="428">
        <v>0</v>
      </c>
      <c r="HD7" s="429">
        <v>0</v>
      </c>
      <c r="HE7" s="430">
        <v>0</v>
      </c>
      <c r="HF7" s="434"/>
      <c r="HG7" s="429">
        <v>0</v>
      </c>
      <c r="HH7" s="429">
        <v>0</v>
      </c>
      <c r="HI7" s="429">
        <v>35</v>
      </c>
      <c r="HJ7" s="429">
        <v>0</v>
      </c>
      <c r="HK7" s="429">
        <v>0</v>
      </c>
      <c r="HL7" s="432">
        <v>35</v>
      </c>
      <c r="HM7" s="433">
        <v>35</v>
      </c>
      <c r="HN7" s="428">
        <v>54789</v>
      </c>
      <c r="HO7" s="429">
        <v>302619</v>
      </c>
      <c r="HP7" s="430">
        <v>357408</v>
      </c>
      <c r="HQ7" s="431">
        <v>0</v>
      </c>
      <c r="HR7" s="429">
        <v>32978526</v>
      </c>
      <c r="HS7" s="429">
        <v>77950745</v>
      </c>
      <c r="HT7" s="429">
        <v>256615325</v>
      </c>
      <c r="HU7" s="429">
        <v>326569674</v>
      </c>
      <c r="HV7" s="429">
        <v>209994394</v>
      </c>
      <c r="HW7" s="432">
        <v>904108664</v>
      </c>
      <c r="HX7" s="433">
        <v>904466072</v>
      </c>
    </row>
    <row r="8" spans="1:232" ht="16.5" customHeight="1" x14ac:dyDescent="0.2">
      <c r="A8" s="324" t="s">
        <v>5</v>
      </c>
      <c r="B8" s="326">
        <v>1705</v>
      </c>
      <c r="C8" s="327">
        <v>34610</v>
      </c>
      <c r="D8" s="328">
        <v>36315</v>
      </c>
      <c r="E8" s="329">
        <v>0</v>
      </c>
      <c r="F8" s="327">
        <v>8142632</v>
      </c>
      <c r="G8" s="327">
        <v>21698968</v>
      </c>
      <c r="H8" s="327">
        <v>53356870</v>
      </c>
      <c r="I8" s="327">
        <v>66383565</v>
      </c>
      <c r="J8" s="327">
        <v>43901588</v>
      </c>
      <c r="K8" s="330">
        <v>193483623</v>
      </c>
      <c r="L8" s="331">
        <v>193519938</v>
      </c>
      <c r="M8" s="326">
        <v>0</v>
      </c>
      <c r="N8" s="327">
        <v>0</v>
      </c>
      <c r="O8" s="328">
        <v>0</v>
      </c>
      <c r="P8" s="332"/>
      <c r="Q8" s="327">
        <v>2641694</v>
      </c>
      <c r="R8" s="327">
        <v>9281496</v>
      </c>
      <c r="S8" s="327">
        <v>35844862</v>
      </c>
      <c r="T8" s="327">
        <v>49375743</v>
      </c>
      <c r="U8" s="327">
        <v>34103786</v>
      </c>
      <c r="V8" s="330">
        <v>131247581</v>
      </c>
      <c r="W8" s="331">
        <v>131247581</v>
      </c>
      <c r="X8" s="326">
        <v>0</v>
      </c>
      <c r="Y8" s="327">
        <v>0</v>
      </c>
      <c r="Z8" s="328">
        <v>0</v>
      </c>
      <c r="AA8" s="332"/>
      <c r="AB8" s="327">
        <v>4834358</v>
      </c>
      <c r="AC8" s="327">
        <v>10327952</v>
      </c>
      <c r="AD8" s="327">
        <v>13367935</v>
      </c>
      <c r="AE8" s="327">
        <v>13432534</v>
      </c>
      <c r="AF8" s="327">
        <v>7204578</v>
      </c>
      <c r="AG8" s="330">
        <v>49167357</v>
      </c>
      <c r="AH8" s="331">
        <v>49167357</v>
      </c>
      <c r="AI8" s="326">
        <v>0</v>
      </c>
      <c r="AJ8" s="327">
        <v>0</v>
      </c>
      <c r="AK8" s="328">
        <v>0</v>
      </c>
      <c r="AL8" s="332"/>
      <c r="AM8" s="327">
        <v>0</v>
      </c>
      <c r="AN8" s="327">
        <v>35495</v>
      </c>
      <c r="AO8" s="327">
        <v>2635</v>
      </c>
      <c r="AP8" s="327">
        <v>147696</v>
      </c>
      <c r="AQ8" s="327">
        <v>233782</v>
      </c>
      <c r="AR8" s="330">
        <v>419608</v>
      </c>
      <c r="AS8" s="331">
        <v>419608</v>
      </c>
      <c r="AT8" s="326">
        <v>0</v>
      </c>
      <c r="AU8" s="327">
        <v>0</v>
      </c>
      <c r="AV8" s="328">
        <v>0</v>
      </c>
      <c r="AW8" s="332"/>
      <c r="AX8" s="327">
        <v>35495</v>
      </c>
      <c r="AY8" s="327">
        <v>35495</v>
      </c>
      <c r="AZ8" s="327">
        <v>42720</v>
      </c>
      <c r="BA8" s="327">
        <v>453815</v>
      </c>
      <c r="BB8" s="327">
        <v>620790</v>
      </c>
      <c r="BC8" s="330">
        <v>1188315</v>
      </c>
      <c r="BD8" s="331">
        <v>1188315</v>
      </c>
      <c r="BE8" s="326">
        <v>0</v>
      </c>
      <c r="BF8" s="327">
        <v>0</v>
      </c>
      <c r="BG8" s="328">
        <v>0</v>
      </c>
      <c r="BH8" s="332"/>
      <c r="BI8" s="327">
        <v>37975</v>
      </c>
      <c r="BJ8" s="327">
        <v>57350</v>
      </c>
      <c r="BK8" s="327">
        <v>176395</v>
      </c>
      <c r="BL8" s="327">
        <v>261400</v>
      </c>
      <c r="BM8" s="327">
        <v>166845</v>
      </c>
      <c r="BN8" s="330">
        <v>699965</v>
      </c>
      <c r="BO8" s="331">
        <v>699965</v>
      </c>
      <c r="BP8" s="326">
        <v>1125</v>
      </c>
      <c r="BQ8" s="327">
        <v>34465</v>
      </c>
      <c r="BR8" s="328">
        <v>35590</v>
      </c>
      <c r="BS8" s="329">
        <v>0</v>
      </c>
      <c r="BT8" s="327">
        <v>523075</v>
      </c>
      <c r="BU8" s="327">
        <v>1825097</v>
      </c>
      <c r="BV8" s="327">
        <v>3698726</v>
      </c>
      <c r="BW8" s="327">
        <v>2471949</v>
      </c>
      <c r="BX8" s="327">
        <v>1465544</v>
      </c>
      <c r="BY8" s="330">
        <v>9984391</v>
      </c>
      <c r="BZ8" s="331">
        <v>10019981</v>
      </c>
      <c r="CA8" s="326">
        <v>580</v>
      </c>
      <c r="CB8" s="327">
        <v>145</v>
      </c>
      <c r="CC8" s="328">
        <v>725</v>
      </c>
      <c r="CD8" s="329">
        <v>0</v>
      </c>
      <c r="CE8" s="327">
        <v>70035</v>
      </c>
      <c r="CF8" s="327">
        <v>136083</v>
      </c>
      <c r="CG8" s="327">
        <v>223597</v>
      </c>
      <c r="CH8" s="327">
        <v>240428</v>
      </c>
      <c r="CI8" s="327">
        <v>106263</v>
      </c>
      <c r="CJ8" s="330">
        <v>776406</v>
      </c>
      <c r="CK8" s="331">
        <v>777131</v>
      </c>
      <c r="CL8" s="326">
        <v>0</v>
      </c>
      <c r="CM8" s="327">
        <v>0</v>
      </c>
      <c r="CN8" s="328">
        <v>0</v>
      </c>
      <c r="CO8" s="329">
        <v>0</v>
      </c>
      <c r="CP8" s="327">
        <v>0</v>
      </c>
      <c r="CQ8" s="327">
        <v>0</v>
      </c>
      <c r="CR8" s="327">
        <v>0</v>
      </c>
      <c r="CS8" s="327">
        <v>0</v>
      </c>
      <c r="CT8" s="327">
        <v>0</v>
      </c>
      <c r="CU8" s="330">
        <v>0</v>
      </c>
      <c r="CV8" s="331">
        <v>0</v>
      </c>
      <c r="CW8" s="326">
        <v>0</v>
      </c>
      <c r="CX8" s="327">
        <v>0</v>
      </c>
      <c r="CY8" s="328">
        <v>0</v>
      </c>
      <c r="CZ8" s="332"/>
      <c r="DA8" s="327">
        <v>0</v>
      </c>
      <c r="DB8" s="327">
        <v>0</v>
      </c>
      <c r="DC8" s="327">
        <v>0</v>
      </c>
      <c r="DD8" s="327">
        <v>0</v>
      </c>
      <c r="DE8" s="327">
        <v>0</v>
      </c>
      <c r="DF8" s="330">
        <v>0</v>
      </c>
      <c r="DG8" s="331">
        <v>0</v>
      </c>
      <c r="DH8" s="326">
        <v>9332</v>
      </c>
      <c r="DI8" s="327">
        <v>58316</v>
      </c>
      <c r="DJ8" s="328">
        <v>67648</v>
      </c>
      <c r="DK8" s="329">
        <v>0</v>
      </c>
      <c r="DL8" s="327">
        <v>5633795</v>
      </c>
      <c r="DM8" s="327">
        <v>20409286</v>
      </c>
      <c r="DN8" s="327">
        <v>57431697</v>
      </c>
      <c r="DO8" s="327">
        <v>72195763</v>
      </c>
      <c r="DP8" s="327">
        <v>47752851</v>
      </c>
      <c r="DQ8" s="330">
        <v>203423392</v>
      </c>
      <c r="DR8" s="333">
        <v>203491040</v>
      </c>
      <c r="DS8" s="326">
        <v>0</v>
      </c>
      <c r="DT8" s="327">
        <v>0</v>
      </c>
      <c r="DU8" s="328">
        <v>0</v>
      </c>
      <c r="DV8" s="332"/>
      <c r="DW8" s="327">
        <v>3248261</v>
      </c>
      <c r="DX8" s="327">
        <v>13276019</v>
      </c>
      <c r="DY8" s="327">
        <v>47929988</v>
      </c>
      <c r="DZ8" s="327">
        <v>63616313</v>
      </c>
      <c r="EA8" s="327">
        <v>42248430</v>
      </c>
      <c r="EB8" s="330">
        <v>170319011</v>
      </c>
      <c r="EC8" s="331">
        <v>170319011</v>
      </c>
      <c r="ED8" s="326">
        <v>0</v>
      </c>
      <c r="EE8" s="327">
        <v>0</v>
      </c>
      <c r="EF8" s="328">
        <v>0</v>
      </c>
      <c r="EG8" s="332"/>
      <c r="EH8" s="327">
        <v>1404461</v>
      </c>
      <c r="EI8" s="327">
        <v>3951614</v>
      </c>
      <c r="EJ8" s="327">
        <v>3777383</v>
      </c>
      <c r="EK8" s="327">
        <v>3865927</v>
      </c>
      <c r="EL8" s="327">
        <v>2686971</v>
      </c>
      <c r="EM8" s="330">
        <v>15686356</v>
      </c>
      <c r="EN8" s="331">
        <v>15686356</v>
      </c>
      <c r="EO8" s="326">
        <v>0</v>
      </c>
      <c r="EP8" s="327">
        <v>0</v>
      </c>
      <c r="EQ8" s="328">
        <v>0</v>
      </c>
      <c r="ER8" s="332"/>
      <c r="ES8" s="327">
        <v>0</v>
      </c>
      <c r="ET8" s="327">
        <v>11687</v>
      </c>
      <c r="EU8" s="327">
        <v>217</v>
      </c>
      <c r="EV8" s="327">
        <v>27063</v>
      </c>
      <c r="EW8" s="327">
        <v>15964</v>
      </c>
      <c r="EX8" s="330">
        <v>54931</v>
      </c>
      <c r="EY8" s="331">
        <v>54931</v>
      </c>
      <c r="EZ8" s="326">
        <v>0</v>
      </c>
      <c r="FA8" s="327">
        <v>0</v>
      </c>
      <c r="FB8" s="328">
        <v>0</v>
      </c>
      <c r="FC8" s="332"/>
      <c r="FD8" s="327">
        <v>11687</v>
      </c>
      <c r="FE8" s="327">
        <v>11687</v>
      </c>
      <c r="FF8" s="327">
        <v>12282</v>
      </c>
      <c r="FG8" s="327">
        <v>109854</v>
      </c>
      <c r="FH8" s="327">
        <v>120726</v>
      </c>
      <c r="FI8" s="330">
        <v>266236</v>
      </c>
      <c r="FJ8" s="331">
        <v>266236</v>
      </c>
      <c r="FK8" s="326">
        <v>0</v>
      </c>
      <c r="FL8" s="327">
        <v>0</v>
      </c>
      <c r="FM8" s="328">
        <v>0</v>
      </c>
      <c r="FN8" s="332"/>
      <c r="FO8" s="327">
        <v>79918</v>
      </c>
      <c r="FP8" s="327">
        <v>58342</v>
      </c>
      <c r="FQ8" s="327">
        <v>353564</v>
      </c>
      <c r="FR8" s="327">
        <v>370932</v>
      </c>
      <c r="FS8" s="327">
        <v>255356</v>
      </c>
      <c r="FT8" s="330">
        <v>1118112</v>
      </c>
      <c r="FU8" s="331">
        <v>1118112</v>
      </c>
      <c r="FV8" s="326">
        <v>6548</v>
      </c>
      <c r="FW8" s="327">
        <v>58302</v>
      </c>
      <c r="FX8" s="328">
        <v>64850</v>
      </c>
      <c r="FY8" s="329">
        <v>0</v>
      </c>
      <c r="FZ8" s="327">
        <v>865462</v>
      </c>
      <c r="GA8" s="327">
        <v>3031945</v>
      </c>
      <c r="GB8" s="327">
        <v>5274896</v>
      </c>
      <c r="GC8" s="327">
        <v>4076722</v>
      </c>
      <c r="GD8" s="327">
        <v>2375658</v>
      </c>
      <c r="GE8" s="330">
        <v>15624683</v>
      </c>
      <c r="GF8" s="331">
        <v>15689533</v>
      </c>
      <c r="GG8" s="326">
        <v>2784</v>
      </c>
      <c r="GH8" s="327">
        <v>14</v>
      </c>
      <c r="GI8" s="328">
        <v>2798</v>
      </c>
      <c r="GJ8" s="329">
        <v>0</v>
      </c>
      <c r="GK8" s="327">
        <v>24006</v>
      </c>
      <c r="GL8" s="327">
        <v>67992</v>
      </c>
      <c r="GM8" s="327">
        <v>83367</v>
      </c>
      <c r="GN8" s="327">
        <v>128952</v>
      </c>
      <c r="GO8" s="327">
        <v>49746</v>
      </c>
      <c r="GP8" s="330">
        <v>354063</v>
      </c>
      <c r="GQ8" s="331">
        <v>356861</v>
      </c>
      <c r="GR8" s="326">
        <v>0</v>
      </c>
      <c r="GS8" s="327">
        <v>0</v>
      </c>
      <c r="GT8" s="328">
        <v>0</v>
      </c>
      <c r="GU8" s="329">
        <v>0</v>
      </c>
      <c r="GV8" s="327">
        <v>0</v>
      </c>
      <c r="GW8" s="327">
        <v>0</v>
      </c>
      <c r="GX8" s="327">
        <v>0</v>
      </c>
      <c r="GY8" s="327">
        <v>0</v>
      </c>
      <c r="GZ8" s="327">
        <v>0</v>
      </c>
      <c r="HA8" s="330">
        <v>0</v>
      </c>
      <c r="HB8" s="331">
        <v>0</v>
      </c>
      <c r="HC8" s="326">
        <v>0</v>
      </c>
      <c r="HD8" s="327">
        <v>0</v>
      </c>
      <c r="HE8" s="328">
        <v>0</v>
      </c>
      <c r="HF8" s="332"/>
      <c r="HG8" s="327">
        <v>0</v>
      </c>
      <c r="HH8" s="327">
        <v>0</v>
      </c>
      <c r="HI8" s="327">
        <v>0</v>
      </c>
      <c r="HJ8" s="327">
        <v>0</v>
      </c>
      <c r="HK8" s="327">
        <v>0</v>
      </c>
      <c r="HL8" s="330">
        <v>0</v>
      </c>
      <c r="HM8" s="331">
        <v>0</v>
      </c>
      <c r="HN8" s="326">
        <v>11037</v>
      </c>
      <c r="HO8" s="327">
        <v>92926</v>
      </c>
      <c r="HP8" s="328">
        <v>103963</v>
      </c>
      <c r="HQ8" s="329">
        <v>0</v>
      </c>
      <c r="HR8" s="327">
        <v>13776427</v>
      </c>
      <c r="HS8" s="327">
        <v>42108254</v>
      </c>
      <c r="HT8" s="327">
        <v>110788567</v>
      </c>
      <c r="HU8" s="327">
        <v>138579328</v>
      </c>
      <c r="HV8" s="327">
        <v>91654439</v>
      </c>
      <c r="HW8" s="330">
        <v>396907015</v>
      </c>
      <c r="HX8" s="331">
        <v>397010978</v>
      </c>
    </row>
    <row r="9" spans="1:232" ht="16.5" customHeight="1" x14ac:dyDescent="0.2">
      <c r="A9" s="324" t="s">
        <v>6</v>
      </c>
      <c r="B9" s="326">
        <v>340</v>
      </c>
      <c r="C9" s="327">
        <v>23155</v>
      </c>
      <c r="D9" s="328">
        <v>23495</v>
      </c>
      <c r="E9" s="329">
        <v>0</v>
      </c>
      <c r="F9" s="327">
        <v>3090216</v>
      </c>
      <c r="G9" s="327">
        <v>5159355</v>
      </c>
      <c r="H9" s="327">
        <v>15855169</v>
      </c>
      <c r="I9" s="327">
        <v>21805539</v>
      </c>
      <c r="J9" s="327">
        <v>14695967</v>
      </c>
      <c r="K9" s="330">
        <v>60606246</v>
      </c>
      <c r="L9" s="331">
        <v>60629741</v>
      </c>
      <c r="M9" s="326">
        <v>0</v>
      </c>
      <c r="N9" s="327">
        <v>0</v>
      </c>
      <c r="O9" s="328">
        <v>0</v>
      </c>
      <c r="P9" s="332"/>
      <c r="Q9" s="327">
        <v>1138140</v>
      </c>
      <c r="R9" s="327">
        <v>1947105</v>
      </c>
      <c r="S9" s="327">
        <v>11226635</v>
      </c>
      <c r="T9" s="327">
        <v>14921347</v>
      </c>
      <c r="U9" s="327">
        <v>11106560</v>
      </c>
      <c r="V9" s="330">
        <v>40339787</v>
      </c>
      <c r="W9" s="331">
        <v>40339787</v>
      </c>
      <c r="X9" s="326">
        <v>0</v>
      </c>
      <c r="Y9" s="327">
        <v>0</v>
      </c>
      <c r="Z9" s="328">
        <v>0</v>
      </c>
      <c r="AA9" s="332"/>
      <c r="AB9" s="327">
        <v>1602415</v>
      </c>
      <c r="AC9" s="327">
        <v>2560415</v>
      </c>
      <c r="AD9" s="327">
        <v>3348755</v>
      </c>
      <c r="AE9" s="327">
        <v>4781391</v>
      </c>
      <c r="AF9" s="327">
        <v>1998530</v>
      </c>
      <c r="AG9" s="330">
        <v>14291506</v>
      </c>
      <c r="AH9" s="331">
        <v>14291506</v>
      </c>
      <c r="AI9" s="326">
        <v>0</v>
      </c>
      <c r="AJ9" s="327">
        <v>0</v>
      </c>
      <c r="AK9" s="328">
        <v>0</v>
      </c>
      <c r="AL9" s="332"/>
      <c r="AM9" s="327">
        <v>2635</v>
      </c>
      <c r="AN9" s="327">
        <v>0</v>
      </c>
      <c r="AO9" s="327">
        <v>16945</v>
      </c>
      <c r="AP9" s="327">
        <v>364662</v>
      </c>
      <c r="AQ9" s="327">
        <v>469395</v>
      </c>
      <c r="AR9" s="330">
        <v>853637</v>
      </c>
      <c r="AS9" s="331">
        <v>853637</v>
      </c>
      <c r="AT9" s="326">
        <v>0</v>
      </c>
      <c r="AU9" s="327">
        <v>0</v>
      </c>
      <c r="AV9" s="328">
        <v>0</v>
      </c>
      <c r="AW9" s="332"/>
      <c r="AX9" s="327">
        <v>0</v>
      </c>
      <c r="AY9" s="327">
        <v>0</v>
      </c>
      <c r="AZ9" s="327">
        <v>32550</v>
      </c>
      <c r="BA9" s="327">
        <v>322965</v>
      </c>
      <c r="BB9" s="327">
        <v>450718</v>
      </c>
      <c r="BC9" s="330">
        <v>806233</v>
      </c>
      <c r="BD9" s="331">
        <v>806233</v>
      </c>
      <c r="BE9" s="326">
        <v>0</v>
      </c>
      <c r="BF9" s="327">
        <v>0</v>
      </c>
      <c r="BG9" s="328">
        <v>0</v>
      </c>
      <c r="BH9" s="332"/>
      <c r="BI9" s="327">
        <v>27280</v>
      </c>
      <c r="BJ9" s="327">
        <v>65410</v>
      </c>
      <c r="BK9" s="327">
        <v>222890</v>
      </c>
      <c r="BL9" s="327">
        <v>480200</v>
      </c>
      <c r="BM9" s="327">
        <v>235635</v>
      </c>
      <c r="BN9" s="330">
        <v>1031415</v>
      </c>
      <c r="BO9" s="331">
        <v>1031415</v>
      </c>
      <c r="BP9" s="326">
        <v>340</v>
      </c>
      <c r="BQ9" s="327">
        <v>23155</v>
      </c>
      <c r="BR9" s="328">
        <v>23495</v>
      </c>
      <c r="BS9" s="329">
        <v>0</v>
      </c>
      <c r="BT9" s="327">
        <v>301116</v>
      </c>
      <c r="BU9" s="327">
        <v>540035</v>
      </c>
      <c r="BV9" s="327">
        <v>958879</v>
      </c>
      <c r="BW9" s="327">
        <v>873581</v>
      </c>
      <c r="BX9" s="327">
        <v>349484</v>
      </c>
      <c r="BY9" s="330">
        <v>3023095</v>
      </c>
      <c r="BZ9" s="331">
        <v>3046590</v>
      </c>
      <c r="CA9" s="326">
        <v>0</v>
      </c>
      <c r="CB9" s="327">
        <v>0</v>
      </c>
      <c r="CC9" s="328">
        <v>0</v>
      </c>
      <c r="CD9" s="329">
        <v>0</v>
      </c>
      <c r="CE9" s="327">
        <v>18630</v>
      </c>
      <c r="CF9" s="327">
        <v>46390</v>
      </c>
      <c r="CG9" s="327">
        <v>48515</v>
      </c>
      <c r="CH9" s="327">
        <v>61393</v>
      </c>
      <c r="CI9" s="327">
        <v>85645</v>
      </c>
      <c r="CJ9" s="330">
        <v>260573</v>
      </c>
      <c r="CK9" s="331">
        <v>260573</v>
      </c>
      <c r="CL9" s="326">
        <v>0</v>
      </c>
      <c r="CM9" s="327">
        <v>0</v>
      </c>
      <c r="CN9" s="328">
        <v>0</v>
      </c>
      <c r="CO9" s="329">
        <v>0</v>
      </c>
      <c r="CP9" s="327">
        <v>0</v>
      </c>
      <c r="CQ9" s="327">
        <v>0</v>
      </c>
      <c r="CR9" s="327">
        <v>0</v>
      </c>
      <c r="CS9" s="327">
        <v>0</v>
      </c>
      <c r="CT9" s="327">
        <v>0</v>
      </c>
      <c r="CU9" s="330">
        <v>0</v>
      </c>
      <c r="CV9" s="331">
        <v>0</v>
      </c>
      <c r="CW9" s="326">
        <v>0</v>
      </c>
      <c r="CX9" s="327">
        <v>0</v>
      </c>
      <c r="CY9" s="328">
        <v>0</v>
      </c>
      <c r="CZ9" s="332"/>
      <c r="DA9" s="327">
        <v>0</v>
      </c>
      <c r="DB9" s="327">
        <v>0</v>
      </c>
      <c r="DC9" s="327">
        <v>0</v>
      </c>
      <c r="DD9" s="327">
        <v>0</v>
      </c>
      <c r="DE9" s="327">
        <v>0</v>
      </c>
      <c r="DF9" s="330">
        <v>0</v>
      </c>
      <c r="DG9" s="331">
        <v>0</v>
      </c>
      <c r="DH9" s="326">
        <v>1053</v>
      </c>
      <c r="DI9" s="327">
        <v>24156</v>
      </c>
      <c r="DJ9" s="328">
        <v>25209</v>
      </c>
      <c r="DK9" s="329">
        <v>0</v>
      </c>
      <c r="DL9" s="327">
        <v>1779265</v>
      </c>
      <c r="DM9" s="327">
        <v>3548462</v>
      </c>
      <c r="DN9" s="327">
        <v>14703899</v>
      </c>
      <c r="DO9" s="327">
        <v>19673910</v>
      </c>
      <c r="DP9" s="327">
        <v>13245504</v>
      </c>
      <c r="DQ9" s="330">
        <v>52951040</v>
      </c>
      <c r="DR9" s="333">
        <v>52976249</v>
      </c>
      <c r="DS9" s="326">
        <v>0</v>
      </c>
      <c r="DT9" s="327">
        <v>0</v>
      </c>
      <c r="DU9" s="328">
        <v>0</v>
      </c>
      <c r="DV9" s="332"/>
      <c r="DW9" s="327">
        <v>964272</v>
      </c>
      <c r="DX9" s="327">
        <v>2133421</v>
      </c>
      <c r="DY9" s="327">
        <v>12059613</v>
      </c>
      <c r="DZ9" s="327">
        <v>16291325</v>
      </c>
      <c r="EA9" s="327">
        <v>11420515</v>
      </c>
      <c r="EB9" s="330">
        <v>42869146</v>
      </c>
      <c r="EC9" s="331">
        <v>42869146</v>
      </c>
      <c r="ED9" s="326">
        <v>0</v>
      </c>
      <c r="EE9" s="327">
        <v>0</v>
      </c>
      <c r="EF9" s="328">
        <v>0</v>
      </c>
      <c r="EG9" s="332"/>
      <c r="EH9" s="327">
        <v>343373</v>
      </c>
      <c r="EI9" s="327">
        <v>610941</v>
      </c>
      <c r="EJ9" s="327">
        <v>755602</v>
      </c>
      <c r="EK9" s="327">
        <v>1199461</v>
      </c>
      <c r="EL9" s="327">
        <v>595418</v>
      </c>
      <c r="EM9" s="330">
        <v>3504795</v>
      </c>
      <c r="EN9" s="331">
        <v>3504795</v>
      </c>
      <c r="EO9" s="326">
        <v>0</v>
      </c>
      <c r="EP9" s="327">
        <v>0</v>
      </c>
      <c r="EQ9" s="328">
        <v>0</v>
      </c>
      <c r="ER9" s="332"/>
      <c r="ES9" s="327">
        <v>217</v>
      </c>
      <c r="ET9" s="327">
        <v>0</v>
      </c>
      <c r="EU9" s="327">
        <v>343</v>
      </c>
      <c r="EV9" s="327">
        <v>50010</v>
      </c>
      <c r="EW9" s="327">
        <v>99710</v>
      </c>
      <c r="EX9" s="330">
        <v>150280</v>
      </c>
      <c r="EY9" s="331">
        <v>150280</v>
      </c>
      <c r="EZ9" s="326">
        <v>0</v>
      </c>
      <c r="FA9" s="327">
        <v>0</v>
      </c>
      <c r="FB9" s="328">
        <v>0</v>
      </c>
      <c r="FC9" s="332"/>
      <c r="FD9" s="327">
        <v>0</v>
      </c>
      <c r="FE9" s="327">
        <v>0</v>
      </c>
      <c r="FF9" s="327">
        <v>651</v>
      </c>
      <c r="FG9" s="327">
        <v>60381</v>
      </c>
      <c r="FH9" s="327">
        <v>82688</v>
      </c>
      <c r="FI9" s="330">
        <v>143720</v>
      </c>
      <c r="FJ9" s="331">
        <v>143720</v>
      </c>
      <c r="FK9" s="326">
        <v>0</v>
      </c>
      <c r="FL9" s="327">
        <v>0</v>
      </c>
      <c r="FM9" s="328">
        <v>0</v>
      </c>
      <c r="FN9" s="332"/>
      <c r="FO9" s="327">
        <v>43152</v>
      </c>
      <c r="FP9" s="327">
        <v>73532</v>
      </c>
      <c r="FQ9" s="327">
        <v>448818</v>
      </c>
      <c r="FR9" s="327">
        <v>974301</v>
      </c>
      <c r="FS9" s="327">
        <v>484731</v>
      </c>
      <c r="FT9" s="330">
        <v>2024534</v>
      </c>
      <c r="FU9" s="331">
        <v>2024534</v>
      </c>
      <c r="FV9" s="326">
        <v>1053</v>
      </c>
      <c r="FW9" s="327">
        <v>24156</v>
      </c>
      <c r="FX9" s="328">
        <v>25209</v>
      </c>
      <c r="FY9" s="329">
        <v>0</v>
      </c>
      <c r="FZ9" s="327">
        <v>411698</v>
      </c>
      <c r="GA9" s="327">
        <v>715001</v>
      </c>
      <c r="GB9" s="327">
        <v>1384900</v>
      </c>
      <c r="GC9" s="327">
        <v>1052863</v>
      </c>
      <c r="GD9" s="327">
        <v>530779</v>
      </c>
      <c r="GE9" s="330">
        <v>4095241</v>
      </c>
      <c r="GF9" s="331">
        <v>4120450</v>
      </c>
      <c r="GG9" s="326">
        <v>0</v>
      </c>
      <c r="GH9" s="327">
        <v>0</v>
      </c>
      <c r="GI9" s="328">
        <v>0</v>
      </c>
      <c r="GJ9" s="329">
        <v>0</v>
      </c>
      <c r="GK9" s="327">
        <v>16553</v>
      </c>
      <c r="GL9" s="327">
        <v>15567</v>
      </c>
      <c r="GM9" s="327">
        <v>53972</v>
      </c>
      <c r="GN9" s="327">
        <v>45569</v>
      </c>
      <c r="GO9" s="327">
        <v>31663</v>
      </c>
      <c r="GP9" s="330">
        <v>163324</v>
      </c>
      <c r="GQ9" s="331">
        <v>163324</v>
      </c>
      <c r="GR9" s="326">
        <v>0</v>
      </c>
      <c r="GS9" s="327">
        <v>0</v>
      </c>
      <c r="GT9" s="328">
        <v>0</v>
      </c>
      <c r="GU9" s="329">
        <v>0</v>
      </c>
      <c r="GV9" s="327">
        <v>0</v>
      </c>
      <c r="GW9" s="327">
        <v>0</v>
      </c>
      <c r="GX9" s="327">
        <v>0</v>
      </c>
      <c r="GY9" s="327">
        <v>0</v>
      </c>
      <c r="GZ9" s="327">
        <v>0</v>
      </c>
      <c r="HA9" s="330">
        <v>0</v>
      </c>
      <c r="HB9" s="331">
        <v>0</v>
      </c>
      <c r="HC9" s="326">
        <v>0</v>
      </c>
      <c r="HD9" s="327">
        <v>0</v>
      </c>
      <c r="HE9" s="328">
        <v>0</v>
      </c>
      <c r="HF9" s="332"/>
      <c r="HG9" s="327">
        <v>0</v>
      </c>
      <c r="HH9" s="327">
        <v>0</v>
      </c>
      <c r="HI9" s="327">
        <v>0</v>
      </c>
      <c r="HJ9" s="327">
        <v>0</v>
      </c>
      <c r="HK9" s="327">
        <v>0</v>
      </c>
      <c r="HL9" s="330">
        <v>0</v>
      </c>
      <c r="HM9" s="331">
        <v>0</v>
      </c>
      <c r="HN9" s="326">
        <v>1393</v>
      </c>
      <c r="HO9" s="327">
        <v>47311</v>
      </c>
      <c r="HP9" s="328">
        <v>48704</v>
      </c>
      <c r="HQ9" s="329">
        <v>0</v>
      </c>
      <c r="HR9" s="327">
        <v>4869481</v>
      </c>
      <c r="HS9" s="327">
        <v>8707817</v>
      </c>
      <c r="HT9" s="327">
        <v>30559068</v>
      </c>
      <c r="HU9" s="327">
        <v>41479449</v>
      </c>
      <c r="HV9" s="327">
        <v>27941471</v>
      </c>
      <c r="HW9" s="330">
        <v>113557286</v>
      </c>
      <c r="HX9" s="331">
        <v>113605990</v>
      </c>
    </row>
    <row r="10" spans="1:232" ht="16.5" customHeight="1" x14ac:dyDescent="0.2">
      <c r="A10" s="324" t="s">
        <v>14</v>
      </c>
      <c r="B10" s="326">
        <v>0</v>
      </c>
      <c r="C10" s="327">
        <v>29870</v>
      </c>
      <c r="D10" s="328">
        <v>29870</v>
      </c>
      <c r="E10" s="329">
        <v>0</v>
      </c>
      <c r="F10" s="327">
        <v>1176113</v>
      </c>
      <c r="G10" s="327">
        <v>2165122</v>
      </c>
      <c r="H10" s="327">
        <v>9110560</v>
      </c>
      <c r="I10" s="327">
        <v>13105508</v>
      </c>
      <c r="J10" s="327">
        <v>7614093</v>
      </c>
      <c r="K10" s="330">
        <v>33171396</v>
      </c>
      <c r="L10" s="331">
        <v>33201266</v>
      </c>
      <c r="M10" s="326">
        <v>0</v>
      </c>
      <c r="N10" s="327">
        <v>0</v>
      </c>
      <c r="O10" s="328">
        <v>0</v>
      </c>
      <c r="P10" s="332"/>
      <c r="Q10" s="327">
        <v>204600</v>
      </c>
      <c r="R10" s="327">
        <v>399516</v>
      </c>
      <c r="S10" s="327">
        <v>6200743</v>
      </c>
      <c r="T10" s="327">
        <v>9554409</v>
      </c>
      <c r="U10" s="327">
        <v>5680111</v>
      </c>
      <c r="V10" s="330">
        <v>22039379</v>
      </c>
      <c r="W10" s="331">
        <v>22039379</v>
      </c>
      <c r="X10" s="326">
        <v>0</v>
      </c>
      <c r="Y10" s="327">
        <v>0</v>
      </c>
      <c r="Z10" s="328">
        <v>0</v>
      </c>
      <c r="AA10" s="332"/>
      <c r="AB10" s="327">
        <v>779176</v>
      </c>
      <c r="AC10" s="327">
        <v>1441119</v>
      </c>
      <c r="AD10" s="327">
        <v>1911497</v>
      </c>
      <c r="AE10" s="327">
        <v>1873051</v>
      </c>
      <c r="AF10" s="327">
        <v>1074728</v>
      </c>
      <c r="AG10" s="330">
        <v>7079571</v>
      </c>
      <c r="AH10" s="331">
        <v>7079571</v>
      </c>
      <c r="AI10" s="326">
        <v>0</v>
      </c>
      <c r="AJ10" s="327">
        <v>0</v>
      </c>
      <c r="AK10" s="328">
        <v>0</v>
      </c>
      <c r="AL10" s="332"/>
      <c r="AM10" s="327">
        <v>0</v>
      </c>
      <c r="AN10" s="327">
        <v>0</v>
      </c>
      <c r="AO10" s="327">
        <v>30585</v>
      </c>
      <c r="AP10" s="327">
        <v>284500</v>
      </c>
      <c r="AQ10" s="327">
        <v>75015</v>
      </c>
      <c r="AR10" s="330">
        <v>390100</v>
      </c>
      <c r="AS10" s="331">
        <v>390100</v>
      </c>
      <c r="AT10" s="326">
        <v>0</v>
      </c>
      <c r="AU10" s="327">
        <v>0</v>
      </c>
      <c r="AV10" s="328">
        <v>0</v>
      </c>
      <c r="AW10" s="332"/>
      <c r="AX10" s="327">
        <v>0</v>
      </c>
      <c r="AY10" s="327">
        <v>0</v>
      </c>
      <c r="AZ10" s="327">
        <v>27620</v>
      </c>
      <c r="BA10" s="327">
        <v>634915</v>
      </c>
      <c r="BB10" s="327">
        <v>480710</v>
      </c>
      <c r="BC10" s="330">
        <v>1143245</v>
      </c>
      <c r="BD10" s="331">
        <v>1143245</v>
      </c>
      <c r="BE10" s="326">
        <v>0</v>
      </c>
      <c r="BF10" s="327">
        <v>0</v>
      </c>
      <c r="BG10" s="328">
        <v>0</v>
      </c>
      <c r="BH10" s="332"/>
      <c r="BI10" s="327">
        <v>0</v>
      </c>
      <c r="BJ10" s="327">
        <v>24645</v>
      </c>
      <c r="BK10" s="327">
        <v>75795</v>
      </c>
      <c r="BL10" s="327">
        <v>111575</v>
      </c>
      <c r="BM10" s="327">
        <v>35340</v>
      </c>
      <c r="BN10" s="330">
        <v>247355</v>
      </c>
      <c r="BO10" s="331">
        <v>247355</v>
      </c>
      <c r="BP10" s="326">
        <v>0</v>
      </c>
      <c r="BQ10" s="327">
        <v>29870</v>
      </c>
      <c r="BR10" s="328">
        <v>29870</v>
      </c>
      <c r="BS10" s="329">
        <v>0</v>
      </c>
      <c r="BT10" s="327">
        <v>192337</v>
      </c>
      <c r="BU10" s="327">
        <v>299842</v>
      </c>
      <c r="BV10" s="327">
        <v>862000</v>
      </c>
      <c r="BW10" s="327">
        <v>644653</v>
      </c>
      <c r="BX10" s="327">
        <v>265930</v>
      </c>
      <c r="BY10" s="330">
        <v>2264762</v>
      </c>
      <c r="BZ10" s="331">
        <v>2294632</v>
      </c>
      <c r="CA10" s="326">
        <v>0</v>
      </c>
      <c r="CB10" s="327">
        <v>0</v>
      </c>
      <c r="CC10" s="328">
        <v>0</v>
      </c>
      <c r="CD10" s="329">
        <v>0</v>
      </c>
      <c r="CE10" s="327">
        <v>0</v>
      </c>
      <c r="CF10" s="327">
        <v>0</v>
      </c>
      <c r="CG10" s="327">
        <v>2320</v>
      </c>
      <c r="CH10" s="327">
        <v>2405</v>
      </c>
      <c r="CI10" s="327">
        <v>2259</v>
      </c>
      <c r="CJ10" s="330">
        <v>6984</v>
      </c>
      <c r="CK10" s="331">
        <v>6984</v>
      </c>
      <c r="CL10" s="326">
        <v>0</v>
      </c>
      <c r="CM10" s="327">
        <v>0</v>
      </c>
      <c r="CN10" s="328">
        <v>0</v>
      </c>
      <c r="CO10" s="329">
        <v>0</v>
      </c>
      <c r="CP10" s="327">
        <v>0</v>
      </c>
      <c r="CQ10" s="327">
        <v>0</v>
      </c>
      <c r="CR10" s="327">
        <v>0</v>
      </c>
      <c r="CS10" s="327">
        <v>0</v>
      </c>
      <c r="CT10" s="327">
        <v>0</v>
      </c>
      <c r="CU10" s="330">
        <v>0</v>
      </c>
      <c r="CV10" s="331">
        <v>0</v>
      </c>
      <c r="CW10" s="326">
        <v>0</v>
      </c>
      <c r="CX10" s="327">
        <v>0</v>
      </c>
      <c r="CY10" s="328">
        <v>0</v>
      </c>
      <c r="CZ10" s="332"/>
      <c r="DA10" s="327">
        <v>0</v>
      </c>
      <c r="DB10" s="327">
        <v>0</v>
      </c>
      <c r="DC10" s="327">
        <v>0</v>
      </c>
      <c r="DD10" s="327">
        <v>0</v>
      </c>
      <c r="DE10" s="327">
        <v>0</v>
      </c>
      <c r="DF10" s="330">
        <v>0</v>
      </c>
      <c r="DG10" s="331">
        <v>0</v>
      </c>
      <c r="DH10" s="326">
        <v>0</v>
      </c>
      <c r="DI10" s="327">
        <v>16868</v>
      </c>
      <c r="DJ10" s="328">
        <v>16868</v>
      </c>
      <c r="DK10" s="329">
        <v>0</v>
      </c>
      <c r="DL10" s="327">
        <v>465849</v>
      </c>
      <c r="DM10" s="327">
        <v>1554143</v>
      </c>
      <c r="DN10" s="327">
        <v>10184526</v>
      </c>
      <c r="DO10" s="327">
        <v>14132515</v>
      </c>
      <c r="DP10" s="327">
        <v>7431598</v>
      </c>
      <c r="DQ10" s="330">
        <v>33768631</v>
      </c>
      <c r="DR10" s="333">
        <v>33785499</v>
      </c>
      <c r="DS10" s="326">
        <v>0</v>
      </c>
      <c r="DT10" s="327">
        <v>0</v>
      </c>
      <c r="DU10" s="328">
        <v>0</v>
      </c>
      <c r="DV10" s="332"/>
      <c r="DW10" s="327">
        <v>230609</v>
      </c>
      <c r="DX10" s="327">
        <v>777325</v>
      </c>
      <c r="DY10" s="327">
        <v>8698710</v>
      </c>
      <c r="DZ10" s="327">
        <v>12437150</v>
      </c>
      <c r="EA10" s="327">
        <v>6801344</v>
      </c>
      <c r="EB10" s="330">
        <v>28945138</v>
      </c>
      <c r="EC10" s="331">
        <v>28945138</v>
      </c>
      <c r="ED10" s="326">
        <v>0</v>
      </c>
      <c r="EE10" s="327">
        <v>0</v>
      </c>
      <c r="EF10" s="328">
        <v>0</v>
      </c>
      <c r="EG10" s="332"/>
      <c r="EH10" s="327">
        <v>33202</v>
      </c>
      <c r="EI10" s="327">
        <v>327162</v>
      </c>
      <c r="EJ10" s="327">
        <v>171369</v>
      </c>
      <c r="EK10" s="327">
        <v>339739</v>
      </c>
      <c r="EL10" s="327">
        <v>90721</v>
      </c>
      <c r="EM10" s="330">
        <v>962193</v>
      </c>
      <c r="EN10" s="331">
        <v>962193</v>
      </c>
      <c r="EO10" s="326">
        <v>0</v>
      </c>
      <c r="EP10" s="327">
        <v>0</v>
      </c>
      <c r="EQ10" s="328">
        <v>0</v>
      </c>
      <c r="ER10" s="332"/>
      <c r="ES10" s="327">
        <v>0</v>
      </c>
      <c r="ET10" s="327">
        <v>0</v>
      </c>
      <c r="EU10" s="327">
        <v>1620</v>
      </c>
      <c r="EV10" s="327">
        <v>53009</v>
      </c>
      <c r="EW10" s="327">
        <v>11687</v>
      </c>
      <c r="EX10" s="330">
        <v>66316</v>
      </c>
      <c r="EY10" s="331">
        <v>66316</v>
      </c>
      <c r="EZ10" s="326">
        <v>0</v>
      </c>
      <c r="FA10" s="327">
        <v>0</v>
      </c>
      <c r="FB10" s="328">
        <v>0</v>
      </c>
      <c r="FC10" s="332"/>
      <c r="FD10" s="327">
        <v>0</v>
      </c>
      <c r="FE10" s="327">
        <v>0</v>
      </c>
      <c r="FF10" s="327">
        <v>462</v>
      </c>
      <c r="FG10" s="327">
        <v>98753</v>
      </c>
      <c r="FH10" s="327">
        <v>97025</v>
      </c>
      <c r="FI10" s="330">
        <v>196240</v>
      </c>
      <c r="FJ10" s="331">
        <v>196240</v>
      </c>
      <c r="FK10" s="326">
        <v>0</v>
      </c>
      <c r="FL10" s="327">
        <v>0</v>
      </c>
      <c r="FM10" s="328">
        <v>0</v>
      </c>
      <c r="FN10" s="332"/>
      <c r="FO10" s="327">
        <v>0</v>
      </c>
      <c r="FP10" s="327">
        <v>21576</v>
      </c>
      <c r="FQ10" s="327">
        <v>202833</v>
      </c>
      <c r="FR10" s="327">
        <v>320457</v>
      </c>
      <c r="FS10" s="327">
        <v>58342</v>
      </c>
      <c r="FT10" s="330">
        <v>603208</v>
      </c>
      <c r="FU10" s="331">
        <v>603208</v>
      </c>
      <c r="FV10" s="326">
        <v>0</v>
      </c>
      <c r="FW10" s="327">
        <v>16868</v>
      </c>
      <c r="FX10" s="328">
        <v>16868</v>
      </c>
      <c r="FY10" s="329">
        <v>0</v>
      </c>
      <c r="FZ10" s="327">
        <v>202038</v>
      </c>
      <c r="GA10" s="327">
        <v>428080</v>
      </c>
      <c r="GB10" s="327">
        <v>1103804</v>
      </c>
      <c r="GC10" s="327">
        <v>879715</v>
      </c>
      <c r="GD10" s="327">
        <v>372332</v>
      </c>
      <c r="GE10" s="330">
        <v>2985969</v>
      </c>
      <c r="GF10" s="331">
        <v>3002837</v>
      </c>
      <c r="GG10" s="326">
        <v>0</v>
      </c>
      <c r="GH10" s="327">
        <v>0</v>
      </c>
      <c r="GI10" s="328">
        <v>0</v>
      </c>
      <c r="GJ10" s="329">
        <v>0</v>
      </c>
      <c r="GK10" s="327">
        <v>0</v>
      </c>
      <c r="GL10" s="327">
        <v>0</v>
      </c>
      <c r="GM10" s="327">
        <v>5728</v>
      </c>
      <c r="GN10" s="327">
        <v>3692</v>
      </c>
      <c r="GO10" s="327">
        <v>147</v>
      </c>
      <c r="GP10" s="330">
        <v>9567</v>
      </c>
      <c r="GQ10" s="331">
        <v>9567</v>
      </c>
      <c r="GR10" s="326">
        <v>0</v>
      </c>
      <c r="GS10" s="327">
        <v>0</v>
      </c>
      <c r="GT10" s="328">
        <v>0</v>
      </c>
      <c r="GU10" s="329">
        <v>0</v>
      </c>
      <c r="GV10" s="327">
        <v>0</v>
      </c>
      <c r="GW10" s="327">
        <v>0</v>
      </c>
      <c r="GX10" s="327">
        <v>0</v>
      </c>
      <c r="GY10" s="327">
        <v>0</v>
      </c>
      <c r="GZ10" s="327">
        <v>0</v>
      </c>
      <c r="HA10" s="330">
        <v>0</v>
      </c>
      <c r="HB10" s="331">
        <v>0</v>
      </c>
      <c r="HC10" s="326">
        <v>0</v>
      </c>
      <c r="HD10" s="327">
        <v>0</v>
      </c>
      <c r="HE10" s="328">
        <v>0</v>
      </c>
      <c r="HF10" s="332"/>
      <c r="HG10" s="327">
        <v>0</v>
      </c>
      <c r="HH10" s="327">
        <v>0</v>
      </c>
      <c r="HI10" s="327">
        <v>0</v>
      </c>
      <c r="HJ10" s="327">
        <v>0</v>
      </c>
      <c r="HK10" s="327">
        <v>0</v>
      </c>
      <c r="HL10" s="330">
        <v>0</v>
      </c>
      <c r="HM10" s="331">
        <v>0</v>
      </c>
      <c r="HN10" s="326">
        <v>0</v>
      </c>
      <c r="HO10" s="327">
        <v>46738</v>
      </c>
      <c r="HP10" s="328">
        <v>46738</v>
      </c>
      <c r="HQ10" s="329">
        <v>0</v>
      </c>
      <c r="HR10" s="327">
        <v>1641962</v>
      </c>
      <c r="HS10" s="327">
        <v>3719265</v>
      </c>
      <c r="HT10" s="327">
        <v>19295086</v>
      </c>
      <c r="HU10" s="327">
        <v>27238023</v>
      </c>
      <c r="HV10" s="327">
        <v>15045691</v>
      </c>
      <c r="HW10" s="330">
        <v>66940027</v>
      </c>
      <c r="HX10" s="331">
        <v>66986765</v>
      </c>
    </row>
    <row r="11" spans="1:232" ht="16.5" customHeight="1" x14ac:dyDescent="0.2">
      <c r="A11" s="324" t="s">
        <v>7</v>
      </c>
      <c r="B11" s="326">
        <v>0</v>
      </c>
      <c r="C11" s="327">
        <v>725</v>
      </c>
      <c r="D11" s="328">
        <v>725</v>
      </c>
      <c r="E11" s="329">
        <v>0</v>
      </c>
      <c r="F11" s="327">
        <v>1643409</v>
      </c>
      <c r="G11" s="327">
        <v>2477347</v>
      </c>
      <c r="H11" s="327">
        <v>7031815</v>
      </c>
      <c r="I11" s="327">
        <v>9757380</v>
      </c>
      <c r="J11" s="327">
        <v>5410090</v>
      </c>
      <c r="K11" s="330">
        <v>26320041</v>
      </c>
      <c r="L11" s="331">
        <v>26320766</v>
      </c>
      <c r="M11" s="326">
        <v>0</v>
      </c>
      <c r="N11" s="327">
        <v>0</v>
      </c>
      <c r="O11" s="328">
        <v>0</v>
      </c>
      <c r="P11" s="332"/>
      <c r="Q11" s="327">
        <v>215125</v>
      </c>
      <c r="R11" s="327">
        <v>687840</v>
      </c>
      <c r="S11" s="327">
        <v>4752679</v>
      </c>
      <c r="T11" s="327">
        <v>7940405</v>
      </c>
      <c r="U11" s="327">
        <v>4612337</v>
      </c>
      <c r="V11" s="330">
        <v>18208386</v>
      </c>
      <c r="W11" s="331">
        <v>18208386</v>
      </c>
      <c r="X11" s="326">
        <v>0</v>
      </c>
      <c r="Y11" s="327">
        <v>0</v>
      </c>
      <c r="Z11" s="328">
        <v>0</v>
      </c>
      <c r="AA11" s="332"/>
      <c r="AB11" s="327">
        <v>1309710</v>
      </c>
      <c r="AC11" s="327">
        <v>1489776</v>
      </c>
      <c r="AD11" s="327">
        <v>1802040</v>
      </c>
      <c r="AE11" s="327">
        <v>1453894</v>
      </c>
      <c r="AF11" s="327">
        <v>602869</v>
      </c>
      <c r="AG11" s="330">
        <v>6658289</v>
      </c>
      <c r="AH11" s="331">
        <v>6658289</v>
      </c>
      <c r="AI11" s="326">
        <v>0</v>
      </c>
      <c r="AJ11" s="327">
        <v>0</v>
      </c>
      <c r="AK11" s="328">
        <v>0</v>
      </c>
      <c r="AL11" s="332"/>
      <c r="AM11" s="327">
        <v>0</v>
      </c>
      <c r="AN11" s="327">
        <v>0</v>
      </c>
      <c r="AO11" s="327">
        <v>0</v>
      </c>
      <c r="AP11" s="327">
        <v>65410</v>
      </c>
      <c r="AQ11" s="327">
        <v>7905</v>
      </c>
      <c r="AR11" s="330">
        <v>73315</v>
      </c>
      <c r="AS11" s="331">
        <v>73315</v>
      </c>
      <c r="AT11" s="326">
        <v>0</v>
      </c>
      <c r="AU11" s="327">
        <v>0</v>
      </c>
      <c r="AV11" s="328">
        <v>0</v>
      </c>
      <c r="AW11" s="332"/>
      <c r="AX11" s="327">
        <v>0</v>
      </c>
      <c r="AY11" s="327">
        <v>0</v>
      </c>
      <c r="AZ11" s="327">
        <v>2635</v>
      </c>
      <c r="BA11" s="327">
        <v>0</v>
      </c>
      <c r="BB11" s="327">
        <v>24645</v>
      </c>
      <c r="BC11" s="330">
        <v>27280</v>
      </c>
      <c r="BD11" s="331">
        <v>27280</v>
      </c>
      <c r="BE11" s="326">
        <v>0</v>
      </c>
      <c r="BF11" s="327">
        <v>0</v>
      </c>
      <c r="BG11" s="328">
        <v>0</v>
      </c>
      <c r="BH11" s="332"/>
      <c r="BI11" s="327">
        <v>0</v>
      </c>
      <c r="BJ11" s="327">
        <v>0</v>
      </c>
      <c r="BK11" s="327">
        <v>0</v>
      </c>
      <c r="BL11" s="327">
        <v>0</v>
      </c>
      <c r="BM11" s="327">
        <v>0</v>
      </c>
      <c r="BN11" s="330">
        <v>0</v>
      </c>
      <c r="BO11" s="331">
        <v>0</v>
      </c>
      <c r="BP11" s="326">
        <v>0</v>
      </c>
      <c r="BQ11" s="327">
        <v>725</v>
      </c>
      <c r="BR11" s="328">
        <v>725</v>
      </c>
      <c r="BS11" s="329">
        <v>0</v>
      </c>
      <c r="BT11" s="327">
        <v>118574</v>
      </c>
      <c r="BU11" s="327">
        <v>281166</v>
      </c>
      <c r="BV11" s="327">
        <v>458374</v>
      </c>
      <c r="BW11" s="327">
        <v>278126</v>
      </c>
      <c r="BX11" s="327">
        <v>136934</v>
      </c>
      <c r="BY11" s="330">
        <v>1273174</v>
      </c>
      <c r="BZ11" s="331">
        <v>1273899</v>
      </c>
      <c r="CA11" s="326">
        <v>0</v>
      </c>
      <c r="CB11" s="327">
        <v>0</v>
      </c>
      <c r="CC11" s="328">
        <v>0</v>
      </c>
      <c r="CD11" s="329">
        <v>0</v>
      </c>
      <c r="CE11" s="327">
        <v>0</v>
      </c>
      <c r="CF11" s="327">
        <v>18565</v>
      </c>
      <c r="CG11" s="327">
        <v>16087</v>
      </c>
      <c r="CH11" s="327">
        <v>19545</v>
      </c>
      <c r="CI11" s="327">
        <v>25400</v>
      </c>
      <c r="CJ11" s="330">
        <v>79597</v>
      </c>
      <c r="CK11" s="331">
        <v>79597</v>
      </c>
      <c r="CL11" s="326">
        <v>0</v>
      </c>
      <c r="CM11" s="327">
        <v>0</v>
      </c>
      <c r="CN11" s="328">
        <v>0</v>
      </c>
      <c r="CO11" s="329">
        <v>0</v>
      </c>
      <c r="CP11" s="327">
        <v>0</v>
      </c>
      <c r="CQ11" s="327">
        <v>0</v>
      </c>
      <c r="CR11" s="327">
        <v>0</v>
      </c>
      <c r="CS11" s="327">
        <v>0</v>
      </c>
      <c r="CT11" s="327">
        <v>0</v>
      </c>
      <c r="CU11" s="330">
        <v>0</v>
      </c>
      <c r="CV11" s="331">
        <v>0</v>
      </c>
      <c r="CW11" s="326">
        <v>0</v>
      </c>
      <c r="CX11" s="327">
        <v>0</v>
      </c>
      <c r="CY11" s="328">
        <v>0</v>
      </c>
      <c r="CZ11" s="332"/>
      <c r="DA11" s="327">
        <v>0</v>
      </c>
      <c r="DB11" s="327">
        <v>0</v>
      </c>
      <c r="DC11" s="327">
        <v>0</v>
      </c>
      <c r="DD11" s="327">
        <v>0</v>
      </c>
      <c r="DE11" s="327">
        <v>0</v>
      </c>
      <c r="DF11" s="330">
        <v>0</v>
      </c>
      <c r="DG11" s="331">
        <v>0</v>
      </c>
      <c r="DH11" s="326">
        <v>0</v>
      </c>
      <c r="DI11" s="327">
        <v>4872</v>
      </c>
      <c r="DJ11" s="328">
        <v>4872</v>
      </c>
      <c r="DK11" s="329">
        <v>0</v>
      </c>
      <c r="DL11" s="327">
        <v>677063</v>
      </c>
      <c r="DM11" s="327">
        <v>1399050</v>
      </c>
      <c r="DN11" s="327">
        <v>7158324</v>
      </c>
      <c r="DO11" s="327">
        <v>10172335</v>
      </c>
      <c r="DP11" s="327">
        <v>5323111</v>
      </c>
      <c r="DQ11" s="330">
        <v>24729883</v>
      </c>
      <c r="DR11" s="333">
        <v>24734755</v>
      </c>
      <c r="DS11" s="326">
        <v>0</v>
      </c>
      <c r="DT11" s="327">
        <v>0</v>
      </c>
      <c r="DU11" s="328">
        <v>0</v>
      </c>
      <c r="DV11" s="332"/>
      <c r="DW11" s="327">
        <v>276982</v>
      </c>
      <c r="DX11" s="327">
        <v>764917</v>
      </c>
      <c r="DY11" s="327">
        <v>6138724</v>
      </c>
      <c r="DZ11" s="327">
        <v>9483034</v>
      </c>
      <c r="EA11" s="327">
        <v>5001023</v>
      </c>
      <c r="EB11" s="330">
        <v>21664680</v>
      </c>
      <c r="EC11" s="331">
        <v>21664680</v>
      </c>
      <c r="ED11" s="326">
        <v>0</v>
      </c>
      <c r="EE11" s="327">
        <v>0</v>
      </c>
      <c r="EF11" s="328">
        <v>0</v>
      </c>
      <c r="EG11" s="332"/>
      <c r="EH11" s="327">
        <v>189875</v>
      </c>
      <c r="EI11" s="327">
        <v>177612</v>
      </c>
      <c r="EJ11" s="327">
        <v>278054</v>
      </c>
      <c r="EK11" s="327">
        <v>226246</v>
      </c>
      <c r="EL11" s="327">
        <v>104066</v>
      </c>
      <c r="EM11" s="330">
        <v>975853</v>
      </c>
      <c r="EN11" s="331">
        <v>975853</v>
      </c>
      <c r="EO11" s="326">
        <v>0</v>
      </c>
      <c r="EP11" s="327">
        <v>0</v>
      </c>
      <c r="EQ11" s="328">
        <v>0</v>
      </c>
      <c r="ER11" s="332"/>
      <c r="ES11" s="327">
        <v>0</v>
      </c>
      <c r="ET11" s="327">
        <v>0</v>
      </c>
      <c r="EU11" s="327">
        <v>0</v>
      </c>
      <c r="EV11" s="327">
        <v>434</v>
      </c>
      <c r="EW11" s="327">
        <v>651</v>
      </c>
      <c r="EX11" s="330">
        <v>1085</v>
      </c>
      <c r="EY11" s="331">
        <v>1085</v>
      </c>
      <c r="EZ11" s="326">
        <v>0</v>
      </c>
      <c r="FA11" s="327">
        <v>0</v>
      </c>
      <c r="FB11" s="328">
        <v>0</v>
      </c>
      <c r="FC11" s="332"/>
      <c r="FD11" s="327">
        <v>0</v>
      </c>
      <c r="FE11" s="327">
        <v>0</v>
      </c>
      <c r="FF11" s="327">
        <v>217</v>
      </c>
      <c r="FG11" s="327">
        <v>0</v>
      </c>
      <c r="FH11" s="327">
        <v>217</v>
      </c>
      <c r="FI11" s="330">
        <v>434</v>
      </c>
      <c r="FJ11" s="331">
        <v>434</v>
      </c>
      <c r="FK11" s="326">
        <v>0</v>
      </c>
      <c r="FL11" s="327">
        <v>0</v>
      </c>
      <c r="FM11" s="328">
        <v>0</v>
      </c>
      <c r="FN11" s="332"/>
      <c r="FO11" s="327">
        <v>0</v>
      </c>
      <c r="FP11" s="327">
        <v>0</v>
      </c>
      <c r="FQ11" s="327">
        <v>0</v>
      </c>
      <c r="FR11" s="327">
        <v>0</v>
      </c>
      <c r="FS11" s="327">
        <v>0</v>
      </c>
      <c r="FT11" s="330">
        <v>0</v>
      </c>
      <c r="FU11" s="331">
        <v>0</v>
      </c>
      <c r="FV11" s="326">
        <v>0</v>
      </c>
      <c r="FW11" s="327">
        <v>4872</v>
      </c>
      <c r="FX11" s="328">
        <v>4872</v>
      </c>
      <c r="FY11" s="329">
        <v>0</v>
      </c>
      <c r="FZ11" s="327">
        <v>210206</v>
      </c>
      <c r="GA11" s="327">
        <v>450225</v>
      </c>
      <c r="GB11" s="327">
        <v>737116</v>
      </c>
      <c r="GC11" s="327">
        <v>459737</v>
      </c>
      <c r="GD11" s="327">
        <v>212662</v>
      </c>
      <c r="GE11" s="330">
        <v>2069946</v>
      </c>
      <c r="GF11" s="331">
        <v>2074818</v>
      </c>
      <c r="GG11" s="326">
        <v>0</v>
      </c>
      <c r="GH11" s="327">
        <v>0</v>
      </c>
      <c r="GI11" s="328">
        <v>0</v>
      </c>
      <c r="GJ11" s="329">
        <v>0</v>
      </c>
      <c r="GK11" s="327">
        <v>0</v>
      </c>
      <c r="GL11" s="327">
        <v>6296</v>
      </c>
      <c r="GM11" s="327">
        <v>4213</v>
      </c>
      <c r="GN11" s="327">
        <v>2884</v>
      </c>
      <c r="GO11" s="327">
        <v>4492</v>
      </c>
      <c r="GP11" s="330">
        <v>17885</v>
      </c>
      <c r="GQ11" s="331">
        <v>17885</v>
      </c>
      <c r="GR11" s="326">
        <v>0</v>
      </c>
      <c r="GS11" s="327">
        <v>0</v>
      </c>
      <c r="GT11" s="328">
        <v>0</v>
      </c>
      <c r="GU11" s="329">
        <v>0</v>
      </c>
      <c r="GV11" s="327">
        <v>0</v>
      </c>
      <c r="GW11" s="327">
        <v>0</v>
      </c>
      <c r="GX11" s="327">
        <v>0</v>
      </c>
      <c r="GY11" s="327">
        <v>0</v>
      </c>
      <c r="GZ11" s="327">
        <v>0</v>
      </c>
      <c r="HA11" s="330">
        <v>0</v>
      </c>
      <c r="HB11" s="331">
        <v>0</v>
      </c>
      <c r="HC11" s="326">
        <v>0</v>
      </c>
      <c r="HD11" s="327">
        <v>0</v>
      </c>
      <c r="HE11" s="328">
        <v>0</v>
      </c>
      <c r="HF11" s="332"/>
      <c r="HG11" s="327">
        <v>0</v>
      </c>
      <c r="HH11" s="327">
        <v>0</v>
      </c>
      <c r="HI11" s="327">
        <v>0</v>
      </c>
      <c r="HJ11" s="327">
        <v>0</v>
      </c>
      <c r="HK11" s="327">
        <v>0</v>
      </c>
      <c r="HL11" s="330">
        <v>0</v>
      </c>
      <c r="HM11" s="331">
        <v>0</v>
      </c>
      <c r="HN11" s="326">
        <v>0</v>
      </c>
      <c r="HO11" s="327">
        <v>5597</v>
      </c>
      <c r="HP11" s="328">
        <v>5597</v>
      </c>
      <c r="HQ11" s="329">
        <v>0</v>
      </c>
      <c r="HR11" s="327">
        <v>2320472</v>
      </c>
      <c r="HS11" s="327">
        <v>3876397</v>
      </c>
      <c r="HT11" s="327">
        <v>14190139</v>
      </c>
      <c r="HU11" s="327">
        <v>19929715</v>
      </c>
      <c r="HV11" s="327">
        <v>10733201</v>
      </c>
      <c r="HW11" s="330">
        <v>51049924</v>
      </c>
      <c r="HX11" s="331">
        <v>51055521</v>
      </c>
    </row>
    <row r="12" spans="1:232" ht="16.5" customHeight="1" x14ac:dyDescent="0.2">
      <c r="A12" s="324" t="s">
        <v>8</v>
      </c>
      <c r="B12" s="326">
        <v>0</v>
      </c>
      <c r="C12" s="327">
        <v>10096</v>
      </c>
      <c r="D12" s="328">
        <v>10096</v>
      </c>
      <c r="E12" s="329">
        <v>0</v>
      </c>
      <c r="F12" s="327">
        <v>859878</v>
      </c>
      <c r="G12" s="327">
        <v>1489715</v>
      </c>
      <c r="H12" s="327">
        <v>5030414</v>
      </c>
      <c r="I12" s="327">
        <v>4451914</v>
      </c>
      <c r="J12" s="327">
        <v>2675506</v>
      </c>
      <c r="K12" s="330">
        <v>14507427</v>
      </c>
      <c r="L12" s="331">
        <v>14517523</v>
      </c>
      <c r="M12" s="326">
        <v>0</v>
      </c>
      <c r="N12" s="327">
        <v>0</v>
      </c>
      <c r="O12" s="328">
        <v>0</v>
      </c>
      <c r="P12" s="332"/>
      <c r="Q12" s="327">
        <v>296360</v>
      </c>
      <c r="R12" s="327">
        <v>439810</v>
      </c>
      <c r="S12" s="327">
        <v>3461632</v>
      </c>
      <c r="T12" s="327">
        <v>3426296</v>
      </c>
      <c r="U12" s="327">
        <v>1934633</v>
      </c>
      <c r="V12" s="330">
        <v>9558731</v>
      </c>
      <c r="W12" s="331">
        <v>9558731</v>
      </c>
      <c r="X12" s="326">
        <v>0</v>
      </c>
      <c r="Y12" s="327">
        <v>0</v>
      </c>
      <c r="Z12" s="328">
        <v>0</v>
      </c>
      <c r="AA12" s="332"/>
      <c r="AB12" s="327">
        <v>445660</v>
      </c>
      <c r="AC12" s="327">
        <v>812124</v>
      </c>
      <c r="AD12" s="327">
        <v>1008915</v>
      </c>
      <c r="AE12" s="327">
        <v>640229</v>
      </c>
      <c r="AF12" s="327">
        <v>416387</v>
      </c>
      <c r="AG12" s="330">
        <v>3323315</v>
      </c>
      <c r="AH12" s="331">
        <v>3323315</v>
      </c>
      <c r="AI12" s="326">
        <v>0</v>
      </c>
      <c r="AJ12" s="327">
        <v>0</v>
      </c>
      <c r="AK12" s="328">
        <v>0</v>
      </c>
      <c r="AL12" s="332"/>
      <c r="AM12" s="327">
        <v>0</v>
      </c>
      <c r="AN12" s="327">
        <v>0</v>
      </c>
      <c r="AO12" s="327">
        <v>0</v>
      </c>
      <c r="AP12" s="327">
        <v>24645</v>
      </c>
      <c r="AQ12" s="327">
        <v>24645</v>
      </c>
      <c r="AR12" s="330">
        <v>49290</v>
      </c>
      <c r="AS12" s="331">
        <v>49290</v>
      </c>
      <c r="AT12" s="326">
        <v>0</v>
      </c>
      <c r="AU12" s="327">
        <v>0</v>
      </c>
      <c r="AV12" s="328">
        <v>0</v>
      </c>
      <c r="AW12" s="332"/>
      <c r="AX12" s="327">
        <v>35495</v>
      </c>
      <c r="AY12" s="327">
        <v>0</v>
      </c>
      <c r="AZ12" s="327">
        <v>35495</v>
      </c>
      <c r="BA12" s="327">
        <v>5160</v>
      </c>
      <c r="BB12" s="327">
        <v>38130</v>
      </c>
      <c r="BC12" s="330">
        <v>114280</v>
      </c>
      <c r="BD12" s="331">
        <v>114280</v>
      </c>
      <c r="BE12" s="326">
        <v>0</v>
      </c>
      <c r="BF12" s="327">
        <v>0</v>
      </c>
      <c r="BG12" s="328">
        <v>0</v>
      </c>
      <c r="BH12" s="332"/>
      <c r="BI12" s="327">
        <v>0</v>
      </c>
      <c r="BJ12" s="327">
        <v>37975</v>
      </c>
      <c r="BK12" s="327">
        <v>45725</v>
      </c>
      <c r="BL12" s="327">
        <v>100680</v>
      </c>
      <c r="BM12" s="327">
        <v>125085</v>
      </c>
      <c r="BN12" s="330">
        <v>309465</v>
      </c>
      <c r="BO12" s="331">
        <v>309465</v>
      </c>
      <c r="BP12" s="326">
        <v>0</v>
      </c>
      <c r="BQ12" s="327">
        <v>10096</v>
      </c>
      <c r="BR12" s="328">
        <v>10096</v>
      </c>
      <c r="BS12" s="329">
        <v>0</v>
      </c>
      <c r="BT12" s="327">
        <v>81928</v>
      </c>
      <c r="BU12" s="327">
        <v>199216</v>
      </c>
      <c r="BV12" s="327">
        <v>460757</v>
      </c>
      <c r="BW12" s="327">
        <v>254904</v>
      </c>
      <c r="BX12" s="327">
        <v>136626</v>
      </c>
      <c r="BY12" s="330">
        <v>1133431</v>
      </c>
      <c r="BZ12" s="331">
        <v>1143527</v>
      </c>
      <c r="CA12" s="326">
        <v>0</v>
      </c>
      <c r="CB12" s="327">
        <v>0</v>
      </c>
      <c r="CC12" s="328">
        <v>0</v>
      </c>
      <c r="CD12" s="329">
        <v>0</v>
      </c>
      <c r="CE12" s="327">
        <v>435</v>
      </c>
      <c r="CF12" s="327">
        <v>590</v>
      </c>
      <c r="CG12" s="327">
        <v>17890</v>
      </c>
      <c r="CH12" s="327">
        <v>0</v>
      </c>
      <c r="CI12" s="327">
        <v>0</v>
      </c>
      <c r="CJ12" s="330">
        <v>18915</v>
      </c>
      <c r="CK12" s="331">
        <v>18915</v>
      </c>
      <c r="CL12" s="326">
        <v>0</v>
      </c>
      <c r="CM12" s="327">
        <v>0</v>
      </c>
      <c r="CN12" s="328">
        <v>0</v>
      </c>
      <c r="CO12" s="329">
        <v>0</v>
      </c>
      <c r="CP12" s="327">
        <v>0</v>
      </c>
      <c r="CQ12" s="327">
        <v>0</v>
      </c>
      <c r="CR12" s="327">
        <v>0</v>
      </c>
      <c r="CS12" s="327">
        <v>0</v>
      </c>
      <c r="CT12" s="327">
        <v>0</v>
      </c>
      <c r="CU12" s="330">
        <v>0</v>
      </c>
      <c r="CV12" s="331">
        <v>0</v>
      </c>
      <c r="CW12" s="326">
        <v>0</v>
      </c>
      <c r="CX12" s="327">
        <v>0</v>
      </c>
      <c r="CY12" s="328">
        <v>0</v>
      </c>
      <c r="CZ12" s="332"/>
      <c r="DA12" s="327">
        <v>0</v>
      </c>
      <c r="DB12" s="327">
        <v>0</v>
      </c>
      <c r="DC12" s="327">
        <v>0</v>
      </c>
      <c r="DD12" s="327">
        <v>0</v>
      </c>
      <c r="DE12" s="327">
        <v>0</v>
      </c>
      <c r="DF12" s="330">
        <v>0</v>
      </c>
      <c r="DG12" s="331">
        <v>0</v>
      </c>
      <c r="DH12" s="326">
        <v>0</v>
      </c>
      <c r="DI12" s="327">
        <v>16722</v>
      </c>
      <c r="DJ12" s="328">
        <v>16722</v>
      </c>
      <c r="DK12" s="329">
        <v>0</v>
      </c>
      <c r="DL12" s="327">
        <v>620655</v>
      </c>
      <c r="DM12" s="327">
        <v>1292313</v>
      </c>
      <c r="DN12" s="327">
        <v>5526884</v>
      </c>
      <c r="DO12" s="327">
        <v>5294299</v>
      </c>
      <c r="DP12" s="327">
        <v>2975138</v>
      </c>
      <c r="DQ12" s="330">
        <v>15709289</v>
      </c>
      <c r="DR12" s="333">
        <v>15726011</v>
      </c>
      <c r="DS12" s="326">
        <v>0</v>
      </c>
      <c r="DT12" s="327">
        <v>0</v>
      </c>
      <c r="DU12" s="328">
        <v>0</v>
      </c>
      <c r="DV12" s="332"/>
      <c r="DW12" s="327">
        <v>453840</v>
      </c>
      <c r="DX12" s="327">
        <v>819074</v>
      </c>
      <c r="DY12" s="327">
        <v>4431904</v>
      </c>
      <c r="DZ12" s="327">
        <v>4619224</v>
      </c>
      <c r="EA12" s="327">
        <v>2407837</v>
      </c>
      <c r="EB12" s="330">
        <v>12731879</v>
      </c>
      <c r="EC12" s="331">
        <v>12731879</v>
      </c>
      <c r="ED12" s="326">
        <v>0</v>
      </c>
      <c r="EE12" s="327">
        <v>0</v>
      </c>
      <c r="EF12" s="328">
        <v>0</v>
      </c>
      <c r="EG12" s="332"/>
      <c r="EH12" s="327">
        <v>27218</v>
      </c>
      <c r="EI12" s="327">
        <v>115505</v>
      </c>
      <c r="EJ12" s="327">
        <v>139510</v>
      </c>
      <c r="EK12" s="327">
        <v>48907</v>
      </c>
      <c r="EL12" s="327">
        <v>49743</v>
      </c>
      <c r="EM12" s="330">
        <v>380883</v>
      </c>
      <c r="EN12" s="331">
        <v>380883</v>
      </c>
      <c r="EO12" s="326">
        <v>0</v>
      </c>
      <c r="EP12" s="327">
        <v>0</v>
      </c>
      <c r="EQ12" s="328">
        <v>0</v>
      </c>
      <c r="ER12" s="332"/>
      <c r="ES12" s="327">
        <v>0</v>
      </c>
      <c r="ET12" s="327">
        <v>0</v>
      </c>
      <c r="EU12" s="327">
        <v>0</v>
      </c>
      <c r="EV12" s="327">
        <v>217</v>
      </c>
      <c r="EW12" s="327">
        <v>217</v>
      </c>
      <c r="EX12" s="330">
        <v>434</v>
      </c>
      <c r="EY12" s="331">
        <v>434</v>
      </c>
      <c r="EZ12" s="326">
        <v>0</v>
      </c>
      <c r="FA12" s="327">
        <v>0</v>
      </c>
      <c r="FB12" s="328">
        <v>0</v>
      </c>
      <c r="FC12" s="332"/>
      <c r="FD12" s="327">
        <v>11687</v>
      </c>
      <c r="FE12" s="327">
        <v>0</v>
      </c>
      <c r="FF12" s="327">
        <v>11687</v>
      </c>
      <c r="FG12" s="327">
        <v>434</v>
      </c>
      <c r="FH12" s="327">
        <v>11904</v>
      </c>
      <c r="FI12" s="330">
        <v>35712</v>
      </c>
      <c r="FJ12" s="331">
        <v>35712</v>
      </c>
      <c r="FK12" s="326">
        <v>0</v>
      </c>
      <c r="FL12" s="327">
        <v>0</v>
      </c>
      <c r="FM12" s="328">
        <v>0</v>
      </c>
      <c r="FN12" s="332"/>
      <c r="FO12" s="327">
        <v>0</v>
      </c>
      <c r="FP12" s="327">
        <v>79918</v>
      </c>
      <c r="FQ12" s="327">
        <v>209374</v>
      </c>
      <c r="FR12" s="327">
        <v>186980</v>
      </c>
      <c r="FS12" s="327">
        <v>252526</v>
      </c>
      <c r="FT12" s="330">
        <v>728798</v>
      </c>
      <c r="FU12" s="331">
        <v>728798</v>
      </c>
      <c r="FV12" s="326">
        <v>0</v>
      </c>
      <c r="FW12" s="327">
        <v>16722</v>
      </c>
      <c r="FX12" s="328">
        <v>16722</v>
      </c>
      <c r="FY12" s="329">
        <v>0</v>
      </c>
      <c r="FZ12" s="327">
        <v>126120</v>
      </c>
      <c r="GA12" s="327">
        <v>277781</v>
      </c>
      <c r="GB12" s="327">
        <v>729938</v>
      </c>
      <c r="GC12" s="327">
        <v>438537</v>
      </c>
      <c r="GD12" s="327">
        <v>251780</v>
      </c>
      <c r="GE12" s="330">
        <v>1824156</v>
      </c>
      <c r="GF12" s="331">
        <v>1840878</v>
      </c>
      <c r="GG12" s="326">
        <v>0</v>
      </c>
      <c r="GH12" s="327">
        <v>0</v>
      </c>
      <c r="GI12" s="328">
        <v>0</v>
      </c>
      <c r="GJ12" s="329">
        <v>0</v>
      </c>
      <c r="GK12" s="327">
        <v>1790</v>
      </c>
      <c r="GL12" s="327">
        <v>35</v>
      </c>
      <c r="GM12" s="327">
        <v>4471</v>
      </c>
      <c r="GN12" s="327">
        <v>0</v>
      </c>
      <c r="GO12" s="327">
        <v>1131</v>
      </c>
      <c r="GP12" s="330">
        <v>7427</v>
      </c>
      <c r="GQ12" s="331">
        <v>7427</v>
      </c>
      <c r="GR12" s="326">
        <v>0</v>
      </c>
      <c r="GS12" s="327">
        <v>0</v>
      </c>
      <c r="GT12" s="328">
        <v>0</v>
      </c>
      <c r="GU12" s="329">
        <v>0</v>
      </c>
      <c r="GV12" s="327">
        <v>0</v>
      </c>
      <c r="GW12" s="327">
        <v>0</v>
      </c>
      <c r="GX12" s="327">
        <v>0</v>
      </c>
      <c r="GY12" s="327">
        <v>0</v>
      </c>
      <c r="GZ12" s="327">
        <v>0</v>
      </c>
      <c r="HA12" s="330">
        <v>0</v>
      </c>
      <c r="HB12" s="331">
        <v>0</v>
      </c>
      <c r="HC12" s="326">
        <v>0</v>
      </c>
      <c r="HD12" s="327">
        <v>0</v>
      </c>
      <c r="HE12" s="328">
        <v>0</v>
      </c>
      <c r="HF12" s="332"/>
      <c r="HG12" s="327">
        <v>0</v>
      </c>
      <c r="HH12" s="327">
        <v>0</v>
      </c>
      <c r="HI12" s="327">
        <v>0</v>
      </c>
      <c r="HJ12" s="327">
        <v>0</v>
      </c>
      <c r="HK12" s="327">
        <v>0</v>
      </c>
      <c r="HL12" s="330">
        <v>0</v>
      </c>
      <c r="HM12" s="331">
        <v>0</v>
      </c>
      <c r="HN12" s="326">
        <v>0</v>
      </c>
      <c r="HO12" s="327">
        <v>26818</v>
      </c>
      <c r="HP12" s="328">
        <v>26818</v>
      </c>
      <c r="HQ12" s="329">
        <v>0</v>
      </c>
      <c r="HR12" s="327">
        <v>1480533</v>
      </c>
      <c r="HS12" s="327">
        <v>2782028</v>
      </c>
      <c r="HT12" s="327">
        <v>10557298</v>
      </c>
      <c r="HU12" s="327">
        <v>9746213</v>
      </c>
      <c r="HV12" s="327">
        <v>5650644</v>
      </c>
      <c r="HW12" s="330">
        <v>30216716</v>
      </c>
      <c r="HX12" s="331">
        <v>30243534</v>
      </c>
    </row>
    <row r="13" spans="1:232" ht="16.5" customHeight="1" x14ac:dyDescent="0.2">
      <c r="A13" s="324" t="s">
        <v>9</v>
      </c>
      <c r="B13" s="326">
        <v>0</v>
      </c>
      <c r="C13" s="327">
        <v>0</v>
      </c>
      <c r="D13" s="328">
        <v>0</v>
      </c>
      <c r="E13" s="329">
        <v>0</v>
      </c>
      <c r="F13" s="327">
        <v>299077</v>
      </c>
      <c r="G13" s="327">
        <v>382269</v>
      </c>
      <c r="H13" s="327">
        <v>1836929</v>
      </c>
      <c r="I13" s="327">
        <v>2899863</v>
      </c>
      <c r="J13" s="327">
        <v>1920502</v>
      </c>
      <c r="K13" s="330">
        <v>7338640</v>
      </c>
      <c r="L13" s="331">
        <v>7338640</v>
      </c>
      <c r="M13" s="326">
        <v>0</v>
      </c>
      <c r="N13" s="327">
        <v>0</v>
      </c>
      <c r="O13" s="328">
        <v>0</v>
      </c>
      <c r="P13" s="332"/>
      <c r="Q13" s="327">
        <v>103385</v>
      </c>
      <c r="R13" s="327">
        <v>35495</v>
      </c>
      <c r="S13" s="327">
        <v>1226215</v>
      </c>
      <c r="T13" s="327">
        <v>2192515</v>
      </c>
      <c r="U13" s="327">
        <v>1488437</v>
      </c>
      <c r="V13" s="330">
        <v>5046047</v>
      </c>
      <c r="W13" s="331">
        <v>5046047</v>
      </c>
      <c r="X13" s="326">
        <v>0</v>
      </c>
      <c r="Y13" s="327">
        <v>0</v>
      </c>
      <c r="Z13" s="328">
        <v>0</v>
      </c>
      <c r="AA13" s="332"/>
      <c r="AB13" s="327">
        <v>117330</v>
      </c>
      <c r="AC13" s="327">
        <v>286430</v>
      </c>
      <c r="AD13" s="327">
        <v>456980</v>
      </c>
      <c r="AE13" s="327">
        <v>548315</v>
      </c>
      <c r="AF13" s="327">
        <v>327862</v>
      </c>
      <c r="AG13" s="330">
        <v>1736917</v>
      </c>
      <c r="AH13" s="331">
        <v>1736917</v>
      </c>
      <c r="AI13" s="326">
        <v>0</v>
      </c>
      <c r="AJ13" s="327">
        <v>0</v>
      </c>
      <c r="AK13" s="328">
        <v>0</v>
      </c>
      <c r="AL13" s="332"/>
      <c r="AM13" s="327">
        <v>0</v>
      </c>
      <c r="AN13" s="327">
        <v>0</v>
      </c>
      <c r="AO13" s="327">
        <v>0</v>
      </c>
      <c r="AP13" s="327">
        <v>2550</v>
      </c>
      <c r="AQ13" s="327">
        <v>2635</v>
      </c>
      <c r="AR13" s="330">
        <v>5185</v>
      </c>
      <c r="AS13" s="331">
        <v>5185</v>
      </c>
      <c r="AT13" s="326">
        <v>0</v>
      </c>
      <c r="AU13" s="327">
        <v>0</v>
      </c>
      <c r="AV13" s="328">
        <v>0</v>
      </c>
      <c r="AW13" s="332"/>
      <c r="AX13" s="327">
        <v>0</v>
      </c>
      <c r="AY13" s="327">
        <v>0</v>
      </c>
      <c r="AZ13" s="327">
        <v>0</v>
      </c>
      <c r="BA13" s="327">
        <v>1700</v>
      </c>
      <c r="BB13" s="327">
        <v>2635</v>
      </c>
      <c r="BC13" s="330">
        <v>4335</v>
      </c>
      <c r="BD13" s="331">
        <v>4335</v>
      </c>
      <c r="BE13" s="326">
        <v>0</v>
      </c>
      <c r="BF13" s="327">
        <v>0</v>
      </c>
      <c r="BG13" s="328">
        <v>0</v>
      </c>
      <c r="BH13" s="332"/>
      <c r="BI13" s="327">
        <v>0</v>
      </c>
      <c r="BJ13" s="327">
        <v>0</v>
      </c>
      <c r="BK13" s="327">
        <v>0</v>
      </c>
      <c r="BL13" s="327">
        <v>24645</v>
      </c>
      <c r="BM13" s="327">
        <v>0</v>
      </c>
      <c r="BN13" s="330">
        <v>24645</v>
      </c>
      <c r="BO13" s="331">
        <v>24645</v>
      </c>
      <c r="BP13" s="326">
        <v>0</v>
      </c>
      <c r="BQ13" s="327">
        <v>0</v>
      </c>
      <c r="BR13" s="328">
        <v>0</v>
      </c>
      <c r="BS13" s="329">
        <v>0</v>
      </c>
      <c r="BT13" s="327">
        <v>75032</v>
      </c>
      <c r="BU13" s="327">
        <v>59709</v>
      </c>
      <c r="BV13" s="327">
        <v>148934</v>
      </c>
      <c r="BW13" s="327">
        <v>125168</v>
      </c>
      <c r="BX13" s="327">
        <v>97878</v>
      </c>
      <c r="BY13" s="330">
        <v>506721</v>
      </c>
      <c r="BZ13" s="331">
        <v>506721</v>
      </c>
      <c r="CA13" s="326">
        <v>0</v>
      </c>
      <c r="CB13" s="327">
        <v>0</v>
      </c>
      <c r="CC13" s="328">
        <v>0</v>
      </c>
      <c r="CD13" s="329">
        <v>0</v>
      </c>
      <c r="CE13" s="327">
        <v>3330</v>
      </c>
      <c r="CF13" s="327">
        <v>635</v>
      </c>
      <c r="CG13" s="327">
        <v>4800</v>
      </c>
      <c r="CH13" s="327">
        <v>4970</v>
      </c>
      <c r="CI13" s="327">
        <v>1055</v>
      </c>
      <c r="CJ13" s="330">
        <v>14790</v>
      </c>
      <c r="CK13" s="331">
        <v>14790</v>
      </c>
      <c r="CL13" s="326">
        <v>0</v>
      </c>
      <c r="CM13" s="327">
        <v>0</v>
      </c>
      <c r="CN13" s="328">
        <v>0</v>
      </c>
      <c r="CO13" s="329">
        <v>0</v>
      </c>
      <c r="CP13" s="327">
        <v>0</v>
      </c>
      <c r="CQ13" s="327">
        <v>0</v>
      </c>
      <c r="CR13" s="327">
        <v>0</v>
      </c>
      <c r="CS13" s="327">
        <v>0</v>
      </c>
      <c r="CT13" s="327">
        <v>0</v>
      </c>
      <c r="CU13" s="330">
        <v>0</v>
      </c>
      <c r="CV13" s="331">
        <v>0</v>
      </c>
      <c r="CW13" s="326">
        <v>0</v>
      </c>
      <c r="CX13" s="327">
        <v>0</v>
      </c>
      <c r="CY13" s="328">
        <v>0</v>
      </c>
      <c r="CZ13" s="332"/>
      <c r="DA13" s="327">
        <v>0</v>
      </c>
      <c r="DB13" s="327">
        <v>0</v>
      </c>
      <c r="DC13" s="327">
        <v>0</v>
      </c>
      <c r="DD13" s="327">
        <v>0</v>
      </c>
      <c r="DE13" s="327">
        <v>0</v>
      </c>
      <c r="DF13" s="330">
        <v>0</v>
      </c>
      <c r="DG13" s="331">
        <v>0</v>
      </c>
      <c r="DH13" s="326">
        <v>0</v>
      </c>
      <c r="DI13" s="327">
        <v>0</v>
      </c>
      <c r="DJ13" s="328">
        <v>0</v>
      </c>
      <c r="DK13" s="329">
        <v>0</v>
      </c>
      <c r="DL13" s="327">
        <v>246142</v>
      </c>
      <c r="DM13" s="327">
        <v>182231</v>
      </c>
      <c r="DN13" s="327">
        <v>2073390</v>
      </c>
      <c r="DO13" s="327">
        <v>2970482</v>
      </c>
      <c r="DP13" s="327">
        <v>2161323</v>
      </c>
      <c r="DQ13" s="330">
        <v>7633568</v>
      </c>
      <c r="DR13" s="333">
        <v>7633568</v>
      </c>
      <c r="DS13" s="326">
        <v>0</v>
      </c>
      <c r="DT13" s="327">
        <v>0</v>
      </c>
      <c r="DU13" s="328">
        <v>0</v>
      </c>
      <c r="DV13" s="332"/>
      <c r="DW13" s="327">
        <v>131254</v>
      </c>
      <c r="DX13" s="327">
        <v>26505</v>
      </c>
      <c r="DY13" s="327">
        <v>1739743</v>
      </c>
      <c r="DZ13" s="327">
        <v>2611432</v>
      </c>
      <c r="EA13" s="327">
        <v>1979067</v>
      </c>
      <c r="EB13" s="330">
        <v>6488001</v>
      </c>
      <c r="EC13" s="331">
        <v>6488001</v>
      </c>
      <c r="ED13" s="326">
        <v>0</v>
      </c>
      <c r="EE13" s="327">
        <v>0</v>
      </c>
      <c r="EF13" s="328">
        <v>0</v>
      </c>
      <c r="EG13" s="332"/>
      <c r="EH13" s="327">
        <v>34320</v>
      </c>
      <c r="EI13" s="327">
        <v>44089</v>
      </c>
      <c r="EJ13" s="327">
        <v>29962</v>
      </c>
      <c r="EK13" s="327">
        <v>89755</v>
      </c>
      <c r="EL13" s="327">
        <v>35762</v>
      </c>
      <c r="EM13" s="330">
        <v>233888</v>
      </c>
      <c r="EN13" s="331">
        <v>233888</v>
      </c>
      <c r="EO13" s="326">
        <v>0</v>
      </c>
      <c r="EP13" s="327">
        <v>0</v>
      </c>
      <c r="EQ13" s="328">
        <v>0</v>
      </c>
      <c r="ER13" s="332"/>
      <c r="ES13" s="327">
        <v>0</v>
      </c>
      <c r="ET13" s="327">
        <v>0</v>
      </c>
      <c r="EU13" s="327">
        <v>0</v>
      </c>
      <c r="EV13" s="327">
        <v>217</v>
      </c>
      <c r="EW13" s="327">
        <v>217</v>
      </c>
      <c r="EX13" s="330">
        <v>434</v>
      </c>
      <c r="EY13" s="331">
        <v>434</v>
      </c>
      <c r="EZ13" s="326">
        <v>0</v>
      </c>
      <c r="FA13" s="327">
        <v>0</v>
      </c>
      <c r="FB13" s="328">
        <v>0</v>
      </c>
      <c r="FC13" s="332"/>
      <c r="FD13" s="327">
        <v>0</v>
      </c>
      <c r="FE13" s="327">
        <v>0</v>
      </c>
      <c r="FF13" s="327">
        <v>0</v>
      </c>
      <c r="FG13" s="327">
        <v>217</v>
      </c>
      <c r="FH13" s="327">
        <v>217</v>
      </c>
      <c r="FI13" s="330">
        <v>434</v>
      </c>
      <c r="FJ13" s="331">
        <v>434</v>
      </c>
      <c r="FK13" s="326">
        <v>0</v>
      </c>
      <c r="FL13" s="327">
        <v>0</v>
      </c>
      <c r="FM13" s="328">
        <v>0</v>
      </c>
      <c r="FN13" s="332"/>
      <c r="FO13" s="327">
        <v>0</v>
      </c>
      <c r="FP13" s="327">
        <v>0</v>
      </c>
      <c r="FQ13" s="327">
        <v>0</v>
      </c>
      <c r="FR13" s="327">
        <v>21576</v>
      </c>
      <c r="FS13" s="327">
        <v>0</v>
      </c>
      <c r="FT13" s="330">
        <v>21576</v>
      </c>
      <c r="FU13" s="331">
        <v>21576</v>
      </c>
      <c r="FV13" s="326">
        <v>0</v>
      </c>
      <c r="FW13" s="327">
        <v>0</v>
      </c>
      <c r="FX13" s="328">
        <v>0</v>
      </c>
      <c r="FY13" s="329">
        <v>0</v>
      </c>
      <c r="FZ13" s="327">
        <v>79445</v>
      </c>
      <c r="GA13" s="327">
        <v>111581</v>
      </c>
      <c r="GB13" s="327">
        <v>303482</v>
      </c>
      <c r="GC13" s="327">
        <v>245714</v>
      </c>
      <c r="GD13" s="327">
        <v>145962</v>
      </c>
      <c r="GE13" s="330">
        <v>886184</v>
      </c>
      <c r="GF13" s="331">
        <v>886184</v>
      </c>
      <c r="GG13" s="326">
        <v>0</v>
      </c>
      <c r="GH13" s="327">
        <v>0</v>
      </c>
      <c r="GI13" s="328">
        <v>0</v>
      </c>
      <c r="GJ13" s="329">
        <v>0</v>
      </c>
      <c r="GK13" s="327">
        <v>1123</v>
      </c>
      <c r="GL13" s="327">
        <v>56</v>
      </c>
      <c r="GM13" s="327">
        <v>203</v>
      </c>
      <c r="GN13" s="327">
        <v>1571</v>
      </c>
      <c r="GO13" s="327">
        <v>98</v>
      </c>
      <c r="GP13" s="330">
        <v>3051</v>
      </c>
      <c r="GQ13" s="331">
        <v>3051</v>
      </c>
      <c r="GR13" s="326">
        <v>0</v>
      </c>
      <c r="GS13" s="327">
        <v>0</v>
      </c>
      <c r="GT13" s="328">
        <v>0</v>
      </c>
      <c r="GU13" s="329">
        <v>0</v>
      </c>
      <c r="GV13" s="327">
        <v>0</v>
      </c>
      <c r="GW13" s="327">
        <v>0</v>
      </c>
      <c r="GX13" s="327">
        <v>0</v>
      </c>
      <c r="GY13" s="327">
        <v>0</v>
      </c>
      <c r="GZ13" s="327">
        <v>0</v>
      </c>
      <c r="HA13" s="330">
        <v>0</v>
      </c>
      <c r="HB13" s="331">
        <v>0</v>
      </c>
      <c r="HC13" s="326">
        <v>0</v>
      </c>
      <c r="HD13" s="327">
        <v>0</v>
      </c>
      <c r="HE13" s="328">
        <v>0</v>
      </c>
      <c r="HF13" s="332"/>
      <c r="HG13" s="327">
        <v>0</v>
      </c>
      <c r="HH13" s="327">
        <v>0</v>
      </c>
      <c r="HI13" s="327">
        <v>0</v>
      </c>
      <c r="HJ13" s="327">
        <v>0</v>
      </c>
      <c r="HK13" s="327">
        <v>0</v>
      </c>
      <c r="HL13" s="330">
        <v>0</v>
      </c>
      <c r="HM13" s="331">
        <v>0</v>
      </c>
      <c r="HN13" s="326">
        <v>0</v>
      </c>
      <c r="HO13" s="327">
        <v>0</v>
      </c>
      <c r="HP13" s="328">
        <v>0</v>
      </c>
      <c r="HQ13" s="329">
        <v>0</v>
      </c>
      <c r="HR13" s="327">
        <v>545219</v>
      </c>
      <c r="HS13" s="327">
        <v>564500</v>
      </c>
      <c r="HT13" s="327">
        <v>3910319</v>
      </c>
      <c r="HU13" s="327">
        <v>5870345</v>
      </c>
      <c r="HV13" s="327">
        <v>4081825</v>
      </c>
      <c r="HW13" s="330">
        <v>14972208</v>
      </c>
      <c r="HX13" s="331">
        <v>14972208</v>
      </c>
    </row>
    <row r="14" spans="1:232" ht="16.5" customHeight="1" x14ac:dyDescent="0.2">
      <c r="A14" s="324" t="s">
        <v>10</v>
      </c>
      <c r="B14" s="326">
        <v>5815</v>
      </c>
      <c r="C14" s="327">
        <v>8830</v>
      </c>
      <c r="D14" s="328">
        <v>14645</v>
      </c>
      <c r="E14" s="329">
        <v>0</v>
      </c>
      <c r="F14" s="327">
        <v>995302</v>
      </c>
      <c r="G14" s="327">
        <v>1298919</v>
      </c>
      <c r="H14" s="327">
        <v>3264823</v>
      </c>
      <c r="I14" s="327">
        <v>4989133</v>
      </c>
      <c r="J14" s="327">
        <v>4376923</v>
      </c>
      <c r="K14" s="330">
        <v>14925100</v>
      </c>
      <c r="L14" s="331">
        <v>14939745</v>
      </c>
      <c r="M14" s="326">
        <v>0</v>
      </c>
      <c r="N14" s="327">
        <v>0</v>
      </c>
      <c r="O14" s="328">
        <v>0</v>
      </c>
      <c r="P14" s="332"/>
      <c r="Q14" s="327">
        <v>92690</v>
      </c>
      <c r="R14" s="327">
        <v>377284</v>
      </c>
      <c r="S14" s="327">
        <v>2020340</v>
      </c>
      <c r="T14" s="327">
        <v>3668540</v>
      </c>
      <c r="U14" s="327">
        <v>3478157</v>
      </c>
      <c r="V14" s="330">
        <v>9637011</v>
      </c>
      <c r="W14" s="331">
        <v>9637011</v>
      </c>
      <c r="X14" s="326">
        <v>0</v>
      </c>
      <c r="Y14" s="327">
        <v>0</v>
      </c>
      <c r="Z14" s="328">
        <v>0</v>
      </c>
      <c r="AA14" s="332"/>
      <c r="AB14" s="327">
        <v>728564</v>
      </c>
      <c r="AC14" s="327">
        <v>745063</v>
      </c>
      <c r="AD14" s="327">
        <v>846280</v>
      </c>
      <c r="AE14" s="327">
        <v>924328</v>
      </c>
      <c r="AF14" s="327">
        <v>501795</v>
      </c>
      <c r="AG14" s="330">
        <v>3746030</v>
      </c>
      <c r="AH14" s="331">
        <v>3746030</v>
      </c>
      <c r="AI14" s="326">
        <v>0</v>
      </c>
      <c r="AJ14" s="327">
        <v>0</v>
      </c>
      <c r="AK14" s="328">
        <v>0</v>
      </c>
      <c r="AL14" s="332"/>
      <c r="AM14" s="327">
        <v>0</v>
      </c>
      <c r="AN14" s="327">
        <v>0</v>
      </c>
      <c r="AO14" s="327">
        <v>0</v>
      </c>
      <c r="AP14" s="327">
        <v>32705</v>
      </c>
      <c r="AQ14" s="327">
        <v>7905</v>
      </c>
      <c r="AR14" s="330">
        <v>40610</v>
      </c>
      <c r="AS14" s="331">
        <v>40610</v>
      </c>
      <c r="AT14" s="326">
        <v>0</v>
      </c>
      <c r="AU14" s="327">
        <v>0</v>
      </c>
      <c r="AV14" s="328">
        <v>0</v>
      </c>
      <c r="AW14" s="332"/>
      <c r="AX14" s="327">
        <v>0</v>
      </c>
      <c r="AY14" s="327">
        <v>0</v>
      </c>
      <c r="AZ14" s="327">
        <v>0</v>
      </c>
      <c r="BA14" s="327">
        <v>0</v>
      </c>
      <c r="BB14" s="327">
        <v>105865</v>
      </c>
      <c r="BC14" s="330">
        <v>105865</v>
      </c>
      <c r="BD14" s="331">
        <v>105865</v>
      </c>
      <c r="BE14" s="326">
        <v>0</v>
      </c>
      <c r="BF14" s="327">
        <v>0</v>
      </c>
      <c r="BG14" s="328">
        <v>0</v>
      </c>
      <c r="BH14" s="332"/>
      <c r="BI14" s="327">
        <v>0</v>
      </c>
      <c r="BJ14" s="327">
        <v>0</v>
      </c>
      <c r="BK14" s="327">
        <v>0</v>
      </c>
      <c r="BL14" s="327">
        <v>66840</v>
      </c>
      <c r="BM14" s="327">
        <v>73315</v>
      </c>
      <c r="BN14" s="330">
        <v>140155</v>
      </c>
      <c r="BO14" s="331">
        <v>140155</v>
      </c>
      <c r="BP14" s="326">
        <v>5815</v>
      </c>
      <c r="BQ14" s="327">
        <v>8830</v>
      </c>
      <c r="BR14" s="328">
        <v>14645</v>
      </c>
      <c r="BS14" s="329">
        <v>0</v>
      </c>
      <c r="BT14" s="327">
        <v>172952</v>
      </c>
      <c r="BU14" s="327">
        <v>165862</v>
      </c>
      <c r="BV14" s="327">
        <v>393359</v>
      </c>
      <c r="BW14" s="327">
        <v>284142</v>
      </c>
      <c r="BX14" s="327">
        <v>208916</v>
      </c>
      <c r="BY14" s="330">
        <v>1225231</v>
      </c>
      <c r="BZ14" s="331">
        <v>1239876</v>
      </c>
      <c r="CA14" s="326">
        <v>0</v>
      </c>
      <c r="CB14" s="327">
        <v>0</v>
      </c>
      <c r="CC14" s="328">
        <v>0</v>
      </c>
      <c r="CD14" s="329">
        <v>0</v>
      </c>
      <c r="CE14" s="327">
        <v>1096</v>
      </c>
      <c r="CF14" s="327">
        <v>10710</v>
      </c>
      <c r="CG14" s="327">
        <v>4844</v>
      </c>
      <c r="CH14" s="327">
        <v>12578</v>
      </c>
      <c r="CI14" s="327">
        <v>970</v>
      </c>
      <c r="CJ14" s="330">
        <v>30198</v>
      </c>
      <c r="CK14" s="331">
        <v>30198</v>
      </c>
      <c r="CL14" s="326">
        <v>0</v>
      </c>
      <c r="CM14" s="327">
        <v>0</v>
      </c>
      <c r="CN14" s="328">
        <v>0</v>
      </c>
      <c r="CO14" s="329">
        <v>0</v>
      </c>
      <c r="CP14" s="327">
        <v>0</v>
      </c>
      <c r="CQ14" s="327">
        <v>0</v>
      </c>
      <c r="CR14" s="327">
        <v>0</v>
      </c>
      <c r="CS14" s="327">
        <v>0</v>
      </c>
      <c r="CT14" s="327">
        <v>0</v>
      </c>
      <c r="CU14" s="330">
        <v>0</v>
      </c>
      <c r="CV14" s="331">
        <v>0</v>
      </c>
      <c r="CW14" s="326">
        <v>0</v>
      </c>
      <c r="CX14" s="327">
        <v>0</v>
      </c>
      <c r="CY14" s="328">
        <v>0</v>
      </c>
      <c r="CZ14" s="332"/>
      <c r="DA14" s="327">
        <v>0</v>
      </c>
      <c r="DB14" s="327">
        <v>0</v>
      </c>
      <c r="DC14" s="327">
        <v>0</v>
      </c>
      <c r="DD14" s="327">
        <v>0</v>
      </c>
      <c r="DE14" s="327">
        <v>0</v>
      </c>
      <c r="DF14" s="330">
        <v>0</v>
      </c>
      <c r="DG14" s="331">
        <v>0</v>
      </c>
      <c r="DH14" s="326">
        <v>7620</v>
      </c>
      <c r="DI14" s="327">
        <v>17976</v>
      </c>
      <c r="DJ14" s="328">
        <v>25596</v>
      </c>
      <c r="DK14" s="329">
        <v>0</v>
      </c>
      <c r="DL14" s="327">
        <v>572485</v>
      </c>
      <c r="DM14" s="327">
        <v>985747</v>
      </c>
      <c r="DN14" s="327">
        <v>4058842</v>
      </c>
      <c r="DO14" s="327">
        <v>5863436</v>
      </c>
      <c r="DP14" s="327">
        <v>4311061</v>
      </c>
      <c r="DQ14" s="330">
        <v>15791571</v>
      </c>
      <c r="DR14" s="333">
        <v>15817167</v>
      </c>
      <c r="DS14" s="326">
        <v>0</v>
      </c>
      <c r="DT14" s="327">
        <v>0</v>
      </c>
      <c r="DU14" s="328">
        <v>0</v>
      </c>
      <c r="DV14" s="332"/>
      <c r="DW14" s="327">
        <v>137640</v>
      </c>
      <c r="DX14" s="327">
        <v>550802</v>
      </c>
      <c r="DY14" s="327">
        <v>3332461</v>
      </c>
      <c r="DZ14" s="327">
        <v>5099781</v>
      </c>
      <c r="EA14" s="327">
        <v>3736868</v>
      </c>
      <c r="EB14" s="330">
        <v>12857552</v>
      </c>
      <c r="EC14" s="331">
        <v>12857552</v>
      </c>
      <c r="ED14" s="326">
        <v>0</v>
      </c>
      <c r="EE14" s="327">
        <v>0</v>
      </c>
      <c r="EF14" s="328">
        <v>0</v>
      </c>
      <c r="EG14" s="332"/>
      <c r="EH14" s="327">
        <v>172390</v>
      </c>
      <c r="EI14" s="327">
        <v>115225</v>
      </c>
      <c r="EJ14" s="327">
        <v>76644</v>
      </c>
      <c r="EK14" s="327">
        <v>168662</v>
      </c>
      <c r="EL14" s="327">
        <v>75527</v>
      </c>
      <c r="EM14" s="330">
        <v>608448</v>
      </c>
      <c r="EN14" s="331">
        <v>608448</v>
      </c>
      <c r="EO14" s="326">
        <v>0</v>
      </c>
      <c r="EP14" s="327">
        <v>0</v>
      </c>
      <c r="EQ14" s="328">
        <v>0</v>
      </c>
      <c r="ER14" s="332"/>
      <c r="ES14" s="327">
        <v>0</v>
      </c>
      <c r="ET14" s="327">
        <v>0</v>
      </c>
      <c r="EU14" s="327">
        <v>0</v>
      </c>
      <c r="EV14" s="327">
        <v>217</v>
      </c>
      <c r="EW14" s="327">
        <v>651</v>
      </c>
      <c r="EX14" s="330">
        <v>868</v>
      </c>
      <c r="EY14" s="331">
        <v>868</v>
      </c>
      <c r="EZ14" s="326">
        <v>0</v>
      </c>
      <c r="FA14" s="327">
        <v>0</v>
      </c>
      <c r="FB14" s="328">
        <v>0</v>
      </c>
      <c r="FC14" s="332"/>
      <c r="FD14" s="327">
        <v>0</v>
      </c>
      <c r="FE14" s="327">
        <v>0</v>
      </c>
      <c r="FF14" s="327">
        <v>0</v>
      </c>
      <c r="FG14" s="327">
        <v>0</v>
      </c>
      <c r="FH14" s="327">
        <v>1953</v>
      </c>
      <c r="FI14" s="330">
        <v>1953</v>
      </c>
      <c r="FJ14" s="331">
        <v>1953</v>
      </c>
      <c r="FK14" s="326">
        <v>0</v>
      </c>
      <c r="FL14" s="327">
        <v>0</v>
      </c>
      <c r="FM14" s="328">
        <v>0</v>
      </c>
      <c r="FN14" s="332"/>
      <c r="FO14" s="327">
        <v>0</v>
      </c>
      <c r="FP14" s="327">
        <v>0</v>
      </c>
      <c r="FQ14" s="327">
        <v>0</v>
      </c>
      <c r="FR14" s="327">
        <v>92753</v>
      </c>
      <c r="FS14" s="327">
        <v>116870</v>
      </c>
      <c r="FT14" s="330">
        <v>209623</v>
      </c>
      <c r="FU14" s="331">
        <v>209623</v>
      </c>
      <c r="FV14" s="326">
        <v>7620</v>
      </c>
      <c r="FW14" s="327">
        <v>17976</v>
      </c>
      <c r="FX14" s="328">
        <v>25596</v>
      </c>
      <c r="FY14" s="329">
        <v>0</v>
      </c>
      <c r="FZ14" s="327">
        <v>262378</v>
      </c>
      <c r="GA14" s="327">
        <v>317769</v>
      </c>
      <c r="GB14" s="327">
        <v>645778</v>
      </c>
      <c r="GC14" s="327">
        <v>489341</v>
      </c>
      <c r="GD14" s="327">
        <v>376981</v>
      </c>
      <c r="GE14" s="330">
        <v>2092247</v>
      </c>
      <c r="GF14" s="331">
        <v>2117843</v>
      </c>
      <c r="GG14" s="326">
        <v>0</v>
      </c>
      <c r="GH14" s="327">
        <v>0</v>
      </c>
      <c r="GI14" s="328">
        <v>0</v>
      </c>
      <c r="GJ14" s="329">
        <v>0</v>
      </c>
      <c r="GK14" s="327">
        <v>77</v>
      </c>
      <c r="GL14" s="327">
        <v>1951</v>
      </c>
      <c r="GM14" s="327">
        <v>3959</v>
      </c>
      <c r="GN14" s="327">
        <v>12682</v>
      </c>
      <c r="GO14" s="327">
        <v>2211</v>
      </c>
      <c r="GP14" s="330">
        <v>20880</v>
      </c>
      <c r="GQ14" s="331">
        <v>20880</v>
      </c>
      <c r="GR14" s="326">
        <v>0</v>
      </c>
      <c r="GS14" s="327">
        <v>0</v>
      </c>
      <c r="GT14" s="328">
        <v>0</v>
      </c>
      <c r="GU14" s="329">
        <v>0</v>
      </c>
      <c r="GV14" s="327">
        <v>0</v>
      </c>
      <c r="GW14" s="327">
        <v>0</v>
      </c>
      <c r="GX14" s="327">
        <v>0</v>
      </c>
      <c r="GY14" s="327">
        <v>0</v>
      </c>
      <c r="GZ14" s="327">
        <v>0</v>
      </c>
      <c r="HA14" s="330">
        <v>0</v>
      </c>
      <c r="HB14" s="331">
        <v>0</v>
      </c>
      <c r="HC14" s="326">
        <v>0</v>
      </c>
      <c r="HD14" s="327">
        <v>0</v>
      </c>
      <c r="HE14" s="328">
        <v>0</v>
      </c>
      <c r="HF14" s="332"/>
      <c r="HG14" s="327">
        <v>0</v>
      </c>
      <c r="HH14" s="327">
        <v>0</v>
      </c>
      <c r="HI14" s="327">
        <v>0</v>
      </c>
      <c r="HJ14" s="327">
        <v>0</v>
      </c>
      <c r="HK14" s="327">
        <v>0</v>
      </c>
      <c r="HL14" s="330">
        <v>0</v>
      </c>
      <c r="HM14" s="331">
        <v>0</v>
      </c>
      <c r="HN14" s="326">
        <v>13435</v>
      </c>
      <c r="HO14" s="327">
        <v>26806</v>
      </c>
      <c r="HP14" s="328">
        <v>40241</v>
      </c>
      <c r="HQ14" s="329">
        <v>0</v>
      </c>
      <c r="HR14" s="327">
        <v>1567787</v>
      </c>
      <c r="HS14" s="327">
        <v>2284666</v>
      </c>
      <c r="HT14" s="327">
        <v>7323665</v>
      </c>
      <c r="HU14" s="327">
        <v>10852569</v>
      </c>
      <c r="HV14" s="327">
        <v>8687984</v>
      </c>
      <c r="HW14" s="330">
        <v>30716671</v>
      </c>
      <c r="HX14" s="331">
        <v>30756912</v>
      </c>
    </row>
    <row r="15" spans="1:232" ht="16.5" customHeight="1" x14ac:dyDescent="0.2">
      <c r="A15" s="324" t="s">
        <v>11</v>
      </c>
      <c r="B15" s="326">
        <v>4900</v>
      </c>
      <c r="C15" s="327">
        <v>3760</v>
      </c>
      <c r="D15" s="328">
        <v>8660</v>
      </c>
      <c r="E15" s="329">
        <v>0</v>
      </c>
      <c r="F15" s="327">
        <v>843376</v>
      </c>
      <c r="G15" s="327">
        <v>890940</v>
      </c>
      <c r="H15" s="327">
        <v>3397057</v>
      </c>
      <c r="I15" s="327">
        <v>4276484</v>
      </c>
      <c r="J15" s="327">
        <v>1896624</v>
      </c>
      <c r="K15" s="330">
        <v>11304481</v>
      </c>
      <c r="L15" s="331">
        <v>11313141</v>
      </c>
      <c r="M15" s="326">
        <v>0</v>
      </c>
      <c r="N15" s="327">
        <v>0</v>
      </c>
      <c r="O15" s="328">
        <v>0</v>
      </c>
      <c r="P15" s="332"/>
      <c r="Q15" s="327">
        <v>24645</v>
      </c>
      <c r="R15" s="327">
        <v>32550</v>
      </c>
      <c r="S15" s="327">
        <v>2287975</v>
      </c>
      <c r="T15" s="327">
        <v>2844625</v>
      </c>
      <c r="U15" s="327">
        <v>1270025</v>
      </c>
      <c r="V15" s="330">
        <v>6459820</v>
      </c>
      <c r="W15" s="331">
        <v>6459820</v>
      </c>
      <c r="X15" s="326">
        <v>0</v>
      </c>
      <c r="Y15" s="327">
        <v>0</v>
      </c>
      <c r="Z15" s="328">
        <v>0</v>
      </c>
      <c r="AA15" s="332"/>
      <c r="AB15" s="327">
        <v>682066</v>
      </c>
      <c r="AC15" s="327">
        <v>690025</v>
      </c>
      <c r="AD15" s="327">
        <v>765387</v>
      </c>
      <c r="AE15" s="327">
        <v>1190410</v>
      </c>
      <c r="AF15" s="327">
        <v>366780</v>
      </c>
      <c r="AG15" s="330">
        <v>3694668</v>
      </c>
      <c r="AH15" s="331">
        <v>3694668</v>
      </c>
      <c r="AI15" s="326">
        <v>0</v>
      </c>
      <c r="AJ15" s="327">
        <v>0</v>
      </c>
      <c r="AK15" s="328">
        <v>0</v>
      </c>
      <c r="AL15" s="332"/>
      <c r="AM15" s="327">
        <v>0</v>
      </c>
      <c r="AN15" s="327">
        <v>0</v>
      </c>
      <c r="AO15" s="327">
        <v>0</v>
      </c>
      <c r="AP15" s="327">
        <v>0</v>
      </c>
      <c r="AQ15" s="327">
        <v>24645</v>
      </c>
      <c r="AR15" s="330">
        <v>24645</v>
      </c>
      <c r="AS15" s="331">
        <v>24645</v>
      </c>
      <c r="AT15" s="326">
        <v>0</v>
      </c>
      <c r="AU15" s="327">
        <v>0</v>
      </c>
      <c r="AV15" s="328">
        <v>0</v>
      </c>
      <c r="AW15" s="332"/>
      <c r="AX15" s="327">
        <v>60140</v>
      </c>
      <c r="AY15" s="327">
        <v>40765</v>
      </c>
      <c r="AZ15" s="327">
        <v>2635</v>
      </c>
      <c r="BA15" s="327">
        <v>35495</v>
      </c>
      <c r="BB15" s="327">
        <v>183945</v>
      </c>
      <c r="BC15" s="330">
        <v>322980</v>
      </c>
      <c r="BD15" s="331">
        <v>322980</v>
      </c>
      <c r="BE15" s="326">
        <v>0</v>
      </c>
      <c r="BF15" s="327">
        <v>0</v>
      </c>
      <c r="BG15" s="328">
        <v>0</v>
      </c>
      <c r="BH15" s="332"/>
      <c r="BI15" s="327">
        <v>0</v>
      </c>
      <c r="BJ15" s="327">
        <v>24645</v>
      </c>
      <c r="BK15" s="327">
        <v>32705</v>
      </c>
      <c r="BL15" s="327">
        <v>0</v>
      </c>
      <c r="BM15" s="327">
        <v>0</v>
      </c>
      <c r="BN15" s="330">
        <v>57350</v>
      </c>
      <c r="BO15" s="331">
        <v>57350</v>
      </c>
      <c r="BP15" s="326">
        <v>4900</v>
      </c>
      <c r="BQ15" s="327">
        <v>3760</v>
      </c>
      <c r="BR15" s="328">
        <v>8660</v>
      </c>
      <c r="BS15" s="329">
        <v>0</v>
      </c>
      <c r="BT15" s="327">
        <v>76525</v>
      </c>
      <c r="BU15" s="327">
        <v>97520</v>
      </c>
      <c r="BV15" s="327">
        <v>278537</v>
      </c>
      <c r="BW15" s="327">
        <v>199279</v>
      </c>
      <c r="BX15" s="327">
        <v>50084</v>
      </c>
      <c r="BY15" s="330">
        <v>701945</v>
      </c>
      <c r="BZ15" s="331">
        <v>710605</v>
      </c>
      <c r="CA15" s="326">
        <v>0</v>
      </c>
      <c r="CB15" s="327">
        <v>0</v>
      </c>
      <c r="CC15" s="328">
        <v>0</v>
      </c>
      <c r="CD15" s="329">
        <v>0</v>
      </c>
      <c r="CE15" s="327">
        <v>0</v>
      </c>
      <c r="CF15" s="327">
        <v>5435</v>
      </c>
      <c r="CG15" s="327">
        <v>29818</v>
      </c>
      <c r="CH15" s="327">
        <v>6675</v>
      </c>
      <c r="CI15" s="327">
        <v>1145</v>
      </c>
      <c r="CJ15" s="330">
        <v>43073</v>
      </c>
      <c r="CK15" s="331">
        <v>43073</v>
      </c>
      <c r="CL15" s="326">
        <v>0</v>
      </c>
      <c r="CM15" s="327">
        <v>0</v>
      </c>
      <c r="CN15" s="328">
        <v>0</v>
      </c>
      <c r="CO15" s="329">
        <v>0</v>
      </c>
      <c r="CP15" s="327">
        <v>0</v>
      </c>
      <c r="CQ15" s="327">
        <v>0</v>
      </c>
      <c r="CR15" s="327">
        <v>0</v>
      </c>
      <c r="CS15" s="327">
        <v>0</v>
      </c>
      <c r="CT15" s="327">
        <v>0</v>
      </c>
      <c r="CU15" s="330">
        <v>0</v>
      </c>
      <c r="CV15" s="331">
        <v>0</v>
      </c>
      <c r="CW15" s="326">
        <v>0</v>
      </c>
      <c r="CX15" s="327">
        <v>0</v>
      </c>
      <c r="CY15" s="328">
        <v>0</v>
      </c>
      <c r="CZ15" s="332"/>
      <c r="DA15" s="327">
        <v>0</v>
      </c>
      <c r="DB15" s="327">
        <v>0</v>
      </c>
      <c r="DC15" s="327">
        <v>0</v>
      </c>
      <c r="DD15" s="327">
        <v>0</v>
      </c>
      <c r="DE15" s="327">
        <v>0</v>
      </c>
      <c r="DF15" s="330">
        <v>0</v>
      </c>
      <c r="DG15" s="331">
        <v>0</v>
      </c>
      <c r="DH15" s="326">
        <v>7510</v>
      </c>
      <c r="DI15" s="327">
        <v>4965</v>
      </c>
      <c r="DJ15" s="328">
        <v>12475</v>
      </c>
      <c r="DK15" s="329">
        <v>0</v>
      </c>
      <c r="DL15" s="327">
        <v>272714</v>
      </c>
      <c r="DM15" s="327">
        <v>354217</v>
      </c>
      <c r="DN15" s="327">
        <v>3177763</v>
      </c>
      <c r="DO15" s="327">
        <v>3618473</v>
      </c>
      <c r="DP15" s="327">
        <v>1796334</v>
      </c>
      <c r="DQ15" s="330">
        <v>9219501</v>
      </c>
      <c r="DR15" s="333">
        <v>9231976</v>
      </c>
      <c r="DS15" s="326">
        <v>0</v>
      </c>
      <c r="DT15" s="327">
        <v>0</v>
      </c>
      <c r="DU15" s="328">
        <v>0</v>
      </c>
      <c r="DV15" s="332"/>
      <c r="DW15" s="327">
        <v>15035</v>
      </c>
      <c r="DX15" s="327">
        <v>73222</v>
      </c>
      <c r="DY15" s="327">
        <v>2681749</v>
      </c>
      <c r="DZ15" s="327">
        <v>3201361</v>
      </c>
      <c r="EA15" s="327">
        <v>1648918</v>
      </c>
      <c r="EB15" s="330">
        <v>7620285</v>
      </c>
      <c r="EC15" s="331">
        <v>7620285</v>
      </c>
      <c r="ED15" s="326">
        <v>0</v>
      </c>
      <c r="EE15" s="327">
        <v>0</v>
      </c>
      <c r="EF15" s="328">
        <v>0</v>
      </c>
      <c r="EG15" s="332"/>
      <c r="EH15" s="327">
        <v>139249</v>
      </c>
      <c r="EI15" s="327">
        <v>126400</v>
      </c>
      <c r="EJ15" s="327">
        <v>155187</v>
      </c>
      <c r="EK15" s="327">
        <v>156162</v>
      </c>
      <c r="EL15" s="327">
        <v>49571</v>
      </c>
      <c r="EM15" s="330">
        <v>626569</v>
      </c>
      <c r="EN15" s="331">
        <v>626569</v>
      </c>
      <c r="EO15" s="326">
        <v>0</v>
      </c>
      <c r="EP15" s="327">
        <v>0</v>
      </c>
      <c r="EQ15" s="328">
        <v>0</v>
      </c>
      <c r="ER15" s="332"/>
      <c r="ES15" s="327">
        <v>0</v>
      </c>
      <c r="ET15" s="327">
        <v>0</v>
      </c>
      <c r="EU15" s="327">
        <v>0</v>
      </c>
      <c r="EV15" s="327">
        <v>0</v>
      </c>
      <c r="EW15" s="327">
        <v>217</v>
      </c>
      <c r="EX15" s="330">
        <v>217</v>
      </c>
      <c r="EY15" s="331">
        <v>217</v>
      </c>
      <c r="EZ15" s="326">
        <v>0</v>
      </c>
      <c r="FA15" s="327">
        <v>0</v>
      </c>
      <c r="FB15" s="328">
        <v>0</v>
      </c>
      <c r="FC15" s="332"/>
      <c r="FD15" s="327">
        <v>11904</v>
      </c>
      <c r="FE15" s="327">
        <v>12121</v>
      </c>
      <c r="FF15" s="327">
        <v>217</v>
      </c>
      <c r="FG15" s="327">
        <v>11687</v>
      </c>
      <c r="FH15" s="327">
        <v>13605</v>
      </c>
      <c r="FI15" s="330">
        <v>49534</v>
      </c>
      <c r="FJ15" s="331">
        <v>49534</v>
      </c>
      <c r="FK15" s="326">
        <v>0</v>
      </c>
      <c r="FL15" s="327">
        <v>0</v>
      </c>
      <c r="FM15" s="328">
        <v>0</v>
      </c>
      <c r="FN15" s="332"/>
      <c r="FO15" s="327">
        <v>0</v>
      </c>
      <c r="FP15" s="327">
        <v>21576</v>
      </c>
      <c r="FQ15" s="327">
        <v>23281</v>
      </c>
      <c r="FR15" s="327">
        <v>0</v>
      </c>
      <c r="FS15" s="327">
        <v>0</v>
      </c>
      <c r="FT15" s="330">
        <v>44857</v>
      </c>
      <c r="FU15" s="331">
        <v>44857</v>
      </c>
      <c r="FV15" s="326">
        <v>7510</v>
      </c>
      <c r="FW15" s="327">
        <v>4965</v>
      </c>
      <c r="FX15" s="328">
        <v>12475</v>
      </c>
      <c r="FY15" s="329">
        <v>0</v>
      </c>
      <c r="FZ15" s="327">
        <v>106526</v>
      </c>
      <c r="GA15" s="327">
        <v>120835</v>
      </c>
      <c r="GB15" s="327">
        <v>291763</v>
      </c>
      <c r="GC15" s="327">
        <v>249158</v>
      </c>
      <c r="GD15" s="327">
        <v>82591</v>
      </c>
      <c r="GE15" s="330">
        <v>850873</v>
      </c>
      <c r="GF15" s="331">
        <v>863348</v>
      </c>
      <c r="GG15" s="326">
        <v>0</v>
      </c>
      <c r="GH15" s="327">
        <v>0</v>
      </c>
      <c r="GI15" s="328">
        <v>0</v>
      </c>
      <c r="GJ15" s="329">
        <v>0</v>
      </c>
      <c r="GK15" s="327">
        <v>0</v>
      </c>
      <c r="GL15" s="327">
        <v>63</v>
      </c>
      <c r="GM15" s="327">
        <v>25566</v>
      </c>
      <c r="GN15" s="327">
        <v>105</v>
      </c>
      <c r="GO15" s="327">
        <v>1432</v>
      </c>
      <c r="GP15" s="330">
        <v>27166</v>
      </c>
      <c r="GQ15" s="331">
        <v>27166</v>
      </c>
      <c r="GR15" s="326">
        <v>0</v>
      </c>
      <c r="GS15" s="327">
        <v>0</v>
      </c>
      <c r="GT15" s="328">
        <v>0</v>
      </c>
      <c r="GU15" s="329">
        <v>0</v>
      </c>
      <c r="GV15" s="327">
        <v>0</v>
      </c>
      <c r="GW15" s="327">
        <v>0</v>
      </c>
      <c r="GX15" s="327">
        <v>0</v>
      </c>
      <c r="GY15" s="327">
        <v>0</v>
      </c>
      <c r="GZ15" s="327">
        <v>0</v>
      </c>
      <c r="HA15" s="330">
        <v>0</v>
      </c>
      <c r="HB15" s="331">
        <v>0</v>
      </c>
      <c r="HC15" s="326">
        <v>0</v>
      </c>
      <c r="HD15" s="327">
        <v>0</v>
      </c>
      <c r="HE15" s="328">
        <v>0</v>
      </c>
      <c r="HF15" s="332"/>
      <c r="HG15" s="327">
        <v>0</v>
      </c>
      <c r="HH15" s="327">
        <v>0</v>
      </c>
      <c r="HI15" s="327">
        <v>0</v>
      </c>
      <c r="HJ15" s="327">
        <v>0</v>
      </c>
      <c r="HK15" s="327">
        <v>0</v>
      </c>
      <c r="HL15" s="330">
        <v>0</v>
      </c>
      <c r="HM15" s="331">
        <v>0</v>
      </c>
      <c r="HN15" s="326">
        <v>12410</v>
      </c>
      <c r="HO15" s="327">
        <v>8725</v>
      </c>
      <c r="HP15" s="328">
        <v>21135</v>
      </c>
      <c r="HQ15" s="329">
        <v>0</v>
      </c>
      <c r="HR15" s="327">
        <v>1116090</v>
      </c>
      <c r="HS15" s="327">
        <v>1245157</v>
      </c>
      <c r="HT15" s="327">
        <v>6574820</v>
      </c>
      <c r="HU15" s="327">
        <v>7894957</v>
      </c>
      <c r="HV15" s="327">
        <v>3692958</v>
      </c>
      <c r="HW15" s="330">
        <v>20523982</v>
      </c>
      <c r="HX15" s="331">
        <v>20545117</v>
      </c>
    </row>
    <row r="16" spans="1:232" ht="16.5" customHeight="1" x14ac:dyDescent="0.2">
      <c r="A16" s="324" t="s">
        <v>12</v>
      </c>
      <c r="B16" s="326">
        <v>2290</v>
      </c>
      <c r="C16" s="327">
        <v>435</v>
      </c>
      <c r="D16" s="328">
        <v>2725</v>
      </c>
      <c r="E16" s="329">
        <v>0</v>
      </c>
      <c r="F16" s="327">
        <v>307130</v>
      </c>
      <c r="G16" s="327">
        <v>569379</v>
      </c>
      <c r="H16" s="327">
        <v>2562565</v>
      </c>
      <c r="I16" s="327">
        <v>3284631</v>
      </c>
      <c r="J16" s="327">
        <v>2187120</v>
      </c>
      <c r="K16" s="330">
        <v>8910825</v>
      </c>
      <c r="L16" s="331">
        <v>8913550</v>
      </c>
      <c r="M16" s="326">
        <v>0</v>
      </c>
      <c r="N16" s="327">
        <v>0</v>
      </c>
      <c r="O16" s="328">
        <v>0</v>
      </c>
      <c r="P16" s="332"/>
      <c r="Q16" s="327">
        <v>2635</v>
      </c>
      <c r="R16" s="327">
        <v>108145</v>
      </c>
      <c r="S16" s="327">
        <v>1261755</v>
      </c>
      <c r="T16" s="327">
        <v>2348370</v>
      </c>
      <c r="U16" s="327">
        <v>1546631</v>
      </c>
      <c r="V16" s="330">
        <v>5267536</v>
      </c>
      <c r="W16" s="331">
        <v>5267536</v>
      </c>
      <c r="X16" s="326">
        <v>0</v>
      </c>
      <c r="Y16" s="327">
        <v>0</v>
      </c>
      <c r="Z16" s="328">
        <v>0</v>
      </c>
      <c r="AA16" s="332"/>
      <c r="AB16" s="327">
        <v>227062</v>
      </c>
      <c r="AC16" s="327">
        <v>358615</v>
      </c>
      <c r="AD16" s="327">
        <v>921085</v>
      </c>
      <c r="AE16" s="327">
        <v>665502</v>
      </c>
      <c r="AF16" s="327">
        <v>416403</v>
      </c>
      <c r="AG16" s="330">
        <v>2588667</v>
      </c>
      <c r="AH16" s="331">
        <v>2588667</v>
      </c>
      <c r="AI16" s="326">
        <v>0</v>
      </c>
      <c r="AJ16" s="327">
        <v>0</v>
      </c>
      <c r="AK16" s="328">
        <v>0</v>
      </c>
      <c r="AL16" s="332"/>
      <c r="AM16" s="327">
        <v>0</v>
      </c>
      <c r="AN16" s="327">
        <v>0</v>
      </c>
      <c r="AO16" s="327">
        <v>0</v>
      </c>
      <c r="AP16" s="327">
        <v>35340</v>
      </c>
      <c r="AQ16" s="327">
        <v>65255</v>
      </c>
      <c r="AR16" s="330">
        <v>100595</v>
      </c>
      <c r="AS16" s="331">
        <v>100595</v>
      </c>
      <c r="AT16" s="326">
        <v>0</v>
      </c>
      <c r="AU16" s="327">
        <v>0</v>
      </c>
      <c r="AV16" s="328">
        <v>0</v>
      </c>
      <c r="AW16" s="332"/>
      <c r="AX16" s="327">
        <v>0</v>
      </c>
      <c r="AY16" s="327">
        <v>0</v>
      </c>
      <c r="AZ16" s="327">
        <v>0</v>
      </c>
      <c r="BA16" s="327">
        <v>2635</v>
      </c>
      <c r="BB16" s="327">
        <v>37890</v>
      </c>
      <c r="BC16" s="330">
        <v>40525</v>
      </c>
      <c r="BD16" s="331">
        <v>40525</v>
      </c>
      <c r="BE16" s="326">
        <v>0</v>
      </c>
      <c r="BF16" s="327">
        <v>0</v>
      </c>
      <c r="BG16" s="328">
        <v>0</v>
      </c>
      <c r="BH16" s="332"/>
      <c r="BI16" s="327">
        <v>992</v>
      </c>
      <c r="BJ16" s="327">
        <v>0</v>
      </c>
      <c r="BK16" s="327">
        <v>243226</v>
      </c>
      <c r="BL16" s="327">
        <v>55100</v>
      </c>
      <c r="BM16" s="327">
        <v>992</v>
      </c>
      <c r="BN16" s="330">
        <v>300310</v>
      </c>
      <c r="BO16" s="331">
        <v>300310</v>
      </c>
      <c r="BP16" s="326">
        <v>2290</v>
      </c>
      <c r="BQ16" s="327">
        <v>435</v>
      </c>
      <c r="BR16" s="328">
        <v>2725</v>
      </c>
      <c r="BS16" s="329">
        <v>0</v>
      </c>
      <c r="BT16" s="327">
        <v>76441</v>
      </c>
      <c r="BU16" s="327">
        <v>98169</v>
      </c>
      <c r="BV16" s="327">
        <v>136499</v>
      </c>
      <c r="BW16" s="327">
        <v>175995</v>
      </c>
      <c r="BX16" s="327">
        <v>119949</v>
      </c>
      <c r="BY16" s="330">
        <v>607053</v>
      </c>
      <c r="BZ16" s="331">
        <v>609778</v>
      </c>
      <c r="CA16" s="326">
        <v>0</v>
      </c>
      <c r="CB16" s="327">
        <v>0</v>
      </c>
      <c r="CC16" s="328">
        <v>0</v>
      </c>
      <c r="CD16" s="329">
        <v>0</v>
      </c>
      <c r="CE16" s="327">
        <v>0</v>
      </c>
      <c r="CF16" s="327">
        <v>4450</v>
      </c>
      <c r="CG16" s="327">
        <v>0</v>
      </c>
      <c r="CH16" s="327">
        <v>1689</v>
      </c>
      <c r="CI16" s="327">
        <v>0</v>
      </c>
      <c r="CJ16" s="330">
        <v>6139</v>
      </c>
      <c r="CK16" s="331">
        <v>6139</v>
      </c>
      <c r="CL16" s="326">
        <v>0</v>
      </c>
      <c r="CM16" s="327">
        <v>0</v>
      </c>
      <c r="CN16" s="328">
        <v>0</v>
      </c>
      <c r="CO16" s="329">
        <v>0</v>
      </c>
      <c r="CP16" s="327">
        <v>0</v>
      </c>
      <c r="CQ16" s="327">
        <v>0</v>
      </c>
      <c r="CR16" s="327">
        <v>0</v>
      </c>
      <c r="CS16" s="327">
        <v>0</v>
      </c>
      <c r="CT16" s="327">
        <v>0</v>
      </c>
      <c r="CU16" s="330">
        <v>0</v>
      </c>
      <c r="CV16" s="331">
        <v>0</v>
      </c>
      <c r="CW16" s="326">
        <v>0</v>
      </c>
      <c r="CX16" s="327">
        <v>0</v>
      </c>
      <c r="CY16" s="328">
        <v>0</v>
      </c>
      <c r="CZ16" s="332"/>
      <c r="DA16" s="327">
        <v>0</v>
      </c>
      <c r="DB16" s="327">
        <v>0</v>
      </c>
      <c r="DC16" s="327">
        <v>0</v>
      </c>
      <c r="DD16" s="327">
        <v>0</v>
      </c>
      <c r="DE16" s="327">
        <v>0</v>
      </c>
      <c r="DF16" s="330">
        <v>0</v>
      </c>
      <c r="DG16" s="331">
        <v>0</v>
      </c>
      <c r="DH16" s="326">
        <v>1702</v>
      </c>
      <c r="DI16" s="327">
        <v>1053</v>
      </c>
      <c r="DJ16" s="328">
        <v>2755</v>
      </c>
      <c r="DK16" s="329">
        <v>0</v>
      </c>
      <c r="DL16" s="327">
        <v>205716</v>
      </c>
      <c r="DM16" s="327">
        <v>455288</v>
      </c>
      <c r="DN16" s="327">
        <v>2718057</v>
      </c>
      <c r="DO16" s="327">
        <v>3845555</v>
      </c>
      <c r="DP16" s="327">
        <v>2166695</v>
      </c>
      <c r="DQ16" s="330">
        <v>9391311</v>
      </c>
      <c r="DR16" s="333">
        <v>9394066</v>
      </c>
      <c r="DS16" s="326">
        <v>0</v>
      </c>
      <c r="DT16" s="327">
        <v>0</v>
      </c>
      <c r="DU16" s="328">
        <v>0</v>
      </c>
      <c r="DV16" s="332"/>
      <c r="DW16" s="327">
        <v>21576</v>
      </c>
      <c r="DX16" s="327">
        <v>201221</v>
      </c>
      <c r="DY16" s="327">
        <v>1960594</v>
      </c>
      <c r="DZ16" s="327">
        <v>3325237</v>
      </c>
      <c r="EA16" s="327">
        <v>1914835</v>
      </c>
      <c r="EB16" s="330">
        <v>7423463</v>
      </c>
      <c r="EC16" s="331">
        <v>7423463</v>
      </c>
      <c r="ED16" s="326">
        <v>0</v>
      </c>
      <c r="EE16" s="327">
        <v>0</v>
      </c>
      <c r="EF16" s="328">
        <v>0</v>
      </c>
      <c r="EG16" s="332"/>
      <c r="EH16" s="327">
        <v>31550</v>
      </c>
      <c r="EI16" s="327">
        <v>60449</v>
      </c>
      <c r="EJ16" s="327">
        <v>142949</v>
      </c>
      <c r="EK16" s="327">
        <v>170104</v>
      </c>
      <c r="EL16" s="327">
        <v>70489</v>
      </c>
      <c r="EM16" s="330">
        <v>475541</v>
      </c>
      <c r="EN16" s="331">
        <v>475541</v>
      </c>
      <c r="EO16" s="326">
        <v>0</v>
      </c>
      <c r="EP16" s="327">
        <v>0</v>
      </c>
      <c r="EQ16" s="328">
        <v>0</v>
      </c>
      <c r="ER16" s="332"/>
      <c r="ES16" s="327">
        <v>0</v>
      </c>
      <c r="ET16" s="327">
        <v>0</v>
      </c>
      <c r="EU16" s="327">
        <v>0</v>
      </c>
      <c r="EV16" s="327">
        <v>434</v>
      </c>
      <c r="EW16" s="327">
        <v>1085</v>
      </c>
      <c r="EX16" s="330">
        <v>1519</v>
      </c>
      <c r="EY16" s="331">
        <v>1519</v>
      </c>
      <c r="EZ16" s="326">
        <v>0</v>
      </c>
      <c r="FA16" s="327">
        <v>0</v>
      </c>
      <c r="FB16" s="328">
        <v>0</v>
      </c>
      <c r="FC16" s="332"/>
      <c r="FD16" s="327">
        <v>0</v>
      </c>
      <c r="FE16" s="327">
        <v>0</v>
      </c>
      <c r="FF16" s="327">
        <v>0</v>
      </c>
      <c r="FG16" s="327">
        <v>217</v>
      </c>
      <c r="FH16" s="327">
        <v>651</v>
      </c>
      <c r="FI16" s="330">
        <v>868</v>
      </c>
      <c r="FJ16" s="331">
        <v>868</v>
      </c>
      <c r="FK16" s="326">
        <v>0</v>
      </c>
      <c r="FL16" s="327">
        <v>0</v>
      </c>
      <c r="FM16" s="328">
        <v>0</v>
      </c>
      <c r="FN16" s="332"/>
      <c r="FO16" s="327">
        <v>21576</v>
      </c>
      <c r="FP16" s="327">
        <v>0</v>
      </c>
      <c r="FQ16" s="327">
        <v>341248</v>
      </c>
      <c r="FR16" s="327">
        <v>85620</v>
      </c>
      <c r="FS16" s="327">
        <v>21576</v>
      </c>
      <c r="FT16" s="330">
        <v>470020</v>
      </c>
      <c r="FU16" s="331">
        <v>470020</v>
      </c>
      <c r="FV16" s="326">
        <v>1702</v>
      </c>
      <c r="FW16" s="327">
        <v>1053</v>
      </c>
      <c r="FX16" s="328">
        <v>2755</v>
      </c>
      <c r="FY16" s="329">
        <v>0</v>
      </c>
      <c r="FZ16" s="327">
        <v>131014</v>
      </c>
      <c r="GA16" s="327">
        <v>192298</v>
      </c>
      <c r="GB16" s="327">
        <v>273266</v>
      </c>
      <c r="GC16" s="327">
        <v>263845</v>
      </c>
      <c r="GD16" s="327">
        <v>158059</v>
      </c>
      <c r="GE16" s="330">
        <v>1018482</v>
      </c>
      <c r="GF16" s="331">
        <v>1021237</v>
      </c>
      <c r="GG16" s="326">
        <v>0</v>
      </c>
      <c r="GH16" s="327">
        <v>0</v>
      </c>
      <c r="GI16" s="328">
        <v>0</v>
      </c>
      <c r="GJ16" s="329">
        <v>0</v>
      </c>
      <c r="GK16" s="327">
        <v>0</v>
      </c>
      <c r="GL16" s="327">
        <v>1320</v>
      </c>
      <c r="GM16" s="327">
        <v>0</v>
      </c>
      <c r="GN16" s="327">
        <v>98</v>
      </c>
      <c r="GO16" s="327">
        <v>0</v>
      </c>
      <c r="GP16" s="330">
        <v>1418</v>
      </c>
      <c r="GQ16" s="331">
        <v>1418</v>
      </c>
      <c r="GR16" s="326">
        <v>0</v>
      </c>
      <c r="GS16" s="327">
        <v>0</v>
      </c>
      <c r="GT16" s="328">
        <v>0</v>
      </c>
      <c r="GU16" s="329">
        <v>0</v>
      </c>
      <c r="GV16" s="327">
        <v>0</v>
      </c>
      <c r="GW16" s="327">
        <v>0</v>
      </c>
      <c r="GX16" s="327">
        <v>0</v>
      </c>
      <c r="GY16" s="327">
        <v>0</v>
      </c>
      <c r="GZ16" s="327">
        <v>0</v>
      </c>
      <c r="HA16" s="330">
        <v>0</v>
      </c>
      <c r="HB16" s="331">
        <v>0</v>
      </c>
      <c r="HC16" s="326">
        <v>0</v>
      </c>
      <c r="HD16" s="327">
        <v>0</v>
      </c>
      <c r="HE16" s="328">
        <v>0</v>
      </c>
      <c r="HF16" s="332"/>
      <c r="HG16" s="327">
        <v>0</v>
      </c>
      <c r="HH16" s="327">
        <v>0</v>
      </c>
      <c r="HI16" s="327">
        <v>0</v>
      </c>
      <c r="HJ16" s="327">
        <v>0</v>
      </c>
      <c r="HK16" s="327">
        <v>0</v>
      </c>
      <c r="HL16" s="330">
        <v>0</v>
      </c>
      <c r="HM16" s="331">
        <v>0</v>
      </c>
      <c r="HN16" s="326">
        <v>3992</v>
      </c>
      <c r="HO16" s="327">
        <v>1488</v>
      </c>
      <c r="HP16" s="328">
        <v>5480</v>
      </c>
      <c r="HQ16" s="329">
        <v>0</v>
      </c>
      <c r="HR16" s="327">
        <v>512846</v>
      </c>
      <c r="HS16" s="327">
        <v>1024667</v>
      </c>
      <c r="HT16" s="327">
        <v>5280622</v>
      </c>
      <c r="HU16" s="327">
        <v>7130186</v>
      </c>
      <c r="HV16" s="327">
        <v>4353815</v>
      </c>
      <c r="HW16" s="330">
        <v>18302136</v>
      </c>
      <c r="HX16" s="331">
        <v>18307616</v>
      </c>
    </row>
    <row r="17" spans="1:232" ht="16.5" customHeight="1" x14ac:dyDescent="0.2">
      <c r="A17" s="324" t="s">
        <v>13</v>
      </c>
      <c r="B17" s="326">
        <v>0</v>
      </c>
      <c r="C17" s="327">
        <v>0</v>
      </c>
      <c r="D17" s="328">
        <v>0</v>
      </c>
      <c r="E17" s="329">
        <v>0</v>
      </c>
      <c r="F17" s="327">
        <v>127723</v>
      </c>
      <c r="G17" s="327">
        <v>140397</v>
      </c>
      <c r="H17" s="327">
        <v>656836</v>
      </c>
      <c r="I17" s="327">
        <v>954275</v>
      </c>
      <c r="J17" s="327">
        <v>815377</v>
      </c>
      <c r="K17" s="330">
        <v>2694608</v>
      </c>
      <c r="L17" s="331">
        <v>2694608</v>
      </c>
      <c r="M17" s="326">
        <v>0</v>
      </c>
      <c r="N17" s="327">
        <v>0</v>
      </c>
      <c r="O17" s="328">
        <v>0</v>
      </c>
      <c r="P17" s="332"/>
      <c r="Q17" s="327">
        <v>51130</v>
      </c>
      <c r="R17" s="327">
        <v>0</v>
      </c>
      <c r="S17" s="327">
        <v>428905</v>
      </c>
      <c r="T17" s="327">
        <v>895042</v>
      </c>
      <c r="U17" s="327">
        <v>712157</v>
      </c>
      <c r="V17" s="330">
        <v>2087234</v>
      </c>
      <c r="W17" s="331">
        <v>2087234</v>
      </c>
      <c r="X17" s="326">
        <v>0</v>
      </c>
      <c r="Y17" s="327">
        <v>0</v>
      </c>
      <c r="Z17" s="328">
        <v>0</v>
      </c>
      <c r="AA17" s="332"/>
      <c r="AB17" s="327">
        <v>73315</v>
      </c>
      <c r="AC17" s="327">
        <v>122847</v>
      </c>
      <c r="AD17" s="327">
        <v>154202</v>
      </c>
      <c r="AE17" s="327">
        <v>24615</v>
      </c>
      <c r="AF17" s="327">
        <v>81240</v>
      </c>
      <c r="AG17" s="330">
        <v>456219</v>
      </c>
      <c r="AH17" s="331">
        <v>456219</v>
      </c>
      <c r="AI17" s="326">
        <v>0</v>
      </c>
      <c r="AJ17" s="327">
        <v>0</v>
      </c>
      <c r="AK17" s="328">
        <v>0</v>
      </c>
      <c r="AL17" s="332"/>
      <c r="AM17" s="327">
        <v>0</v>
      </c>
      <c r="AN17" s="327">
        <v>0</v>
      </c>
      <c r="AO17" s="327">
        <v>0</v>
      </c>
      <c r="AP17" s="327">
        <v>0</v>
      </c>
      <c r="AQ17" s="327">
        <v>0</v>
      </c>
      <c r="AR17" s="330">
        <v>0</v>
      </c>
      <c r="AS17" s="331">
        <v>0</v>
      </c>
      <c r="AT17" s="326">
        <v>0</v>
      </c>
      <c r="AU17" s="327">
        <v>0</v>
      </c>
      <c r="AV17" s="328">
        <v>0</v>
      </c>
      <c r="AW17" s="332"/>
      <c r="AX17" s="327">
        <v>0</v>
      </c>
      <c r="AY17" s="327">
        <v>0</v>
      </c>
      <c r="AZ17" s="327">
        <v>0</v>
      </c>
      <c r="BA17" s="327">
        <v>0</v>
      </c>
      <c r="BB17" s="327">
        <v>0</v>
      </c>
      <c r="BC17" s="330">
        <v>0</v>
      </c>
      <c r="BD17" s="331">
        <v>0</v>
      </c>
      <c r="BE17" s="326">
        <v>0</v>
      </c>
      <c r="BF17" s="327">
        <v>0</v>
      </c>
      <c r="BG17" s="328">
        <v>0</v>
      </c>
      <c r="BH17" s="332"/>
      <c r="BI17" s="327">
        <v>0</v>
      </c>
      <c r="BJ17" s="327">
        <v>0</v>
      </c>
      <c r="BK17" s="327">
        <v>0</v>
      </c>
      <c r="BL17" s="327">
        <v>0</v>
      </c>
      <c r="BM17" s="327">
        <v>0</v>
      </c>
      <c r="BN17" s="330">
        <v>0</v>
      </c>
      <c r="BO17" s="331">
        <v>0</v>
      </c>
      <c r="BP17" s="326">
        <v>0</v>
      </c>
      <c r="BQ17" s="327">
        <v>0</v>
      </c>
      <c r="BR17" s="328">
        <v>0</v>
      </c>
      <c r="BS17" s="329">
        <v>0</v>
      </c>
      <c r="BT17" s="327">
        <v>3278</v>
      </c>
      <c r="BU17" s="327">
        <v>15375</v>
      </c>
      <c r="BV17" s="327">
        <v>70659</v>
      </c>
      <c r="BW17" s="327">
        <v>34618</v>
      </c>
      <c r="BX17" s="327">
        <v>21980</v>
      </c>
      <c r="BY17" s="330">
        <v>145910</v>
      </c>
      <c r="BZ17" s="331">
        <v>145910</v>
      </c>
      <c r="CA17" s="326">
        <v>0</v>
      </c>
      <c r="CB17" s="327">
        <v>0</v>
      </c>
      <c r="CC17" s="328">
        <v>0</v>
      </c>
      <c r="CD17" s="329">
        <v>0</v>
      </c>
      <c r="CE17" s="327">
        <v>0</v>
      </c>
      <c r="CF17" s="327">
        <v>2175</v>
      </c>
      <c r="CG17" s="327">
        <v>3070</v>
      </c>
      <c r="CH17" s="327">
        <v>0</v>
      </c>
      <c r="CI17" s="327">
        <v>0</v>
      </c>
      <c r="CJ17" s="330">
        <v>5245</v>
      </c>
      <c r="CK17" s="331">
        <v>5245</v>
      </c>
      <c r="CL17" s="326">
        <v>0</v>
      </c>
      <c r="CM17" s="327">
        <v>0</v>
      </c>
      <c r="CN17" s="328">
        <v>0</v>
      </c>
      <c r="CO17" s="329">
        <v>0</v>
      </c>
      <c r="CP17" s="327">
        <v>0</v>
      </c>
      <c r="CQ17" s="327">
        <v>0</v>
      </c>
      <c r="CR17" s="327">
        <v>0</v>
      </c>
      <c r="CS17" s="327">
        <v>0</v>
      </c>
      <c r="CT17" s="327">
        <v>0</v>
      </c>
      <c r="CU17" s="330">
        <v>0</v>
      </c>
      <c r="CV17" s="331">
        <v>0</v>
      </c>
      <c r="CW17" s="326">
        <v>0</v>
      </c>
      <c r="CX17" s="327">
        <v>0</v>
      </c>
      <c r="CY17" s="328">
        <v>0</v>
      </c>
      <c r="CZ17" s="332"/>
      <c r="DA17" s="327">
        <v>0</v>
      </c>
      <c r="DB17" s="327">
        <v>0</v>
      </c>
      <c r="DC17" s="327">
        <v>0</v>
      </c>
      <c r="DD17" s="327">
        <v>0</v>
      </c>
      <c r="DE17" s="327">
        <v>0</v>
      </c>
      <c r="DF17" s="330">
        <v>0</v>
      </c>
      <c r="DG17" s="331">
        <v>0</v>
      </c>
      <c r="DH17" s="326">
        <v>0</v>
      </c>
      <c r="DI17" s="327">
        <v>0</v>
      </c>
      <c r="DJ17" s="328">
        <v>0</v>
      </c>
      <c r="DK17" s="329">
        <v>0</v>
      </c>
      <c r="DL17" s="327">
        <v>67535</v>
      </c>
      <c r="DM17" s="327">
        <v>36546</v>
      </c>
      <c r="DN17" s="327">
        <v>758650</v>
      </c>
      <c r="DO17" s="327">
        <v>1125738</v>
      </c>
      <c r="DP17" s="327">
        <v>804327</v>
      </c>
      <c r="DQ17" s="330">
        <v>2792796</v>
      </c>
      <c r="DR17" s="333">
        <v>2792796</v>
      </c>
      <c r="DS17" s="326">
        <v>0</v>
      </c>
      <c r="DT17" s="327">
        <v>0</v>
      </c>
      <c r="DU17" s="328">
        <v>0</v>
      </c>
      <c r="DV17" s="332"/>
      <c r="DW17" s="327">
        <v>51161</v>
      </c>
      <c r="DX17" s="327">
        <v>0</v>
      </c>
      <c r="DY17" s="327">
        <v>591042</v>
      </c>
      <c r="DZ17" s="327">
        <v>1013067</v>
      </c>
      <c r="EA17" s="327">
        <v>699624</v>
      </c>
      <c r="EB17" s="330">
        <v>2354894</v>
      </c>
      <c r="EC17" s="331">
        <v>2354894</v>
      </c>
      <c r="ED17" s="326">
        <v>0</v>
      </c>
      <c r="EE17" s="327">
        <v>0</v>
      </c>
      <c r="EF17" s="328">
        <v>0</v>
      </c>
      <c r="EG17" s="332"/>
      <c r="EH17" s="327">
        <v>11966</v>
      </c>
      <c r="EI17" s="327">
        <v>2345</v>
      </c>
      <c r="EJ17" s="327">
        <v>43491</v>
      </c>
      <c r="EK17" s="327">
        <v>22416</v>
      </c>
      <c r="EL17" s="327">
        <v>34138</v>
      </c>
      <c r="EM17" s="330">
        <v>114356</v>
      </c>
      <c r="EN17" s="331">
        <v>114356</v>
      </c>
      <c r="EO17" s="326">
        <v>0</v>
      </c>
      <c r="EP17" s="327">
        <v>0</v>
      </c>
      <c r="EQ17" s="328">
        <v>0</v>
      </c>
      <c r="ER17" s="332"/>
      <c r="ES17" s="327">
        <v>0</v>
      </c>
      <c r="ET17" s="327">
        <v>0</v>
      </c>
      <c r="EU17" s="327">
        <v>0</v>
      </c>
      <c r="EV17" s="327">
        <v>0</v>
      </c>
      <c r="EW17" s="327">
        <v>0</v>
      </c>
      <c r="EX17" s="330">
        <v>0</v>
      </c>
      <c r="EY17" s="331">
        <v>0</v>
      </c>
      <c r="EZ17" s="326">
        <v>0</v>
      </c>
      <c r="FA17" s="327">
        <v>0</v>
      </c>
      <c r="FB17" s="328">
        <v>0</v>
      </c>
      <c r="FC17" s="332"/>
      <c r="FD17" s="327">
        <v>0</v>
      </c>
      <c r="FE17" s="327">
        <v>0</v>
      </c>
      <c r="FF17" s="327">
        <v>0</v>
      </c>
      <c r="FG17" s="327">
        <v>0</v>
      </c>
      <c r="FH17" s="327">
        <v>0</v>
      </c>
      <c r="FI17" s="330">
        <v>0</v>
      </c>
      <c r="FJ17" s="331">
        <v>0</v>
      </c>
      <c r="FK17" s="326">
        <v>0</v>
      </c>
      <c r="FL17" s="327">
        <v>0</v>
      </c>
      <c r="FM17" s="328">
        <v>0</v>
      </c>
      <c r="FN17" s="332"/>
      <c r="FO17" s="327">
        <v>0</v>
      </c>
      <c r="FP17" s="327">
        <v>0</v>
      </c>
      <c r="FQ17" s="327">
        <v>0</v>
      </c>
      <c r="FR17" s="327">
        <v>0</v>
      </c>
      <c r="FS17" s="327">
        <v>0</v>
      </c>
      <c r="FT17" s="330">
        <v>0</v>
      </c>
      <c r="FU17" s="331">
        <v>0</v>
      </c>
      <c r="FV17" s="326">
        <v>0</v>
      </c>
      <c r="FW17" s="327">
        <v>0</v>
      </c>
      <c r="FX17" s="328">
        <v>0</v>
      </c>
      <c r="FY17" s="329">
        <v>0</v>
      </c>
      <c r="FZ17" s="327">
        <v>4408</v>
      </c>
      <c r="GA17" s="327">
        <v>34082</v>
      </c>
      <c r="GB17" s="327">
        <v>124068</v>
      </c>
      <c r="GC17" s="327">
        <v>90255</v>
      </c>
      <c r="GD17" s="327">
        <v>70565</v>
      </c>
      <c r="GE17" s="330">
        <v>323378</v>
      </c>
      <c r="GF17" s="331">
        <v>323378</v>
      </c>
      <c r="GG17" s="326">
        <v>0</v>
      </c>
      <c r="GH17" s="327">
        <v>0</v>
      </c>
      <c r="GI17" s="328">
        <v>0</v>
      </c>
      <c r="GJ17" s="329">
        <v>0</v>
      </c>
      <c r="GK17" s="327">
        <v>0</v>
      </c>
      <c r="GL17" s="327">
        <v>119</v>
      </c>
      <c r="GM17" s="327">
        <v>49</v>
      </c>
      <c r="GN17" s="327">
        <v>0</v>
      </c>
      <c r="GO17" s="327">
        <v>0</v>
      </c>
      <c r="GP17" s="330">
        <v>168</v>
      </c>
      <c r="GQ17" s="331">
        <v>168</v>
      </c>
      <c r="GR17" s="326">
        <v>0</v>
      </c>
      <c r="GS17" s="327">
        <v>0</v>
      </c>
      <c r="GT17" s="328">
        <v>0</v>
      </c>
      <c r="GU17" s="329">
        <v>0</v>
      </c>
      <c r="GV17" s="327">
        <v>0</v>
      </c>
      <c r="GW17" s="327">
        <v>0</v>
      </c>
      <c r="GX17" s="327">
        <v>0</v>
      </c>
      <c r="GY17" s="327">
        <v>0</v>
      </c>
      <c r="GZ17" s="327">
        <v>0</v>
      </c>
      <c r="HA17" s="330">
        <v>0</v>
      </c>
      <c r="HB17" s="331">
        <v>0</v>
      </c>
      <c r="HC17" s="326">
        <v>0</v>
      </c>
      <c r="HD17" s="327">
        <v>0</v>
      </c>
      <c r="HE17" s="328">
        <v>0</v>
      </c>
      <c r="HF17" s="332"/>
      <c r="HG17" s="327">
        <v>0</v>
      </c>
      <c r="HH17" s="327">
        <v>0</v>
      </c>
      <c r="HI17" s="327">
        <v>0</v>
      </c>
      <c r="HJ17" s="327">
        <v>0</v>
      </c>
      <c r="HK17" s="327">
        <v>0</v>
      </c>
      <c r="HL17" s="330">
        <v>0</v>
      </c>
      <c r="HM17" s="331">
        <v>0</v>
      </c>
      <c r="HN17" s="326">
        <v>0</v>
      </c>
      <c r="HO17" s="327">
        <v>0</v>
      </c>
      <c r="HP17" s="328">
        <v>0</v>
      </c>
      <c r="HQ17" s="329">
        <v>0</v>
      </c>
      <c r="HR17" s="327">
        <v>195258</v>
      </c>
      <c r="HS17" s="327">
        <v>176943</v>
      </c>
      <c r="HT17" s="327">
        <v>1415486</v>
      </c>
      <c r="HU17" s="327">
        <v>2080013</v>
      </c>
      <c r="HV17" s="327">
        <v>1619704</v>
      </c>
      <c r="HW17" s="330">
        <v>5487404</v>
      </c>
      <c r="HX17" s="331">
        <v>5487404</v>
      </c>
    </row>
    <row r="18" spans="1:232" ht="16.5" customHeight="1" x14ac:dyDescent="0.2">
      <c r="A18" s="324" t="s">
        <v>15</v>
      </c>
      <c r="B18" s="326">
        <v>0</v>
      </c>
      <c r="C18" s="327">
        <v>0</v>
      </c>
      <c r="D18" s="328">
        <v>0</v>
      </c>
      <c r="E18" s="329">
        <v>0</v>
      </c>
      <c r="F18" s="327">
        <v>226483</v>
      </c>
      <c r="G18" s="327">
        <v>449598</v>
      </c>
      <c r="H18" s="327">
        <v>1677086</v>
      </c>
      <c r="I18" s="327">
        <v>2243324</v>
      </c>
      <c r="J18" s="327">
        <v>1284931</v>
      </c>
      <c r="K18" s="330">
        <v>5881422</v>
      </c>
      <c r="L18" s="331">
        <v>5881422</v>
      </c>
      <c r="M18" s="326">
        <v>0</v>
      </c>
      <c r="N18" s="327">
        <v>0</v>
      </c>
      <c r="O18" s="328">
        <v>0</v>
      </c>
      <c r="P18" s="332"/>
      <c r="Q18" s="327">
        <v>0</v>
      </c>
      <c r="R18" s="327">
        <v>35495</v>
      </c>
      <c r="S18" s="327">
        <v>978980</v>
      </c>
      <c r="T18" s="327">
        <v>1569830</v>
      </c>
      <c r="U18" s="327">
        <v>1022070</v>
      </c>
      <c r="V18" s="330">
        <v>3606375</v>
      </c>
      <c r="W18" s="331">
        <v>3606375</v>
      </c>
      <c r="X18" s="326">
        <v>0</v>
      </c>
      <c r="Y18" s="327">
        <v>0</v>
      </c>
      <c r="Z18" s="328">
        <v>0</v>
      </c>
      <c r="AA18" s="332"/>
      <c r="AB18" s="327">
        <v>215985</v>
      </c>
      <c r="AC18" s="327">
        <v>359015</v>
      </c>
      <c r="AD18" s="327">
        <v>498136</v>
      </c>
      <c r="AE18" s="327">
        <v>532632</v>
      </c>
      <c r="AF18" s="327">
        <v>143818</v>
      </c>
      <c r="AG18" s="330">
        <v>1749586</v>
      </c>
      <c r="AH18" s="331">
        <v>1749586</v>
      </c>
      <c r="AI18" s="326">
        <v>0</v>
      </c>
      <c r="AJ18" s="327">
        <v>0</v>
      </c>
      <c r="AK18" s="328">
        <v>0</v>
      </c>
      <c r="AL18" s="332"/>
      <c r="AM18" s="327">
        <v>0</v>
      </c>
      <c r="AN18" s="327">
        <v>0</v>
      </c>
      <c r="AO18" s="327">
        <v>0</v>
      </c>
      <c r="AP18" s="327">
        <v>0</v>
      </c>
      <c r="AQ18" s="327">
        <v>2635</v>
      </c>
      <c r="AR18" s="330">
        <v>2635</v>
      </c>
      <c r="AS18" s="331">
        <v>2635</v>
      </c>
      <c r="AT18" s="326">
        <v>0</v>
      </c>
      <c r="AU18" s="327">
        <v>0</v>
      </c>
      <c r="AV18" s="328">
        <v>0</v>
      </c>
      <c r="AW18" s="332"/>
      <c r="AX18" s="327">
        <v>0</v>
      </c>
      <c r="AY18" s="327">
        <v>0</v>
      </c>
      <c r="AZ18" s="327">
        <v>0</v>
      </c>
      <c r="BA18" s="327">
        <v>0</v>
      </c>
      <c r="BB18" s="327">
        <v>0</v>
      </c>
      <c r="BC18" s="330">
        <v>0</v>
      </c>
      <c r="BD18" s="331">
        <v>0</v>
      </c>
      <c r="BE18" s="326">
        <v>0</v>
      </c>
      <c r="BF18" s="327">
        <v>0</v>
      </c>
      <c r="BG18" s="328">
        <v>0</v>
      </c>
      <c r="BH18" s="332"/>
      <c r="BI18" s="327">
        <v>0</v>
      </c>
      <c r="BJ18" s="327">
        <v>0</v>
      </c>
      <c r="BK18" s="327">
        <v>113925</v>
      </c>
      <c r="BL18" s="327">
        <v>41455</v>
      </c>
      <c r="BM18" s="327">
        <v>57195</v>
      </c>
      <c r="BN18" s="330">
        <v>212575</v>
      </c>
      <c r="BO18" s="331">
        <v>212575</v>
      </c>
      <c r="BP18" s="326">
        <v>0</v>
      </c>
      <c r="BQ18" s="327">
        <v>0</v>
      </c>
      <c r="BR18" s="328">
        <v>0</v>
      </c>
      <c r="BS18" s="329">
        <v>0</v>
      </c>
      <c r="BT18" s="327">
        <v>10498</v>
      </c>
      <c r="BU18" s="327">
        <v>50883</v>
      </c>
      <c r="BV18" s="327">
        <v>80320</v>
      </c>
      <c r="BW18" s="327">
        <v>99407</v>
      </c>
      <c r="BX18" s="327">
        <v>59213</v>
      </c>
      <c r="BY18" s="330">
        <v>300321</v>
      </c>
      <c r="BZ18" s="331">
        <v>300321</v>
      </c>
      <c r="CA18" s="326">
        <v>0</v>
      </c>
      <c r="CB18" s="327">
        <v>0</v>
      </c>
      <c r="CC18" s="328">
        <v>0</v>
      </c>
      <c r="CD18" s="329">
        <v>0</v>
      </c>
      <c r="CE18" s="327">
        <v>0</v>
      </c>
      <c r="CF18" s="327">
        <v>4205</v>
      </c>
      <c r="CG18" s="327">
        <v>5725</v>
      </c>
      <c r="CH18" s="327">
        <v>0</v>
      </c>
      <c r="CI18" s="327">
        <v>0</v>
      </c>
      <c r="CJ18" s="330">
        <v>9930</v>
      </c>
      <c r="CK18" s="331">
        <v>9930</v>
      </c>
      <c r="CL18" s="326">
        <v>0</v>
      </c>
      <c r="CM18" s="327">
        <v>0</v>
      </c>
      <c r="CN18" s="328">
        <v>0</v>
      </c>
      <c r="CO18" s="329">
        <v>0</v>
      </c>
      <c r="CP18" s="327">
        <v>0</v>
      </c>
      <c r="CQ18" s="327">
        <v>0</v>
      </c>
      <c r="CR18" s="327">
        <v>0</v>
      </c>
      <c r="CS18" s="327">
        <v>0</v>
      </c>
      <c r="CT18" s="327">
        <v>0</v>
      </c>
      <c r="CU18" s="330">
        <v>0</v>
      </c>
      <c r="CV18" s="331">
        <v>0</v>
      </c>
      <c r="CW18" s="326">
        <v>0</v>
      </c>
      <c r="CX18" s="327">
        <v>0</v>
      </c>
      <c r="CY18" s="328">
        <v>0</v>
      </c>
      <c r="CZ18" s="332"/>
      <c r="DA18" s="327">
        <v>0</v>
      </c>
      <c r="DB18" s="327">
        <v>0</v>
      </c>
      <c r="DC18" s="327">
        <v>0</v>
      </c>
      <c r="DD18" s="327">
        <v>0</v>
      </c>
      <c r="DE18" s="327">
        <v>0</v>
      </c>
      <c r="DF18" s="330">
        <v>0</v>
      </c>
      <c r="DG18" s="331">
        <v>0</v>
      </c>
      <c r="DH18" s="326">
        <v>0</v>
      </c>
      <c r="DI18" s="327">
        <v>0</v>
      </c>
      <c r="DJ18" s="328">
        <v>0</v>
      </c>
      <c r="DK18" s="329">
        <v>0</v>
      </c>
      <c r="DL18" s="327">
        <v>44159</v>
      </c>
      <c r="DM18" s="327">
        <v>149797</v>
      </c>
      <c r="DN18" s="327">
        <v>1691217</v>
      </c>
      <c r="DO18" s="327">
        <v>1861158</v>
      </c>
      <c r="DP18" s="327">
        <v>1283602</v>
      </c>
      <c r="DQ18" s="330">
        <v>5029933</v>
      </c>
      <c r="DR18" s="333">
        <v>5029933</v>
      </c>
      <c r="DS18" s="326">
        <v>0</v>
      </c>
      <c r="DT18" s="327">
        <v>0</v>
      </c>
      <c r="DU18" s="328">
        <v>0</v>
      </c>
      <c r="DV18" s="332"/>
      <c r="DW18" s="327">
        <v>0</v>
      </c>
      <c r="DX18" s="327">
        <v>26505</v>
      </c>
      <c r="DY18" s="327">
        <v>1181426</v>
      </c>
      <c r="DZ18" s="327">
        <v>1573144</v>
      </c>
      <c r="EA18" s="327">
        <v>1056441</v>
      </c>
      <c r="EB18" s="330">
        <v>3837516</v>
      </c>
      <c r="EC18" s="331">
        <v>3837516</v>
      </c>
      <c r="ED18" s="326">
        <v>0</v>
      </c>
      <c r="EE18" s="327">
        <v>0</v>
      </c>
      <c r="EF18" s="328">
        <v>0</v>
      </c>
      <c r="EG18" s="332"/>
      <c r="EH18" s="327">
        <v>6100</v>
      </c>
      <c r="EI18" s="327">
        <v>60520</v>
      </c>
      <c r="EJ18" s="327">
        <v>51732</v>
      </c>
      <c r="EK18" s="327">
        <v>39169</v>
      </c>
      <c r="EL18" s="327">
        <v>23431</v>
      </c>
      <c r="EM18" s="330">
        <v>180952</v>
      </c>
      <c r="EN18" s="331">
        <v>180952</v>
      </c>
      <c r="EO18" s="326">
        <v>0</v>
      </c>
      <c r="EP18" s="327">
        <v>0</v>
      </c>
      <c r="EQ18" s="328">
        <v>0</v>
      </c>
      <c r="ER18" s="332"/>
      <c r="ES18" s="327">
        <v>0</v>
      </c>
      <c r="ET18" s="327">
        <v>0</v>
      </c>
      <c r="EU18" s="327">
        <v>0</v>
      </c>
      <c r="EV18" s="327">
        <v>0</v>
      </c>
      <c r="EW18" s="327">
        <v>217</v>
      </c>
      <c r="EX18" s="330">
        <v>217</v>
      </c>
      <c r="EY18" s="331">
        <v>217</v>
      </c>
      <c r="EZ18" s="326">
        <v>0</v>
      </c>
      <c r="FA18" s="327">
        <v>0</v>
      </c>
      <c r="FB18" s="328">
        <v>0</v>
      </c>
      <c r="FC18" s="332"/>
      <c r="FD18" s="327">
        <v>0</v>
      </c>
      <c r="FE18" s="327">
        <v>0</v>
      </c>
      <c r="FF18" s="327">
        <v>0</v>
      </c>
      <c r="FG18" s="327">
        <v>0</v>
      </c>
      <c r="FH18" s="327">
        <v>0</v>
      </c>
      <c r="FI18" s="330">
        <v>0</v>
      </c>
      <c r="FJ18" s="331">
        <v>0</v>
      </c>
      <c r="FK18" s="326">
        <v>0</v>
      </c>
      <c r="FL18" s="327">
        <v>0</v>
      </c>
      <c r="FM18" s="328">
        <v>0</v>
      </c>
      <c r="FN18" s="332"/>
      <c r="FO18" s="327">
        <v>0</v>
      </c>
      <c r="FP18" s="327">
        <v>0</v>
      </c>
      <c r="FQ18" s="327">
        <v>239754</v>
      </c>
      <c r="FR18" s="327">
        <v>151606</v>
      </c>
      <c r="FS18" s="327">
        <v>107880</v>
      </c>
      <c r="FT18" s="330">
        <v>499240</v>
      </c>
      <c r="FU18" s="331">
        <v>499240</v>
      </c>
      <c r="FV18" s="326">
        <v>0</v>
      </c>
      <c r="FW18" s="327">
        <v>0</v>
      </c>
      <c r="FX18" s="328">
        <v>0</v>
      </c>
      <c r="FY18" s="329">
        <v>0</v>
      </c>
      <c r="FZ18" s="327">
        <v>38059</v>
      </c>
      <c r="GA18" s="327">
        <v>62562</v>
      </c>
      <c r="GB18" s="327">
        <v>212415</v>
      </c>
      <c r="GC18" s="327">
        <v>97239</v>
      </c>
      <c r="GD18" s="327">
        <v>95633</v>
      </c>
      <c r="GE18" s="330">
        <v>505908</v>
      </c>
      <c r="GF18" s="331">
        <v>505908</v>
      </c>
      <c r="GG18" s="326">
        <v>0</v>
      </c>
      <c r="GH18" s="327">
        <v>0</v>
      </c>
      <c r="GI18" s="328">
        <v>0</v>
      </c>
      <c r="GJ18" s="329">
        <v>0</v>
      </c>
      <c r="GK18" s="327">
        <v>0</v>
      </c>
      <c r="GL18" s="327">
        <v>210</v>
      </c>
      <c r="GM18" s="327">
        <v>5890</v>
      </c>
      <c r="GN18" s="327">
        <v>0</v>
      </c>
      <c r="GO18" s="327">
        <v>0</v>
      </c>
      <c r="GP18" s="330">
        <v>6100</v>
      </c>
      <c r="GQ18" s="331">
        <v>6100</v>
      </c>
      <c r="GR18" s="326">
        <v>0</v>
      </c>
      <c r="GS18" s="327">
        <v>0</v>
      </c>
      <c r="GT18" s="328">
        <v>0</v>
      </c>
      <c r="GU18" s="329">
        <v>0</v>
      </c>
      <c r="GV18" s="327">
        <v>0</v>
      </c>
      <c r="GW18" s="327">
        <v>0</v>
      </c>
      <c r="GX18" s="327">
        <v>0</v>
      </c>
      <c r="GY18" s="327">
        <v>0</v>
      </c>
      <c r="GZ18" s="327">
        <v>0</v>
      </c>
      <c r="HA18" s="330">
        <v>0</v>
      </c>
      <c r="HB18" s="331">
        <v>0</v>
      </c>
      <c r="HC18" s="326">
        <v>0</v>
      </c>
      <c r="HD18" s="327">
        <v>0</v>
      </c>
      <c r="HE18" s="328">
        <v>0</v>
      </c>
      <c r="HF18" s="332"/>
      <c r="HG18" s="327">
        <v>0</v>
      </c>
      <c r="HH18" s="327">
        <v>0</v>
      </c>
      <c r="HI18" s="327">
        <v>0</v>
      </c>
      <c r="HJ18" s="327">
        <v>0</v>
      </c>
      <c r="HK18" s="327">
        <v>0</v>
      </c>
      <c r="HL18" s="330">
        <v>0</v>
      </c>
      <c r="HM18" s="331">
        <v>0</v>
      </c>
      <c r="HN18" s="326">
        <v>0</v>
      </c>
      <c r="HO18" s="327">
        <v>0</v>
      </c>
      <c r="HP18" s="328">
        <v>0</v>
      </c>
      <c r="HQ18" s="329">
        <v>0</v>
      </c>
      <c r="HR18" s="327">
        <v>270642</v>
      </c>
      <c r="HS18" s="327">
        <v>599395</v>
      </c>
      <c r="HT18" s="327">
        <v>3368303</v>
      </c>
      <c r="HU18" s="327">
        <v>4104482</v>
      </c>
      <c r="HV18" s="327">
        <v>2568533</v>
      </c>
      <c r="HW18" s="330">
        <v>10911355</v>
      </c>
      <c r="HX18" s="331">
        <v>10911355</v>
      </c>
    </row>
    <row r="19" spans="1:232" ht="16.5" customHeight="1" x14ac:dyDescent="0.2">
      <c r="A19" s="324" t="s">
        <v>16</v>
      </c>
      <c r="B19" s="326">
        <v>0</v>
      </c>
      <c r="C19" s="327">
        <v>0</v>
      </c>
      <c r="D19" s="328">
        <v>0</v>
      </c>
      <c r="E19" s="329">
        <v>0</v>
      </c>
      <c r="F19" s="327">
        <v>592376</v>
      </c>
      <c r="G19" s="327">
        <v>1069717</v>
      </c>
      <c r="H19" s="327">
        <v>2851786</v>
      </c>
      <c r="I19" s="327">
        <v>3376433</v>
      </c>
      <c r="J19" s="327">
        <v>2236422</v>
      </c>
      <c r="K19" s="330">
        <v>10126734</v>
      </c>
      <c r="L19" s="331">
        <v>10126734</v>
      </c>
      <c r="M19" s="326">
        <v>0</v>
      </c>
      <c r="N19" s="327">
        <v>0</v>
      </c>
      <c r="O19" s="328">
        <v>0</v>
      </c>
      <c r="P19" s="332"/>
      <c r="Q19" s="327">
        <v>75710</v>
      </c>
      <c r="R19" s="327">
        <v>209045</v>
      </c>
      <c r="S19" s="327">
        <v>1650030</v>
      </c>
      <c r="T19" s="327">
        <v>2234950</v>
      </c>
      <c r="U19" s="327">
        <v>1604036</v>
      </c>
      <c r="V19" s="330">
        <v>5773771</v>
      </c>
      <c r="W19" s="331">
        <v>5773771</v>
      </c>
      <c r="X19" s="326">
        <v>0</v>
      </c>
      <c r="Y19" s="327">
        <v>0</v>
      </c>
      <c r="Z19" s="328">
        <v>0</v>
      </c>
      <c r="AA19" s="332"/>
      <c r="AB19" s="327">
        <v>487683</v>
      </c>
      <c r="AC19" s="327">
        <v>777182</v>
      </c>
      <c r="AD19" s="327">
        <v>884190</v>
      </c>
      <c r="AE19" s="327">
        <v>877600</v>
      </c>
      <c r="AF19" s="327">
        <v>330680</v>
      </c>
      <c r="AG19" s="330">
        <v>3357335</v>
      </c>
      <c r="AH19" s="331">
        <v>3357335</v>
      </c>
      <c r="AI19" s="326">
        <v>0</v>
      </c>
      <c r="AJ19" s="327">
        <v>0</v>
      </c>
      <c r="AK19" s="328">
        <v>0</v>
      </c>
      <c r="AL19" s="332"/>
      <c r="AM19" s="327">
        <v>0</v>
      </c>
      <c r="AN19" s="327">
        <v>0</v>
      </c>
      <c r="AO19" s="327">
        <v>0</v>
      </c>
      <c r="AP19" s="327">
        <v>0</v>
      </c>
      <c r="AQ19" s="327">
        <v>5270</v>
      </c>
      <c r="AR19" s="330">
        <v>5270</v>
      </c>
      <c r="AS19" s="331">
        <v>5270</v>
      </c>
      <c r="AT19" s="326">
        <v>0</v>
      </c>
      <c r="AU19" s="327">
        <v>0</v>
      </c>
      <c r="AV19" s="328">
        <v>0</v>
      </c>
      <c r="AW19" s="332"/>
      <c r="AX19" s="327">
        <v>0</v>
      </c>
      <c r="AY19" s="327">
        <v>0</v>
      </c>
      <c r="AZ19" s="327">
        <v>100905</v>
      </c>
      <c r="BA19" s="327">
        <v>94090</v>
      </c>
      <c r="BB19" s="327">
        <v>103540</v>
      </c>
      <c r="BC19" s="330">
        <v>298535</v>
      </c>
      <c r="BD19" s="331">
        <v>298535</v>
      </c>
      <c r="BE19" s="326">
        <v>0</v>
      </c>
      <c r="BF19" s="327">
        <v>0</v>
      </c>
      <c r="BG19" s="328">
        <v>0</v>
      </c>
      <c r="BH19" s="332"/>
      <c r="BI19" s="327">
        <v>2635</v>
      </c>
      <c r="BJ19" s="327">
        <v>20125</v>
      </c>
      <c r="BK19" s="327">
        <v>94065</v>
      </c>
      <c r="BL19" s="327">
        <v>74590</v>
      </c>
      <c r="BM19" s="327">
        <v>123455</v>
      </c>
      <c r="BN19" s="330">
        <v>314870</v>
      </c>
      <c r="BO19" s="331">
        <v>314870</v>
      </c>
      <c r="BP19" s="326">
        <v>0</v>
      </c>
      <c r="BQ19" s="327">
        <v>0</v>
      </c>
      <c r="BR19" s="328">
        <v>0</v>
      </c>
      <c r="BS19" s="329">
        <v>0</v>
      </c>
      <c r="BT19" s="327">
        <v>26050</v>
      </c>
      <c r="BU19" s="327">
        <v>62937</v>
      </c>
      <c r="BV19" s="327">
        <v>119183</v>
      </c>
      <c r="BW19" s="327">
        <v>88079</v>
      </c>
      <c r="BX19" s="327">
        <v>69441</v>
      </c>
      <c r="BY19" s="330">
        <v>365690</v>
      </c>
      <c r="BZ19" s="331">
        <v>365690</v>
      </c>
      <c r="CA19" s="326">
        <v>0</v>
      </c>
      <c r="CB19" s="327">
        <v>0</v>
      </c>
      <c r="CC19" s="328">
        <v>0</v>
      </c>
      <c r="CD19" s="329">
        <v>0</v>
      </c>
      <c r="CE19" s="327">
        <v>298</v>
      </c>
      <c r="CF19" s="327">
        <v>428</v>
      </c>
      <c r="CG19" s="327">
        <v>3413</v>
      </c>
      <c r="CH19" s="327">
        <v>7124</v>
      </c>
      <c r="CI19" s="327">
        <v>0</v>
      </c>
      <c r="CJ19" s="330">
        <v>11263</v>
      </c>
      <c r="CK19" s="331">
        <v>11263</v>
      </c>
      <c r="CL19" s="326">
        <v>0</v>
      </c>
      <c r="CM19" s="327">
        <v>0</v>
      </c>
      <c r="CN19" s="328">
        <v>0</v>
      </c>
      <c r="CO19" s="329">
        <v>0</v>
      </c>
      <c r="CP19" s="327">
        <v>0</v>
      </c>
      <c r="CQ19" s="327">
        <v>0</v>
      </c>
      <c r="CR19" s="327">
        <v>0</v>
      </c>
      <c r="CS19" s="327">
        <v>0</v>
      </c>
      <c r="CT19" s="327">
        <v>0</v>
      </c>
      <c r="CU19" s="330">
        <v>0</v>
      </c>
      <c r="CV19" s="331">
        <v>0</v>
      </c>
      <c r="CW19" s="326">
        <v>0</v>
      </c>
      <c r="CX19" s="327">
        <v>0</v>
      </c>
      <c r="CY19" s="328">
        <v>0</v>
      </c>
      <c r="CZ19" s="332"/>
      <c r="DA19" s="327">
        <v>0</v>
      </c>
      <c r="DB19" s="327">
        <v>0</v>
      </c>
      <c r="DC19" s="327">
        <v>0</v>
      </c>
      <c r="DD19" s="327">
        <v>0</v>
      </c>
      <c r="DE19" s="327">
        <v>0</v>
      </c>
      <c r="DF19" s="330">
        <v>0</v>
      </c>
      <c r="DG19" s="331">
        <v>0</v>
      </c>
      <c r="DH19" s="326">
        <v>0</v>
      </c>
      <c r="DI19" s="327">
        <v>0</v>
      </c>
      <c r="DJ19" s="328">
        <v>0</v>
      </c>
      <c r="DK19" s="329">
        <v>0</v>
      </c>
      <c r="DL19" s="327">
        <v>403750</v>
      </c>
      <c r="DM19" s="327">
        <v>813725</v>
      </c>
      <c r="DN19" s="327">
        <v>3197180</v>
      </c>
      <c r="DO19" s="327">
        <v>3626485</v>
      </c>
      <c r="DP19" s="327">
        <v>2232361</v>
      </c>
      <c r="DQ19" s="330">
        <v>10273501</v>
      </c>
      <c r="DR19" s="333">
        <v>10273501</v>
      </c>
      <c r="DS19" s="326">
        <v>0</v>
      </c>
      <c r="DT19" s="327">
        <v>0</v>
      </c>
      <c r="DU19" s="328">
        <v>0</v>
      </c>
      <c r="DV19" s="332"/>
      <c r="DW19" s="327">
        <v>145390</v>
      </c>
      <c r="DX19" s="327">
        <v>364532</v>
      </c>
      <c r="DY19" s="327">
        <v>2431869</v>
      </c>
      <c r="DZ19" s="327">
        <v>3151952</v>
      </c>
      <c r="EA19" s="327">
        <v>1874568</v>
      </c>
      <c r="EB19" s="330">
        <v>7968311</v>
      </c>
      <c r="EC19" s="331">
        <v>7968311</v>
      </c>
      <c r="ED19" s="326">
        <v>0</v>
      </c>
      <c r="EE19" s="327">
        <v>0</v>
      </c>
      <c r="EF19" s="328">
        <v>0</v>
      </c>
      <c r="EG19" s="332"/>
      <c r="EH19" s="327">
        <v>195414</v>
      </c>
      <c r="EI19" s="327">
        <v>314409</v>
      </c>
      <c r="EJ19" s="327">
        <v>350129</v>
      </c>
      <c r="EK19" s="327">
        <v>176550</v>
      </c>
      <c r="EL19" s="327">
        <v>58357</v>
      </c>
      <c r="EM19" s="330">
        <v>1094859</v>
      </c>
      <c r="EN19" s="331">
        <v>1094859</v>
      </c>
      <c r="EO19" s="326">
        <v>0</v>
      </c>
      <c r="EP19" s="327">
        <v>0</v>
      </c>
      <c r="EQ19" s="328">
        <v>0</v>
      </c>
      <c r="ER19" s="332"/>
      <c r="ES19" s="327">
        <v>0</v>
      </c>
      <c r="ET19" s="327">
        <v>0</v>
      </c>
      <c r="EU19" s="327">
        <v>0</v>
      </c>
      <c r="EV19" s="327">
        <v>0</v>
      </c>
      <c r="EW19" s="327">
        <v>434</v>
      </c>
      <c r="EX19" s="330">
        <v>434</v>
      </c>
      <c r="EY19" s="331">
        <v>434</v>
      </c>
      <c r="EZ19" s="326">
        <v>0</v>
      </c>
      <c r="FA19" s="327">
        <v>0</v>
      </c>
      <c r="FB19" s="328">
        <v>0</v>
      </c>
      <c r="FC19" s="332"/>
      <c r="FD19" s="327">
        <v>0</v>
      </c>
      <c r="FE19" s="327">
        <v>0</v>
      </c>
      <c r="FF19" s="327">
        <v>12121</v>
      </c>
      <c r="FG19" s="327">
        <v>17994</v>
      </c>
      <c r="FH19" s="327">
        <v>12338</v>
      </c>
      <c r="FI19" s="330">
        <v>42453</v>
      </c>
      <c r="FJ19" s="331">
        <v>42453</v>
      </c>
      <c r="FK19" s="326">
        <v>0</v>
      </c>
      <c r="FL19" s="327">
        <v>0</v>
      </c>
      <c r="FM19" s="328">
        <v>0</v>
      </c>
      <c r="FN19" s="332"/>
      <c r="FO19" s="327">
        <v>21576</v>
      </c>
      <c r="FP19" s="327">
        <v>36888</v>
      </c>
      <c r="FQ19" s="327">
        <v>178750</v>
      </c>
      <c r="FR19" s="327">
        <v>152876</v>
      </c>
      <c r="FS19" s="327">
        <v>192548</v>
      </c>
      <c r="FT19" s="330">
        <v>582638</v>
      </c>
      <c r="FU19" s="331">
        <v>582638</v>
      </c>
      <c r="FV19" s="326">
        <v>0</v>
      </c>
      <c r="FW19" s="327">
        <v>0</v>
      </c>
      <c r="FX19" s="328">
        <v>0</v>
      </c>
      <c r="FY19" s="329">
        <v>0</v>
      </c>
      <c r="FZ19" s="327">
        <v>41349</v>
      </c>
      <c r="GA19" s="327">
        <v>97875</v>
      </c>
      <c r="GB19" s="327">
        <v>222781</v>
      </c>
      <c r="GC19" s="327">
        <v>114508</v>
      </c>
      <c r="GD19" s="327">
        <v>94116</v>
      </c>
      <c r="GE19" s="330">
        <v>570629</v>
      </c>
      <c r="GF19" s="331">
        <v>570629</v>
      </c>
      <c r="GG19" s="326">
        <v>0</v>
      </c>
      <c r="GH19" s="327">
        <v>0</v>
      </c>
      <c r="GI19" s="328">
        <v>0</v>
      </c>
      <c r="GJ19" s="329">
        <v>0</v>
      </c>
      <c r="GK19" s="327">
        <v>21</v>
      </c>
      <c r="GL19" s="327">
        <v>21</v>
      </c>
      <c r="GM19" s="327">
        <v>1530</v>
      </c>
      <c r="GN19" s="327">
        <v>12605</v>
      </c>
      <c r="GO19" s="327">
        <v>0</v>
      </c>
      <c r="GP19" s="330">
        <v>14177</v>
      </c>
      <c r="GQ19" s="331">
        <v>14177</v>
      </c>
      <c r="GR19" s="326">
        <v>0</v>
      </c>
      <c r="GS19" s="327">
        <v>0</v>
      </c>
      <c r="GT19" s="328">
        <v>0</v>
      </c>
      <c r="GU19" s="329">
        <v>0</v>
      </c>
      <c r="GV19" s="327">
        <v>0</v>
      </c>
      <c r="GW19" s="327">
        <v>0</v>
      </c>
      <c r="GX19" s="327">
        <v>0</v>
      </c>
      <c r="GY19" s="327">
        <v>0</v>
      </c>
      <c r="GZ19" s="327">
        <v>0</v>
      </c>
      <c r="HA19" s="330">
        <v>0</v>
      </c>
      <c r="HB19" s="331">
        <v>0</v>
      </c>
      <c r="HC19" s="326">
        <v>0</v>
      </c>
      <c r="HD19" s="327">
        <v>0</v>
      </c>
      <c r="HE19" s="328">
        <v>0</v>
      </c>
      <c r="HF19" s="332"/>
      <c r="HG19" s="327">
        <v>0</v>
      </c>
      <c r="HH19" s="327">
        <v>0</v>
      </c>
      <c r="HI19" s="327">
        <v>0</v>
      </c>
      <c r="HJ19" s="327">
        <v>0</v>
      </c>
      <c r="HK19" s="327">
        <v>0</v>
      </c>
      <c r="HL19" s="330">
        <v>0</v>
      </c>
      <c r="HM19" s="331">
        <v>0</v>
      </c>
      <c r="HN19" s="326">
        <v>0</v>
      </c>
      <c r="HO19" s="327">
        <v>0</v>
      </c>
      <c r="HP19" s="328">
        <v>0</v>
      </c>
      <c r="HQ19" s="329">
        <v>0</v>
      </c>
      <c r="HR19" s="327">
        <v>996126</v>
      </c>
      <c r="HS19" s="327">
        <v>1883442</v>
      </c>
      <c r="HT19" s="327">
        <v>6048966</v>
      </c>
      <c r="HU19" s="327">
        <v>7002918</v>
      </c>
      <c r="HV19" s="327">
        <v>4468783</v>
      </c>
      <c r="HW19" s="330">
        <v>20400235</v>
      </c>
      <c r="HX19" s="331">
        <v>20400235</v>
      </c>
    </row>
    <row r="20" spans="1:232" ht="16.5" customHeight="1" x14ac:dyDescent="0.2">
      <c r="A20" s="324" t="s">
        <v>17</v>
      </c>
      <c r="B20" s="326">
        <v>145</v>
      </c>
      <c r="C20" s="327">
        <v>0</v>
      </c>
      <c r="D20" s="328">
        <v>145</v>
      </c>
      <c r="E20" s="329">
        <v>0</v>
      </c>
      <c r="F20" s="327">
        <v>191526</v>
      </c>
      <c r="G20" s="327">
        <v>1066385</v>
      </c>
      <c r="H20" s="327">
        <v>2914503</v>
      </c>
      <c r="I20" s="327">
        <v>3461803</v>
      </c>
      <c r="J20" s="327">
        <v>2455604</v>
      </c>
      <c r="K20" s="330">
        <v>10089821</v>
      </c>
      <c r="L20" s="331">
        <v>10089966</v>
      </c>
      <c r="M20" s="326">
        <v>0</v>
      </c>
      <c r="N20" s="327">
        <v>0</v>
      </c>
      <c r="O20" s="328">
        <v>0</v>
      </c>
      <c r="P20" s="332"/>
      <c r="Q20" s="327">
        <v>59703</v>
      </c>
      <c r="R20" s="327">
        <v>373996</v>
      </c>
      <c r="S20" s="327">
        <v>1695008</v>
      </c>
      <c r="T20" s="327">
        <v>2466184</v>
      </c>
      <c r="U20" s="327">
        <v>1874987</v>
      </c>
      <c r="V20" s="330">
        <v>6469878</v>
      </c>
      <c r="W20" s="331">
        <v>6469878</v>
      </c>
      <c r="X20" s="326">
        <v>0</v>
      </c>
      <c r="Y20" s="327">
        <v>0</v>
      </c>
      <c r="Z20" s="328">
        <v>0</v>
      </c>
      <c r="AA20" s="332"/>
      <c r="AB20" s="327">
        <v>62550</v>
      </c>
      <c r="AC20" s="327">
        <v>566070</v>
      </c>
      <c r="AD20" s="327">
        <v>823050</v>
      </c>
      <c r="AE20" s="327">
        <v>523377</v>
      </c>
      <c r="AF20" s="327">
        <v>172820</v>
      </c>
      <c r="AG20" s="330">
        <v>2147867</v>
      </c>
      <c r="AH20" s="331">
        <v>2147867</v>
      </c>
      <c r="AI20" s="326">
        <v>0</v>
      </c>
      <c r="AJ20" s="327">
        <v>0</v>
      </c>
      <c r="AK20" s="328">
        <v>0</v>
      </c>
      <c r="AL20" s="332"/>
      <c r="AM20" s="327">
        <v>0</v>
      </c>
      <c r="AN20" s="327">
        <v>0</v>
      </c>
      <c r="AO20" s="327">
        <v>0</v>
      </c>
      <c r="AP20" s="327">
        <v>0</v>
      </c>
      <c r="AQ20" s="327">
        <v>1615</v>
      </c>
      <c r="AR20" s="330">
        <v>1615</v>
      </c>
      <c r="AS20" s="331">
        <v>1615</v>
      </c>
      <c r="AT20" s="326">
        <v>0</v>
      </c>
      <c r="AU20" s="327">
        <v>0</v>
      </c>
      <c r="AV20" s="328">
        <v>0</v>
      </c>
      <c r="AW20" s="332"/>
      <c r="AX20" s="327">
        <v>0</v>
      </c>
      <c r="AY20" s="327">
        <v>0</v>
      </c>
      <c r="AZ20" s="327">
        <v>0</v>
      </c>
      <c r="BA20" s="327">
        <v>2635</v>
      </c>
      <c r="BB20" s="327">
        <v>40355</v>
      </c>
      <c r="BC20" s="330">
        <v>42990</v>
      </c>
      <c r="BD20" s="331">
        <v>42990</v>
      </c>
      <c r="BE20" s="326">
        <v>0</v>
      </c>
      <c r="BF20" s="327">
        <v>0</v>
      </c>
      <c r="BG20" s="328">
        <v>0</v>
      </c>
      <c r="BH20" s="332"/>
      <c r="BI20" s="327">
        <v>0</v>
      </c>
      <c r="BJ20" s="327">
        <v>2635</v>
      </c>
      <c r="BK20" s="327">
        <v>203980</v>
      </c>
      <c r="BL20" s="327">
        <v>116875</v>
      </c>
      <c r="BM20" s="327">
        <v>225060</v>
      </c>
      <c r="BN20" s="330">
        <v>548550</v>
      </c>
      <c r="BO20" s="331">
        <v>548550</v>
      </c>
      <c r="BP20" s="326">
        <v>145</v>
      </c>
      <c r="BQ20" s="327">
        <v>0</v>
      </c>
      <c r="BR20" s="328">
        <v>145</v>
      </c>
      <c r="BS20" s="329">
        <v>0</v>
      </c>
      <c r="BT20" s="327">
        <v>67678</v>
      </c>
      <c r="BU20" s="327">
        <v>121084</v>
      </c>
      <c r="BV20" s="327">
        <v>188550</v>
      </c>
      <c r="BW20" s="327">
        <v>352732</v>
      </c>
      <c r="BX20" s="327">
        <v>105507</v>
      </c>
      <c r="BY20" s="330">
        <v>835551</v>
      </c>
      <c r="BZ20" s="331">
        <v>835696</v>
      </c>
      <c r="CA20" s="326">
        <v>0</v>
      </c>
      <c r="CB20" s="327">
        <v>0</v>
      </c>
      <c r="CC20" s="328">
        <v>0</v>
      </c>
      <c r="CD20" s="329">
        <v>0</v>
      </c>
      <c r="CE20" s="327">
        <v>1595</v>
      </c>
      <c r="CF20" s="327">
        <v>2600</v>
      </c>
      <c r="CG20" s="327">
        <v>3915</v>
      </c>
      <c r="CH20" s="327">
        <v>0</v>
      </c>
      <c r="CI20" s="327">
        <v>35260</v>
      </c>
      <c r="CJ20" s="330">
        <v>43370</v>
      </c>
      <c r="CK20" s="331">
        <v>43370</v>
      </c>
      <c r="CL20" s="326">
        <v>0</v>
      </c>
      <c r="CM20" s="327">
        <v>0</v>
      </c>
      <c r="CN20" s="328">
        <v>0</v>
      </c>
      <c r="CO20" s="329">
        <v>0</v>
      </c>
      <c r="CP20" s="327">
        <v>0</v>
      </c>
      <c r="CQ20" s="327">
        <v>0</v>
      </c>
      <c r="CR20" s="327">
        <v>0</v>
      </c>
      <c r="CS20" s="327">
        <v>0</v>
      </c>
      <c r="CT20" s="327">
        <v>0</v>
      </c>
      <c r="CU20" s="330">
        <v>0</v>
      </c>
      <c r="CV20" s="331">
        <v>0</v>
      </c>
      <c r="CW20" s="326">
        <v>0</v>
      </c>
      <c r="CX20" s="327">
        <v>0</v>
      </c>
      <c r="CY20" s="328">
        <v>0</v>
      </c>
      <c r="CZ20" s="332"/>
      <c r="DA20" s="327">
        <v>0</v>
      </c>
      <c r="DB20" s="327">
        <v>0</v>
      </c>
      <c r="DC20" s="327">
        <v>0</v>
      </c>
      <c r="DD20" s="327">
        <v>0</v>
      </c>
      <c r="DE20" s="327">
        <v>0</v>
      </c>
      <c r="DF20" s="330">
        <v>0</v>
      </c>
      <c r="DG20" s="331">
        <v>0</v>
      </c>
      <c r="DH20" s="326">
        <v>1392</v>
      </c>
      <c r="DI20" s="327">
        <v>0</v>
      </c>
      <c r="DJ20" s="328">
        <v>1392</v>
      </c>
      <c r="DK20" s="329">
        <v>0</v>
      </c>
      <c r="DL20" s="327">
        <v>190806</v>
      </c>
      <c r="DM20" s="327">
        <v>540119</v>
      </c>
      <c r="DN20" s="327">
        <v>3233553</v>
      </c>
      <c r="DO20" s="327">
        <v>3823494</v>
      </c>
      <c r="DP20" s="327">
        <v>2919901</v>
      </c>
      <c r="DQ20" s="330">
        <v>10707873</v>
      </c>
      <c r="DR20" s="333">
        <v>10709265</v>
      </c>
      <c r="DS20" s="326">
        <v>0</v>
      </c>
      <c r="DT20" s="327">
        <v>0</v>
      </c>
      <c r="DU20" s="328">
        <v>0</v>
      </c>
      <c r="DV20" s="332"/>
      <c r="DW20" s="327">
        <v>101936</v>
      </c>
      <c r="DX20" s="327">
        <v>348629</v>
      </c>
      <c r="DY20" s="327">
        <v>2508478</v>
      </c>
      <c r="DZ20" s="327">
        <v>3203339</v>
      </c>
      <c r="EA20" s="327">
        <v>2326037</v>
      </c>
      <c r="EB20" s="330">
        <v>8488419</v>
      </c>
      <c r="EC20" s="331">
        <v>8488419</v>
      </c>
      <c r="ED20" s="326">
        <v>0</v>
      </c>
      <c r="EE20" s="327">
        <v>0</v>
      </c>
      <c r="EF20" s="328">
        <v>0</v>
      </c>
      <c r="EG20" s="332"/>
      <c r="EH20" s="327">
        <v>1526</v>
      </c>
      <c r="EI20" s="327">
        <v>44545</v>
      </c>
      <c r="EJ20" s="327">
        <v>67969</v>
      </c>
      <c r="EK20" s="327">
        <v>7266</v>
      </c>
      <c r="EL20" s="327">
        <v>3185</v>
      </c>
      <c r="EM20" s="330">
        <v>124491</v>
      </c>
      <c r="EN20" s="331">
        <v>124491</v>
      </c>
      <c r="EO20" s="326">
        <v>0</v>
      </c>
      <c r="EP20" s="327">
        <v>0</v>
      </c>
      <c r="EQ20" s="328">
        <v>0</v>
      </c>
      <c r="ER20" s="332"/>
      <c r="ES20" s="327">
        <v>0</v>
      </c>
      <c r="ET20" s="327">
        <v>0</v>
      </c>
      <c r="EU20" s="327">
        <v>0</v>
      </c>
      <c r="EV20" s="327">
        <v>0</v>
      </c>
      <c r="EW20" s="327">
        <v>217</v>
      </c>
      <c r="EX20" s="330">
        <v>217</v>
      </c>
      <c r="EY20" s="331">
        <v>217</v>
      </c>
      <c r="EZ20" s="326">
        <v>0</v>
      </c>
      <c r="FA20" s="327">
        <v>0</v>
      </c>
      <c r="FB20" s="328">
        <v>0</v>
      </c>
      <c r="FC20" s="332"/>
      <c r="FD20" s="327">
        <v>0</v>
      </c>
      <c r="FE20" s="327">
        <v>0</v>
      </c>
      <c r="FF20" s="327">
        <v>0</v>
      </c>
      <c r="FG20" s="327">
        <v>217</v>
      </c>
      <c r="FH20" s="327">
        <v>868</v>
      </c>
      <c r="FI20" s="330">
        <v>1085</v>
      </c>
      <c r="FJ20" s="331">
        <v>1085</v>
      </c>
      <c r="FK20" s="326">
        <v>0</v>
      </c>
      <c r="FL20" s="327">
        <v>0</v>
      </c>
      <c r="FM20" s="328">
        <v>0</v>
      </c>
      <c r="FN20" s="332"/>
      <c r="FO20" s="327">
        <v>0</v>
      </c>
      <c r="FP20" s="327">
        <v>10881</v>
      </c>
      <c r="FQ20" s="327">
        <v>297579</v>
      </c>
      <c r="FR20" s="327">
        <v>184491</v>
      </c>
      <c r="FS20" s="327">
        <v>437100</v>
      </c>
      <c r="FT20" s="330">
        <v>930051</v>
      </c>
      <c r="FU20" s="331">
        <v>930051</v>
      </c>
      <c r="FV20" s="326">
        <v>1392</v>
      </c>
      <c r="FW20" s="327">
        <v>0</v>
      </c>
      <c r="FX20" s="328">
        <v>1392</v>
      </c>
      <c r="FY20" s="329">
        <v>0</v>
      </c>
      <c r="FZ20" s="327">
        <v>87253</v>
      </c>
      <c r="GA20" s="327">
        <v>136029</v>
      </c>
      <c r="GB20" s="327">
        <v>352311</v>
      </c>
      <c r="GC20" s="327">
        <v>428181</v>
      </c>
      <c r="GD20" s="327">
        <v>144459</v>
      </c>
      <c r="GE20" s="330">
        <v>1148233</v>
      </c>
      <c r="GF20" s="331">
        <v>1149625</v>
      </c>
      <c r="GG20" s="326">
        <v>0</v>
      </c>
      <c r="GH20" s="327">
        <v>0</v>
      </c>
      <c r="GI20" s="328">
        <v>0</v>
      </c>
      <c r="GJ20" s="329">
        <v>0</v>
      </c>
      <c r="GK20" s="327">
        <v>91</v>
      </c>
      <c r="GL20" s="327">
        <v>35</v>
      </c>
      <c r="GM20" s="327">
        <v>7216</v>
      </c>
      <c r="GN20" s="327">
        <v>0</v>
      </c>
      <c r="GO20" s="327">
        <v>8035</v>
      </c>
      <c r="GP20" s="330">
        <v>15377</v>
      </c>
      <c r="GQ20" s="331">
        <v>15377</v>
      </c>
      <c r="GR20" s="326">
        <v>0</v>
      </c>
      <c r="GS20" s="327">
        <v>0</v>
      </c>
      <c r="GT20" s="328">
        <v>0</v>
      </c>
      <c r="GU20" s="329">
        <v>0</v>
      </c>
      <c r="GV20" s="327">
        <v>0</v>
      </c>
      <c r="GW20" s="327">
        <v>0</v>
      </c>
      <c r="GX20" s="327">
        <v>0</v>
      </c>
      <c r="GY20" s="327">
        <v>0</v>
      </c>
      <c r="GZ20" s="327">
        <v>0</v>
      </c>
      <c r="HA20" s="330">
        <v>0</v>
      </c>
      <c r="HB20" s="331">
        <v>0</v>
      </c>
      <c r="HC20" s="326">
        <v>0</v>
      </c>
      <c r="HD20" s="327">
        <v>0</v>
      </c>
      <c r="HE20" s="328">
        <v>0</v>
      </c>
      <c r="HF20" s="332"/>
      <c r="HG20" s="327">
        <v>0</v>
      </c>
      <c r="HH20" s="327">
        <v>0</v>
      </c>
      <c r="HI20" s="327">
        <v>0</v>
      </c>
      <c r="HJ20" s="327">
        <v>0</v>
      </c>
      <c r="HK20" s="327">
        <v>0</v>
      </c>
      <c r="HL20" s="330">
        <v>0</v>
      </c>
      <c r="HM20" s="331">
        <v>0</v>
      </c>
      <c r="HN20" s="326">
        <v>1537</v>
      </c>
      <c r="HO20" s="327">
        <v>0</v>
      </c>
      <c r="HP20" s="328">
        <v>1537</v>
      </c>
      <c r="HQ20" s="329">
        <v>0</v>
      </c>
      <c r="HR20" s="327">
        <v>382332</v>
      </c>
      <c r="HS20" s="327">
        <v>1606504</v>
      </c>
      <c r="HT20" s="327">
        <v>6148056</v>
      </c>
      <c r="HU20" s="327">
        <v>7285297</v>
      </c>
      <c r="HV20" s="327">
        <v>5375505</v>
      </c>
      <c r="HW20" s="330">
        <v>20797694</v>
      </c>
      <c r="HX20" s="331">
        <v>20799231</v>
      </c>
    </row>
    <row r="21" spans="1:232" ht="16.5" customHeight="1" x14ac:dyDescent="0.2">
      <c r="A21" s="324" t="s">
        <v>18</v>
      </c>
      <c r="B21" s="326">
        <v>3940</v>
      </c>
      <c r="C21" s="327">
        <v>3435</v>
      </c>
      <c r="D21" s="328">
        <v>7375</v>
      </c>
      <c r="E21" s="329">
        <v>0</v>
      </c>
      <c r="F21" s="327">
        <v>360090</v>
      </c>
      <c r="G21" s="327">
        <v>509004</v>
      </c>
      <c r="H21" s="327">
        <v>2455957</v>
      </c>
      <c r="I21" s="327">
        <v>3864317</v>
      </c>
      <c r="J21" s="327">
        <v>2593422</v>
      </c>
      <c r="K21" s="330">
        <v>9782790</v>
      </c>
      <c r="L21" s="331">
        <v>9790165</v>
      </c>
      <c r="M21" s="326">
        <v>0</v>
      </c>
      <c r="N21" s="327">
        <v>0</v>
      </c>
      <c r="O21" s="328">
        <v>0</v>
      </c>
      <c r="P21" s="332"/>
      <c r="Q21" s="327">
        <v>52545</v>
      </c>
      <c r="R21" s="327">
        <v>76395</v>
      </c>
      <c r="S21" s="327">
        <v>1440360</v>
      </c>
      <c r="T21" s="327">
        <v>2735055</v>
      </c>
      <c r="U21" s="327">
        <v>1881742</v>
      </c>
      <c r="V21" s="330">
        <v>6186097</v>
      </c>
      <c r="W21" s="331">
        <v>6186097</v>
      </c>
      <c r="X21" s="326">
        <v>0</v>
      </c>
      <c r="Y21" s="327">
        <v>0</v>
      </c>
      <c r="Z21" s="328">
        <v>0</v>
      </c>
      <c r="AA21" s="332"/>
      <c r="AB21" s="327">
        <v>255110</v>
      </c>
      <c r="AC21" s="327">
        <v>264515</v>
      </c>
      <c r="AD21" s="327">
        <v>736170</v>
      </c>
      <c r="AE21" s="327">
        <v>831075</v>
      </c>
      <c r="AF21" s="327">
        <v>381170</v>
      </c>
      <c r="AG21" s="330">
        <v>2468040</v>
      </c>
      <c r="AH21" s="331">
        <v>2468040</v>
      </c>
      <c r="AI21" s="326">
        <v>0</v>
      </c>
      <c r="AJ21" s="327">
        <v>0</v>
      </c>
      <c r="AK21" s="328">
        <v>0</v>
      </c>
      <c r="AL21" s="332"/>
      <c r="AM21" s="327">
        <v>0</v>
      </c>
      <c r="AN21" s="327">
        <v>0</v>
      </c>
      <c r="AO21" s="327">
        <v>0</v>
      </c>
      <c r="AP21" s="327">
        <v>0</v>
      </c>
      <c r="AQ21" s="327">
        <v>70990</v>
      </c>
      <c r="AR21" s="330">
        <v>70990</v>
      </c>
      <c r="AS21" s="331">
        <v>70990</v>
      </c>
      <c r="AT21" s="326">
        <v>0</v>
      </c>
      <c r="AU21" s="327">
        <v>0</v>
      </c>
      <c r="AV21" s="328">
        <v>0</v>
      </c>
      <c r="AW21" s="332"/>
      <c r="AX21" s="327">
        <v>0</v>
      </c>
      <c r="AY21" s="327">
        <v>0</v>
      </c>
      <c r="AZ21" s="327">
        <v>0</v>
      </c>
      <c r="BA21" s="327">
        <v>27280</v>
      </c>
      <c r="BB21" s="327">
        <v>125240</v>
      </c>
      <c r="BC21" s="330">
        <v>152520</v>
      </c>
      <c r="BD21" s="331">
        <v>152520</v>
      </c>
      <c r="BE21" s="326">
        <v>0</v>
      </c>
      <c r="BF21" s="327">
        <v>0</v>
      </c>
      <c r="BG21" s="328">
        <v>0</v>
      </c>
      <c r="BH21" s="332"/>
      <c r="BI21" s="327">
        <v>0</v>
      </c>
      <c r="BJ21" s="327">
        <v>32705</v>
      </c>
      <c r="BK21" s="327">
        <v>10370</v>
      </c>
      <c r="BL21" s="327">
        <v>81220</v>
      </c>
      <c r="BM21" s="327">
        <v>37975</v>
      </c>
      <c r="BN21" s="330">
        <v>162270</v>
      </c>
      <c r="BO21" s="331">
        <v>162270</v>
      </c>
      <c r="BP21" s="326">
        <v>3940</v>
      </c>
      <c r="BQ21" s="327">
        <v>3435</v>
      </c>
      <c r="BR21" s="328">
        <v>7375</v>
      </c>
      <c r="BS21" s="329">
        <v>0</v>
      </c>
      <c r="BT21" s="327">
        <v>50745</v>
      </c>
      <c r="BU21" s="327">
        <v>135389</v>
      </c>
      <c r="BV21" s="327">
        <v>265630</v>
      </c>
      <c r="BW21" s="327">
        <v>177877</v>
      </c>
      <c r="BX21" s="327">
        <v>95870</v>
      </c>
      <c r="BY21" s="330">
        <v>725511</v>
      </c>
      <c r="BZ21" s="331">
        <v>732886</v>
      </c>
      <c r="CA21" s="326">
        <v>0</v>
      </c>
      <c r="CB21" s="327">
        <v>0</v>
      </c>
      <c r="CC21" s="328">
        <v>0</v>
      </c>
      <c r="CD21" s="329">
        <v>0</v>
      </c>
      <c r="CE21" s="327">
        <v>1690</v>
      </c>
      <c r="CF21" s="327">
        <v>0</v>
      </c>
      <c r="CG21" s="327">
        <v>3427</v>
      </c>
      <c r="CH21" s="327">
        <v>11810</v>
      </c>
      <c r="CI21" s="327">
        <v>435</v>
      </c>
      <c r="CJ21" s="330">
        <v>17362</v>
      </c>
      <c r="CK21" s="331">
        <v>17362</v>
      </c>
      <c r="CL21" s="326">
        <v>0</v>
      </c>
      <c r="CM21" s="327">
        <v>0</v>
      </c>
      <c r="CN21" s="328">
        <v>0</v>
      </c>
      <c r="CO21" s="329">
        <v>0</v>
      </c>
      <c r="CP21" s="327">
        <v>0</v>
      </c>
      <c r="CQ21" s="327">
        <v>0</v>
      </c>
      <c r="CR21" s="327">
        <v>0</v>
      </c>
      <c r="CS21" s="327">
        <v>0</v>
      </c>
      <c r="CT21" s="327">
        <v>0</v>
      </c>
      <c r="CU21" s="330">
        <v>0</v>
      </c>
      <c r="CV21" s="331">
        <v>0</v>
      </c>
      <c r="CW21" s="326">
        <v>0</v>
      </c>
      <c r="CX21" s="327">
        <v>0</v>
      </c>
      <c r="CY21" s="328">
        <v>0</v>
      </c>
      <c r="CZ21" s="332"/>
      <c r="DA21" s="327">
        <v>0</v>
      </c>
      <c r="DB21" s="327">
        <v>0</v>
      </c>
      <c r="DC21" s="327">
        <v>0</v>
      </c>
      <c r="DD21" s="327">
        <v>0</v>
      </c>
      <c r="DE21" s="327">
        <v>0</v>
      </c>
      <c r="DF21" s="330">
        <v>0</v>
      </c>
      <c r="DG21" s="331">
        <v>0</v>
      </c>
      <c r="DH21" s="326">
        <v>3420</v>
      </c>
      <c r="DI21" s="327">
        <v>3558</v>
      </c>
      <c r="DJ21" s="328">
        <v>6978</v>
      </c>
      <c r="DK21" s="329">
        <v>0</v>
      </c>
      <c r="DL21" s="327">
        <v>216370</v>
      </c>
      <c r="DM21" s="327">
        <v>454146</v>
      </c>
      <c r="DN21" s="327">
        <v>2771309</v>
      </c>
      <c r="DO21" s="327">
        <v>4293100</v>
      </c>
      <c r="DP21" s="327">
        <v>2809447</v>
      </c>
      <c r="DQ21" s="330">
        <v>10544372</v>
      </c>
      <c r="DR21" s="333">
        <v>10551350</v>
      </c>
      <c r="DS21" s="326">
        <v>0</v>
      </c>
      <c r="DT21" s="327">
        <v>0</v>
      </c>
      <c r="DU21" s="328">
        <v>0</v>
      </c>
      <c r="DV21" s="332"/>
      <c r="DW21" s="327">
        <v>85188</v>
      </c>
      <c r="DX21" s="327">
        <v>139367</v>
      </c>
      <c r="DY21" s="327">
        <v>2080761</v>
      </c>
      <c r="DZ21" s="327">
        <v>3618842</v>
      </c>
      <c r="EA21" s="327">
        <v>2468405</v>
      </c>
      <c r="EB21" s="330">
        <v>8392563</v>
      </c>
      <c r="EC21" s="331">
        <v>8392563</v>
      </c>
      <c r="ED21" s="326">
        <v>0</v>
      </c>
      <c r="EE21" s="327">
        <v>0</v>
      </c>
      <c r="EF21" s="328">
        <v>0</v>
      </c>
      <c r="EG21" s="332"/>
      <c r="EH21" s="327">
        <v>47337</v>
      </c>
      <c r="EI21" s="327">
        <v>26047</v>
      </c>
      <c r="EJ21" s="327">
        <v>170141</v>
      </c>
      <c r="EK21" s="327">
        <v>158274</v>
      </c>
      <c r="EL21" s="327">
        <v>79465</v>
      </c>
      <c r="EM21" s="330">
        <v>481264</v>
      </c>
      <c r="EN21" s="331">
        <v>481264</v>
      </c>
      <c r="EO21" s="326">
        <v>0</v>
      </c>
      <c r="EP21" s="327">
        <v>0</v>
      </c>
      <c r="EQ21" s="328">
        <v>0</v>
      </c>
      <c r="ER21" s="332"/>
      <c r="ES21" s="327">
        <v>0</v>
      </c>
      <c r="ET21" s="327">
        <v>0</v>
      </c>
      <c r="EU21" s="327">
        <v>0</v>
      </c>
      <c r="EV21" s="327">
        <v>0</v>
      </c>
      <c r="EW21" s="327">
        <v>22940</v>
      </c>
      <c r="EX21" s="330">
        <v>22940</v>
      </c>
      <c r="EY21" s="331">
        <v>22940</v>
      </c>
      <c r="EZ21" s="326">
        <v>0</v>
      </c>
      <c r="FA21" s="327">
        <v>0</v>
      </c>
      <c r="FB21" s="328">
        <v>0</v>
      </c>
      <c r="FC21" s="332"/>
      <c r="FD21" s="327">
        <v>0</v>
      </c>
      <c r="FE21" s="327">
        <v>0</v>
      </c>
      <c r="FF21" s="327">
        <v>0</v>
      </c>
      <c r="FG21" s="327">
        <v>434</v>
      </c>
      <c r="FH21" s="327">
        <v>1953</v>
      </c>
      <c r="FI21" s="330">
        <v>2387</v>
      </c>
      <c r="FJ21" s="331">
        <v>2387</v>
      </c>
      <c r="FK21" s="326">
        <v>0</v>
      </c>
      <c r="FL21" s="327">
        <v>0</v>
      </c>
      <c r="FM21" s="328">
        <v>0</v>
      </c>
      <c r="FN21" s="332"/>
      <c r="FO21" s="327">
        <v>0</v>
      </c>
      <c r="FP21" s="327">
        <v>36766</v>
      </c>
      <c r="FQ21" s="327">
        <v>89784</v>
      </c>
      <c r="FR21" s="327">
        <v>202988</v>
      </c>
      <c r="FS21" s="327">
        <v>79918</v>
      </c>
      <c r="FT21" s="330">
        <v>409456</v>
      </c>
      <c r="FU21" s="331">
        <v>409456</v>
      </c>
      <c r="FV21" s="326">
        <v>3420</v>
      </c>
      <c r="FW21" s="327">
        <v>3558</v>
      </c>
      <c r="FX21" s="328">
        <v>6978</v>
      </c>
      <c r="FY21" s="329">
        <v>0</v>
      </c>
      <c r="FZ21" s="327">
        <v>81489</v>
      </c>
      <c r="GA21" s="327">
        <v>251966</v>
      </c>
      <c r="GB21" s="327">
        <v>429478</v>
      </c>
      <c r="GC21" s="327">
        <v>308701</v>
      </c>
      <c r="GD21" s="327">
        <v>156766</v>
      </c>
      <c r="GE21" s="330">
        <v>1228400</v>
      </c>
      <c r="GF21" s="331">
        <v>1235378</v>
      </c>
      <c r="GG21" s="326">
        <v>0</v>
      </c>
      <c r="GH21" s="327">
        <v>0</v>
      </c>
      <c r="GI21" s="328">
        <v>0</v>
      </c>
      <c r="GJ21" s="329">
        <v>0</v>
      </c>
      <c r="GK21" s="327">
        <v>2356</v>
      </c>
      <c r="GL21" s="327">
        <v>0</v>
      </c>
      <c r="GM21" s="327">
        <v>1145</v>
      </c>
      <c r="GN21" s="327">
        <v>3861</v>
      </c>
      <c r="GO21" s="327">
        <v>0</v>
      </c>
      <c r="GP21" s="330">
        <v>7362</v>
      </c>
      <c r="GQ21" s="331">
        <v>7362</v>
      </c>
      <c r="GR21" s="326">
        <v>0</v>
      </c>
      <c r="GS21" s="327">
        <v>0</v>
      </c>
      <c r="GT21" s="328">
        <v>0</v>
      </c>
      <c r="GU21" s="329">
        <v>0</v>
      </c>
      <c r="GV21" s="327">
        <v>0</v>
      </c>
      <c r="GW21" s="327">
        <v>0</v>
      </c>
      <c r="GX21" s="327">
        <v>0</v>
      </c>
      <c r="GY21" s="327">
        <v>0</v>
      </c>
      <c r="GZ21" s="327">
        <v>0</v>
      </c>
      <c r="HA21" s="330">
        <v>0</v>
      </c>
      <c r="HB21" s="331">
        <v>0</v>
      </c>
      <c r="HC21" s="326">
        <v>0</v>
      </c>
      <c r="HD21" s="327">
        <v>0</v>
      </c>
      <c r="HE21" s="328">
        <v>0</v>
      </c>
      <c r="HF21" s="332"/>
      <c r="HG21" s="327">
        <v>0</v>
      </c>
      <c r="HH21" s="327">
        <v>0</v>
      </c>
      <c r="HI21" s="327">
        <v>0</v>
      </c>
      <c r="HJ21" s="327">
        <v>0</v>
      </c>
      <c r="HK21" s="327">
        <v>0</v>
      </c>
      <c r="HL21" s="330">
        <v>0</v>
      </c>
      <c r="HM21" s="331">
        <v>0</v>
      </c>
      <c r="HN21" s="326">
        <v>7360</v>
      </c>
      <c r="HO21" s="327">
        <v>6993</v>
      </c>
      <c r="HP21" s="328">
        <v>14353</v>
      </c>
      <c r="HQ21" s="329">
        <v>0</v>
      </c>
      <c r="HR21" s="327">
        <v>576460</v>
      </c>
      <c r="HS21" s="327">
        <v>963150</v>
      </c>
      <c r="HT21" s="327">
        <v>5227266</v>
      </c>
      <c r="HU21" s="327">
        <v>8157417</v>
      </c>
      <c r="HV21" s="327">
        <v>5402869</v>
      </c>
      <c r="HW21" s="330">
        <v>20327162</v>
      </c>
      <c r="HX21" s="331">
        <v>20341515</v>
      </c>
    </row>
    <row r="22" spans="1:232" ht="16.5" customHeight="1" x14ac:dyDescent="0.2">
      <c r="A22" s="324" t="s">
        <v>19</v>
      </c>
      <c r="B22" s="326">
        <v>0</v>
      </c>
      <c r="C22" s="327">
        <v>0</v>
      </c>
      <c r="D22" s="328">
        <v>0</v>
      </c>
      <c r="E22" s="329">
        <v>0</v>
      </c>
      <c r="F22" s="327">
        <v>120400</v>
      </c>
      <c r="G22" s="327">
        <v>387305</v>
      </c>
      <c r="H22" s="327">
        <v>1671770</v>
      </c>
      <c r="I22" s="327">
        <v>1265157</v>
      </c>
      <c r="J22" s="327">
        <v>1045070</v>
      </c>
      <c r="K22" s="330">
        <v>4489702</v>
      </c>
      <c r="L22" s="331">
        <v>4489702</v>
      </c>
      <c r="M22" s="326">
        <v>0</v>
      </c>
      <c r="N22" s="327">
        <v>0</v>
      </c>
      <c r="O22" s="328">
        <v>0</v>
      </c>
      <c r="P22" s="332"/>
      <c r="Q22" s="327">
        <v>0</v>
      </c>
      <c r="R22" s="327">
        <v>43245</v>
      </c>
      <c r="S22" s="327">
        <v>1151660</v>
      </c>
      <c r="T22" s="327">
        <v>1006722</v>
      </c>
      <c r="U22" s="327">
        <v>705945</v>
      </c>
      <c r="V22" s="330">
        <v>2907572</v>
      </c>
      <c r="W22" s="331">
        <v>2907572</v>
      </c>
      <c r="X22" s="326">
        <v>0</v>
      </c>
      <c r="Y22" s="327">
        <v>0</v>
      </c>
      <c r="Z22" s="328">
        <v>0</v>
      </c>
      <c r="AA22" s="332"/>
      <c r="AB22" s="327">
        <v>65410</v>
      </c>
      <c r="AC22" s="327">
        <v>274945</v>
      </c>
      <c r="AD22" s="327">
        <v>386210</v>
      </c>
      <c r="AE22" s="327">
        <v>233555</v>
      </c>
      <c r="AF22" s="327">
        <v>208325</v>
      </c>
      <c r="AG22" s="330">
        <v>1168445</v>
      </c>
      <c r="AH22" s="331">
        <v>1168445</v>
      </c>
      <c r="AI22" s="326">
        <v>0</v>
      </c>
      <c r="AJ22" s="327">
        <v>0</v>
      </c>
      <c r="AK22" s="328">
        <v>0</v>
      </c>
      <c r="AL22" s="332"/>
      <c r="AM22" s="327">
        <v>0</v>
      </c>
      <c r="AN22" s="327">
        <v>0</v>
      </c>
      <c r="AO22" s="327">
        <v>0</v>
      </c>
      <c r="AP22" s="327">
        <v>0</v>
      </c>
      <c r="AQ22" s="327">
        <v>0</v>
      </c>
      <c r="AR22" s="330">
        <v>0</v>
      </c>
      <c r="AS22" s="331">
        <v>0</v>
      </c>
      <c r="AT22" s="326">
        <v>0</v>
      </c>
      <c r="AU22" s="327">
        <v>0</v>
      </c>
      <c r="AV22" s="328">
        <v>0</v>
      </c>
      <c r="AW22" s="332"/>
      <c r="AX22" s="327">
        <v>0</v>
      </c>
      <c r="AY22" s="327">
        <v>0</v>
      </c>
      <c r="AZ22" s="327">
        <v>0</v>
      </c>
      <c r="BA22" s="327">
        <v>0</v>
      </c>
      <c r="BB22" s="327">
        <v>57350</v>
      </c>
      <c r="BC22" s="330">
        <v>57350</v>
      </c>
      <c r="BD22" s="331">
        <v>57350</v>
      </c>
      <c r="BE22" s="326">
        <v>0</v>
      </c>
      <c r="BF22" s="327">
        <v>0</v>
      </c>
      <c r="BG22" s="328">
        <v>0</v>
      </c>
      <c r="BH22" s="332"/>
      <c r="BI22" s="327">
        <v>0</v>
      </c>
      <c r="BJ22" s="327">
        <v>0</v>
      </c>
      <c r="BK22" s="327">
        <v>0</v>
      </c>
      <c r="BL22" s="327">
        <v>0</v>
      </c>
      <c r="BM22" s="327">
        <v>0</v>
      </c>
      <c r="BN22" s="330">
        <v>0</v>
      </c>
      <c r="BO22" s="331">
        <v>0</v>
      </c>
      <c r="BP22" s="326">
        <v>0</v>
      </c>
      <c r="BQ22" s="327">
        <v>0</v>
      </c>
      <c r="BR22" s="328">
        <v>0</v>
      </c>
      <c r="BS22" s="329">
        <v>0</v>
      </c>
      <c r="BT22" s="327">
        <v>53195</v>
      </c>
      <c r="BU22" s="327">
        <v>67230</v>
      </c>
      <c r="BV22" s="327">
        <v>133900</v>
      </c>
      <c r="BW22" s="327">
        <v>23865</v>
      </c>
      <c r="BX22" s="327">
        <v>72825</v>
      </c>
      <c r="BY22" s="330">
        <v>351015</v>
      </c>
      <c r="BZ22" s="331">
        <v>351015</v>
      </c>
      <c r="CA22" s="326">
        <v>0</v>
      </c>
      <c r="CB22" s="327">
        <v>0</v>
      </c>
      <c r="CC22" s="328">
        <v>0</v>
      </c>
      <c r="CD22" s="329">
        <v>0</v>
      </c>
      <c r="CE22" s="327">
        <v>1795</v>
      </c>
      <c r="CF22" s="327">
        <v>1885</v>
      </c>
      <c r="CG22" s="327">
        <v>0</v>
      </c>
      <c r="CH22" s="327">
        <v>1015</v>
      </c>
      <c r="CI22" s="327">
        <v>625</v>
      </c>
      <c r="CJ22" s="330">
        <v>5320</v>
      </c>
      <c r="CK22" s="331">
        <v>5320</v>
      </c>
      <c r="CL22" s="326">
        <v>0</v>
      </c>
      <c r="CM22" s="327">
        <v>0</v>
      </c>
      <c r="CN22" s="328">
        <v>0</v>
      </c>
      <c r="CO22" s="329">
        <v>0</v>
      </c>
      <c r="CP22" s="327">
        <v>0</v>
      </c>
      <c r="CQ22" s="327">
        <v>0</v>
      </c>
      <c r="CR22" s="327">
        <v>0</v>
      </c>
      <c r="CS22" s="327">
        <v>0</v>
      </c>
      <c r="CT22" s="327">
        <v>0</v>
      </c>
      <c r="CU22" s="330">
        <v>0</v>
      </c>
      <c r="CV22" s="331">
        <v>0</v>
      </c>
      <c r="CW22" s="326">
        <v>0</v>
      </c>
      <c r="CX22" s="327">
        <v>0</v>
      </c>
      <c r="CY22" s="328">
        <v>0</v>
      </c>
      <c r="CZ22" s="332"/>
      <c r="DA22" s="327">
        <v>0</v>
      </c>
      <c r="DB22" s="327">
        <v>0</v>
      </c>
      <c r="DC22" s="327">
        <v>0</v>
      </c>
      <c r="DD22" s="327">
        <v>0</v>
      </c>
      <c r="DE22" s="327">
        <v>0</v>
      </c>
      <c r="DF22" s="330">
        <v>0</v>
      </c>
      <c r="DG22" s="331">
        <v>0</v>
      </c>
      <c r="DH22" s="326">
        <v>0</v>
      </c>
      <c r="DI22" s="327">
        <v>0</v>
      </c>
      <c r="DJ22" s="328">
        <v>0</v>
      </c>
      <c r="DK22" s="329">
        <v>0</v>
      </c>
      <c r="DL22" s="327">
        <v>67967</v>
      </c>
      <c r="DM22" s="327">
        <v>219171</v>
      </c>
      <c r="DN22" s="327">
        <v>1619327</v>
      </c>
      <c r="DO22" s="327">
        <v>1409668</v>
      </c>
      <c r="DP22" s="327">
        <v>1112200</v>
      </c>
      <c r="DQ22" s="330">
        <v>4428333</v>
      </c>
      <c r="DR22" s="333">
        <v>4428333</v>
      </c>
      <c r="DS22" s="326">
        <v>0</v>
      </c>
      <c r="DT22" s="327">
        <v>0</v>
      </c>
      <c r="DU22" s="328">
        <v>0</v>
      </c>
      <c r="DV22" s="332"/>
      <c r="DW22" s="327">
        <v>0</v>
      </c>
      <c r="DX22" s="327">
        <v>90644</v>
      </c>
      <c r="DY22" s="327">
        <v>1413800</v>
      </c>
      <c r="DZ22" s="327">
        <v>1329899</v>
      </c>
      <c r="EA22" s="327">
        <v>1009289</v>
      </c>
      <c r="EB22" s="330">
        <v>3843632</v>
      </c>
      <c r="EC22" s="331">
        <v>3843632</v>
      </c>
      <c r="ED22" s="326">
        <v>0</v>
      </c>
      <c r="EE22" s="327">
        <v>0</v>
      </c>
      <c r="EF22" s="328">
        <v>0</v>
      </c>
      <c r="EG22" s="332"/>
      <c r="EH22" s="327">
        <v>12338</v>
      </c>
      <c r="EI22" s="327">
        <v>48651</v>
      </c>
      <c r="EJ22" s="327">
        <v>61780</v>
      </c>
      <c r="EK22" s="327">
        <v>26403</v>
      </c>
      <c r="EL22" s="327">
        <v>18541</v>
      </c>
      <c r="EM22" s="330">
        <v>167713</v>
      </c>
      <c r="EN22" s="331">
        <v>167713</v>
      </c>
      <c r="EO22" s="326">
        <v>0</v>
      </c>
      <c r="EP22" s="327">
        <v>0</v>
      </c>
      <c r="EQ22" s="328">
        <v>0</v>
      </c>
      <c r="ER22" s="332"/>
      <c r="ES22" s="327">
        <v>0</v>
      </c>
      <c r="ET22" s="327">
        <v>0</v>
      </c>
      <c r="EU22" s="327">
        <v>0</v>
      </c>
      <c r="EV22" s="327">
        <v>0</v>
      </c>
      <c r="EW22" s="327">
        <v>0</v>
      </c>
      <c r="EX22" s="330">
        <v>0</v>
      </c>
      <c r="EY22" s="331">
        <v>0</v>
      </c>
      <c r="EZ22" s="326">
        <v>0</v>
      </c>
      <c r="FA22" s="327">
        <v>0</v>
      </c>
      <c r="FB22" s="328">
        <v>0</v>
      </c>
      <c r="FC22" s="332"/>
      <c r="FD22" s="327">
        <v>0</v>
      </c>
      <c r="FE22" s="327">
        <v>0</v>
      </c>
      <c r="FF22" s="327">
        <v>0</v>
      </c>
      <c r="FG22" s="327">
        <v>0</v>
      </c>
      <c r="FH22" s="327">
        <v>434</v>
      </c>
      <c r="FI22" s="330">
        <v>434</v>
      </c>
      <c r="FJ22" s="331">
        <v>434</v>
      </c>
      <c r="FK22" s="326">
        <v>0</v>
      </c>
      <c r="FL22" s="327">
        <v>0</v>
      </c>
      <c r="FM22" s="328">
        <v>0</v>
      </c>
      <c r="FN22" s="332"/>
      <c r="FO22" s="327">
        <v>0</v>
      </c>
      <c r="FP22" s="327">
        <v>0</v>
      </c>
      <c r="FQ22" s="327">
        <v>0</v>
      </c>
      <c r="FR22" s="327">
        <v>0</v>
      </c>
      <c r="FS22" s="327">
        <v>0</v>
      </c>
      <c r="FT22" s="330">
        <v>0</v>
      </c>
      <c r="FU22" s="331">
        <v>0</v>
      </c>
      <c r="FV22" s="326">
        <v>0</v>
      </c>
      <c r="FW22" s="327">
        <v>0</v>
      </c>
      <c r="FX22" s="328">
        <v>0</v>
      </c>
      <c r="FY22" s="329">
        <v>0</v>
      </c>
      <c r="FZ22" s="327">
        <v>52049</v>
      </c>
      <c r="GA22" s="327">
        <v>73074</v>
      </c>
      <c r="GB22" s="327">
        <v>143747</v>
      </c>
      <c r="GC22" s="327">
        <v>47996</v>
      </c>
      <c r="GD22" s="327">
        <v>83220</v>
      </c>
      <c r="GE22" s="330">
        <v>400086</v>
      </c>
      <c r="GF22" s="331">
        <v>400086</v>
      </c>
      <c r="GG22" s="326">
        <v>0</v>
      </c>
      <c r="GH22" s="327">
        <v>0</v>
      </c>
      <c r="GI22" s="328">
        <v>0</v>
      </c>
      <c r="GJ22" s="329">
        <v>0</v>
      </c>
      <c r="GK22" s="327">
        <v>3580</v>
      </c>
      <c r="GL22" s="327">
        <v>6802</v>
      </c>
      <c r="GM22" s="327">
        <v>0</v>
      </c>
      <c r="GN22" s="327">
        <v>5370</v>
      </c>
      <c r="GO22" s="327">
        <v>716</v>
      </c>
      <c r="GP22" s="330">
        <v>16468</v>
      </c>
      <c r="GQ22" s="331">
        <v>16468</v>
      </c>
      <c r="GR22" s="326">
        <v>0</v>
      </c>
      <c r="GS22" s="327">
        <v>0</v>
      </c>
      <c r="GT22" s="328">
        <v>0</v>
      </c>
      <c r="GU22" s="329">
        <v>0</v>
      </c>
      <c r="GV22" s="327">
        <v>0</v>
      </c>
      <c r="GW22" s="327">
        <v>0</v>
      </c>
      <c r="GX22" s="327">
        <v>0</v>
      </c>
      <c r="GY22" s="327">
        <v>0</v>
      </c>
      <c r="GZ22" s="327">
        <v>0</v>
      </c>
      <c r="HA22" s="330">
        <v>0</v>
      </c>
      <c r="HB22" s="331">
        <v>0</v>
      </c>
      <c r="HC22" s="326">
        <v>0</v>
      </c>
      <c r="HD22" s="327">
        <v>0</v>
      </c>
      <c r="HE22" s="328">
        <v>0</v>
      </c>
      <c r="HF22" s="332"/>
      <c r="HG22" s="327">
        <v>0</v>
      </c>
      <c r="HH22" s="327">
        <v>0</v>
      </c>
      <c r="HI22" s="327">
        <v>0</v>
      </c>
      <c r="HJ22" s="327">
        <v>0</v>
      </c>
      <c r="HK22" s="327">
        <v>0</v>
      </c>
      <c r="HL22" s="330">
        <v>0</v>
      </c>
      <c r="HM22" s="331">
        <v>0</v>
      </c>
      <c r="HN22" s="326">
        <v>0</v>
      </c>
      <c r="HO22" s="327">
        <v>0</v>
      </c>
      <c r="HP22" s="328">
        <v>0</v>
      </c>
      <c r="HQ22" s="329">
        <v>0</v>
      </c>
      <c r="HR22" s="327">
        <v>188367</v>
      </c>
      <c r="HS22" s="327">
        <v>606476</v>
      </c>
      <c r="HT22" s="327">
        <v>3291097</v>
      </c>
      <c r="HU22" s="327">
        <v>2674825</v>
      </c>
      <c r="HV22" s="327">
        <v>2157270</v>
      </c>
      <c r="HW22" s="330">
        <v>8918035</v>
      </c>
      <c r="HX22" s="331">
        <v>8918035</v>
      </c>
    </row>
    <row r="23" spans="1:232" ht="16.5" customHeight="1" x14ac:dyDescent="0.2">
      <c r="A23" s="324" t="s">
        <v>20</v>
      </c>
      <c r="B23" s="326">
        <v>0</v>
      </c>
      <c r="C23" s="327">
        <v>11060</v>
      </c>
      <c r="D23" s="328">
        <v>11060</v>
      </c>
      <c r="E23" s="329">
        <v>0</v>
      </c>
      <c r="F23" s="327">
        <v>208365</v>
      </c>
      <c r="G23" s="327">
        <v>389995</v>
      </c>
      <c r="H23" s="327">
        <v>1398451</v>
      </c>
      <c r="I23" s="327">
        <v>1730815</v>
      </c>
      <c r="J23" s="327">
        <v>724480</v>
      </c>
      <c r="K23" s="330">
        <v>4452106</v>
      </c>
      <c r="L23" s="331">
        <v>4463166</v>
      </c>
      <c r="M23" s="326">
        <v>0</v>
      </c>
      <c r="N23" s="327">
        <v>0</v>
      </c>
      <c r="O23" s="328">
        <v>0</v>
      </c>
      <c r="P23" s="332"/>
      <c r="Q23" s="327">
        <v>54560</v>
      </c>
      <c r="R23" s="327">
        <v>158915</v>
      </c>
      <c r="S23" s="327">
        <v>1072761</v>
      </c>
      <c r="T23" s="327">
        <v>1385760</v>
      </c>
      <c r="U23" s="327">
        <v>543600</v>
      </c>
      <c r="V23" s="330">
        <v>3215596</v>
      </c>
      <c r="W23" s="331">
        <v>3215596</v>
      </c>
      <c r="X23" s="326">
        <v>0</v>
      </c>
      <c r="Y23" s="327">
        <v>0</v>
      </c>
      <c r="Z23" s="328">
        <v>0</v>
      </c>
      <c r="AA23" s="332"/>
      <c r="AB23" s="327">
        <v>100595</v>
      </c>
      <c r="AC23" s="327">
        <v>136460</v>
      </c>
      <c r="AD23" s="327">
        <v>235255</v>
      </c>
      <c r="AE23" s="327">
        <v>238165</v>
      </c>
      <c r="AF23" s="327">
        <v>79205</v>
      </c>
      <c r="AG23" s="330">
        <v>789680</v>
      </c>
      <c r="AH23" s="331">
        <v>789680</v>
      </c>
      <c r="AI23" s="326">
        <v>0</v>
      </c>
      <c r="AJ23" s="327">
        <v>0</v>
      </c>
      <c r="AK23" s="328">
        <v>0</v>
      </c>
      <c r="AL23" s="332"/>
      <c r="AM23" s="327">
        <v>0</v>
      </c>
      <c r="AN23" s="327">
        <v>0</v>
      </c>
      <c r="AO23" s="327">
        <v>0</v>
      </c>
      <c r="AP23" s="327">
        <v>0</v>
      </c>
      <c r="AQ23" s="327">
        <v>0</v>
      </c>
      <c r="AR23" s="330">
        <v>0</v>
      </c>
      <c r="AS23" s="331">
        <v>0</v>
      </c>
      <c r="AT23" s="326">
        <v>0</v>
      </c>
      <c r="AU23" s="327">
        <v>0</v>
      </c>
      <c r="AV23" s="328">
        <v>0</v>
      </c>
      <c r="AW23" s="332"/>
      <c r="AX23" s="327">
        <v>0</v>
      </c>
      <c r="AY23" s="327">
        <v>0</v>
      </c>
      <c r="AZ23" s="327">
        <v>2465</v>
      </c>
      <c r="BA23" s="327">
        <v>0</v>
      </c>
      <c r="BB23" s="327">
        <v>14560</v>
      </c>
      <c r="BC23" s="330">
        <v>17025</v>
      </c>
      <c r="BD23" s="331">
        <v>17025</v>
      </c>
      <c r="BE23" s="326">
        <v>0</v>
      </c>
      <c r="BF23" s="327">
        <v>0</v>
      </c>
      <c r="BG23" s="328">
        <v>0</v>
      </c>
      <c r="BH23" s="332"/>
      <c r="BI23" s="327">
        <v>0</v>
      </c>
      <c r="BJ23" s="327">
        <v>0</v>
      </c>
      <c r="BK23" s="327">
        <v>0</v>
      </c>
      <c r="BL23" s="327">
        <v>0</v>
      </c>
      <c r="BM23" s="327">
        <v>0</v>
      </c>
      <c r="BN23" s="330">
        <v>0</v>
      </c>
      <c r="BO23" s="331">
        <v>0</v>
      </c>
      <c r="BP23" s="326">
        <v>0</v>
      </c>
      <c r="BQ23" s="327">
        <v>0</v>
      </c>
      <c r="BR23" s="328">
        <v>0</v>
      </c>
      <c r="BS23" s="329">
        <v>0</v>
      </c>
      <c r="BT23" s="327">
        <v>53210</v>
      </c>
      <c r="BU23" s="327">
        <v>94185</v>
      </c>
      <c r="BV23" s="327">
        <v>83040</v>
      </c>
      <c r="BW23" s="327">
        <v>104165</v>
      </c>
      <c r="BX23" s="327">
        <v>87115</v>
      </c>
      <c r="BY23" s="330">
        <v>421715</v>
      </c>
      <c r="BZ23" s="331">
        <v>421715</v>
      </c>
      <c r="CA23" s="326">
        <v>0</v>
      </c>
      <c r="CB23" s="327">
        <v>11060</v>
      </c>
      <c r="CC23" s="328">
        <v>11060</v>
      </c>
      <c r="CD23" s="329">
        <v>0</v>
      </c>
      <c r="CE23" s="327">
        <v>0</v>
      </c>
      <c r="CF23" s="327">
        <v>435</v>
      </c>
      <c r="CG23" s="327">
        <v>4930</v>
      </c>
      <c r="CH23" s="327">
        <v>2725</v>
      </c>
      <c r="CI23" s="327">
        <v>0</v>
      </c>
      <c r="CJ23" s="330">
        <v>8090</v>
      </c>
      <c r="CK23" s="331">
        <v>19150</v>
      </c>
      <c r="CL23" s="326">
        <v>0</v>
      </c>
      <c r="CM23" s="327">
        <v>0</v>
      </c>
      <c r="CN23" s="328">
        <v>0</v>
      </c>
      <c r="CO23" s="329">
        <v>0</v>
      </c>
      <c r="CP23" s="327">
        <v>0</v>
      </c>
      <c r="CQ23" s="327">
        <v>0</v>
      </c>
      <c r="CR23" s="327">
        <v>0</v>
      </c>
      <c r="CS23" s="327">
        <v>0</v>
      </c>
      <c r="CT23" s="327">
        <v>0</v>
      </c>
      <c r="CU23" s="330">
        <v>0</v>
      </c>
      <c r="CV23" s="331">
        <v>0</v>
      </c>
      <c r="CW23" s="326">
        <v>0</v>
      </c>
      <c r="CX23" s="327">
        <v>0</v>
      </c>
      <c r="CY23" s="328">
        <v>0</v>
      </c>
      <c r="CZ23" s="332"/>
      <c r="DA23" s="327">
        <v>0</v>
      </c>
      <c r="DB23" s="327">
        <v>0</v>
      </c>
      <c r="DC23" s="327">
        <v>0</v>
      </c>
      <c r="DD23" s="327">
        <v>0</v>
      </c>
      <c r="DE23" s="327">
        <v>0</v>
      </c>
      <c r="DF23" s="330">
        <v>0</v>
      </c>
      <c r="DG23" s="331">
        <v>0</v>
      </c>
      <c r="DH23" s="326">
        <v>0</v>
      </c>
      <c r="DI23" s="327">
        <v>3770</v>
      </c>
      <c r="DJ23" s="328">
        <v>3770</v>
      </c>
      <c r="DK23" s="329">
        <v>0</v>
      </c>
      <c r="DL23" s="327">
        <v>175962</v>
      </c>
      <c r="DM23" s="327">
        <v>524608</v>
      </c>
      <c r="DN23" s="327">
        <v>1892940</v>
      </c>
      <c r="DO23" s="327">
        <v>2225115</v>
      </c>
      <c r="DP23" s="327">
        <v>1061510</v>
      </c>
      <c r="DQ23" s="330">
        <v>5880135</v>
      </c>
      <c r="DR23" s="333">
        <v>5883905</v>
      </c>
      <c r="DS23" s="326">
        <v>0</v>
      </c>
      <c r="DT23" s="327">
        <v>0</v>
      </c>
      <c r="DU23" s="328">
        <v>0</v>
      </c>
      <c r="DV23" s="332"/>
      <c r="DW23" s="327">
        <v>77717</v>
      </c>
      <c r="DX23" s="327">
        <v>322423</v>
      </c>
      <c r="DY23" s="327">
        <v>1615039</v>
      </c>
      <c r="DZ23" s="327">
        <v>2016040</v>
      </c>
      <c r="EA23" s="327">
        <v>890629</v>
      </c>
      <c r="EB23" s="330">
        <v>4921848</v>
      </c>
      <c r="EC23" s="331">
        <v>4921848</v>
      </c>
      <c r="ED23" s="326">
        <v>0</v>
      </c>
      <c r="EE23" s="327">
        <v>0</v>
      </c>
      <c r="EF23" s="328">
        <v>0</v>
      </c>
      <c r="EG23" s="332"/>
      <c r="EH23" s="327">
        <v>1519</v>
      </c>
      <c r="EI23" s="327">
        <v>13843</v>
      </c>
      <c r="EJ23" s="327">
        <v>36809</v>
      </c>
      <c r="EK23" s="327">
        <v>23148</v>
      </c>
      <c r="EL23" s="327">
        <v>1085</v>
      </c>
      <c r="EM23" s="330">
        <v>76404</v>
      </c>
      <c r="EN23" s="331">
        <v>76404</v>
      </c>
      <c r="EO23" s="326">
        <v>0</v>
      </c>
      <c r="EP23" s="327">
        <v>0</v>
      </c>
      <c r="EQ23" s="328">
        <v>0</v>
      </c>
      <c r="ER23" s="332"/>
      <c r="ES23" s="327">
        <v>0</v>
      </c>
      <c r="ET23" s="327">
        <v>0</v>
      </c>
      <c r="EU23" s="327">
        <v>0</v>
      </c>
      <c r="EV23" s="327">
        <v>0</v>
      </c>
      <c r="EW23" s="327">
        <v>0</v>
      </c>
      <c r="EX23" s="330">
        <v>0</v>
      </c>
      <c r="EY23" s="331">
        <v>0</v>
      </c>
      <c r="EZ23" s="326">
        <v>0</v>
      </c>
      <c r="FA23" s="327">
        <v>0</v>
      </c>
      <c r="FB23" s="328">
        <v>0</v>
      </c>
      <c r="FC23" s="332"/>
      <c r="FD23" s="327">
        <v>0</v>
      </c>
      <c r="FE23" s="327">
        <v>0</v>
      </c>
      <c r="FF23" s="327">
        <v>217</v>
      </c>
      <c r="FG23" s="327">
        <v>0</v>
      </c>
      <c r="FH23" s="327">
        <v>329</v>
      </c>
      <c r="FI23" s="330">
        <v>546</v>
      </c>
      <c r="FJ23" s="331">
        <v>546</v>
      </c>
      <c r="FK23" s="326">
        <v>0</v>
      </c>
      <c r="FL23" s="327">
        <v>0</v>
      </c>
      <c r="FM23" s="328">
        <v>0</v>
      </c>
      <c r="FN23" s="332"/>
      <c r="FO23" s="327">
        <v>0</v>
      </c>
      <c r="FP23" s="327">
        <v>0</v>
      </c>
      <c r="FQ23" s="327">
        <v>0</v>
      </c>
      <c r="FR23" s="327">
        <v>0</v>
      </c>
      <c r="FS23" s="327">
        <v>0</v>
      </c>
      <c r="FT23" s="330">
        <v>0</v>
      </c>
      <c r="FU23" s="331">
        <v>0</v>
      </c>
      <c r="FV23" s="326">
        <v>0</v>
      </c>
      <c r="FW23" s="327">
        <v>0</v>
      </c>
      <c r="FX23" s="328">
        <v>0</v>
      </c>
      <c r="FY23" s="329">
        <v>0</v>
      </c>
      <c r="FZ23" s="327">
        <v>96726</v>
      </c>
      <c r="GA23" s="327">
        <v>186910</v>
      </c>
      <c r="GB23" s="327">
        <v>237099</v>
      </c>
      <c r="GC23" s="327">
        <v>183421</v>
      </c>
      <c r="GD23" s="327">
        <v>169467</v>
      </c>
      <c r="GE23" s="330">
        <v>873623</v>
      </c>
      <c r="GF23" s="331">
        <v>873623</v>
      </c>
      <c r="GG23" s="326">
        <v>0</v>
      </c>
      <c r="GH23" s="327">
        <v>3770</v>
      </c>
      <c r="GI23" s="328">
        <v>3770</v>
      </c>
      <c r="GJ23" s="329">
        <v>0</v>
      </c>
      <c r="GK23" s="327">
        <v>0</v>
      </c>
      <c r="GL23" s="327">
        <v>1432</v>
      </c>
      <c r="GM23" s="327">
        <v>3776</v>
      </c>
      <c r="GN23" s="327">
        <v>2506</v>
      </c>
      <c r="GO23" s="327">
        <v>0</v>
      </c>
      <c r="GP23" s="330">
        <v>7714</v>
      </c>
      <c r="GQ23" s="331">
        <v>11484</v>
      </c>
      <c r="GR23" s="326">
        <v>0</v>
      </c>
      <c r="GS23" s="327">
        <v>0</v>
      </c>
      <c r="GT23" s="328">
        <v>0</v>
      </c>
      <c r="GU23" s="329">
        <v>0</v>
      </c>
      <c r="GV23" s="327">
        <v>0</v>
      </c>
      <c r="GW23" s="327">
        <v>0</v>
      </c>
      <c r="GX23" s="327">
        <v>0</v>
      </c>
      <c r="GY23" s="327">
        <v>0</v>
      </c>
      <c r="GZ23" s="327">
        <v>0</v>
      </c>
      <c r="HA23" s="330">
        <v>0</v>
      </c>
      <c r="HB23" s="331">
        <v>0</v>
      </c>
      <c r="HC23" s="326">
        <v>0</v>
      </c>
      <c r="HD23" s="327">
        <v>0</v>
      </c>
      <c r="HE23" s="328">
        <v>0</v>
      </c>
      <c r="HF23" s="332"/>
      <c r="HG23" s="327">
        <v>0</v>
      </c>
      <c r="HH23" s="327">
        <v>0</v>
      </c>
      <c r="HI23" s="327">
        <v>0</v>
      </c>
      <c r="HJ23" s="327">
        <v>0</v>
      </c>
      <c r="HK23" s="327">
        <v>0</v>
      </c>
      <c r="HL23" s="330">
        <v>0</v>
      </c>
      <c r="HM23" s="331">
        <v>0</v>
      </c>
      <c r="HN23" s="326">
        <v>0</v>
      </c>
      <c r="HO23" s="327">
        <v>14830</v>
      </c>
      <c r="HP23" s="328">
        <v>14830</v>
      </c>
      <c r="HQ23" s="329">
        <v>0</v>
      </c>
      <c r="HR23" s="327">
        <v>384327</v>
      </c>
      <c r="HS23" s="327">
        <v>914603</v>
      </c>
      <c r="HT23" s="327">
        <v>3291391</v>
      </c>
      <c r="HU23" s="327">
        <v>3955930</v>
      </c>
      <c r="HV23" s="327">
        <v>1785990</v>
      </c>
      <c r="HW23" s="330">
        <v>10332241</v>
      </c>
      <c r="HX23" s="331">
        <v>10347071</v>
      </c>
    </row>
    <row r="24" spans="1:232" ht="16.5" customHeight="1" x14ac:dyDescent="0.2">
      <c r="A24" s="324" t="s">
        <v>21</v>
      </c>
      <c r="B24" s="326">
        <v>0</v>
      </c>
      <c r="C24" s="327">
        <v>0</v>
      </c>
      <c r="D24" s="328">
        <v>0</v>
      </c>
      <c r="E24" s="329">
        <v>0</v>
      </c>
      <c r="F24" s="327">
        <v>190464</v>
      </c>
      <c r="G24" s="327">
        <v>462760</v>
      </c>
      <c r="H24" s="327">
        <v>1890803</v>
      </c>
      <c r="I24" s="327">
        <v>1863839</v>
      </c>
      <c r="J24" s="327">
        <v>1275058</v>
      </c>
      <c r="K24" s="330">
        <v>5682924</v>
      </c>
      <c r="L24" s="331">
        <v>5682924</v>
      </c>
      <c r="M24" s="326">
        <v>0</v>
      </c>
      <c r="N24" s="327">
        <v>0</v>
      </c>
      <c r="O24" s="328">
        <v>0</v>
      </c>
      <c r="P24" s="332"/>
      <c r="Q24" s="327">
        <v>2635</v>
      </c>
      <c r="R24" s="327">
        <v>223510</v>
      </c>
      <c r="S24" s="327">
        <v>1464978</v>
      </c>
      <c r="T24" s="327">
        <v>1471614</v>
      </c>
      <c r="U24" s="327">
        <v>950243</v>
      </c>
      <c r="V24" s="330">
        <v>4112980</v>
      </c>
      <c r="W24" s="331">
        <v>4112980</v>
      </c>
      <c r="X24" s="326">
        <v>0</v>
      </c>
      <c r="Y24" s="327">
        <v>0</v>
      </c>
      <c r="Z24" s="328">
        <v>0</v>
      </c>
      <c r="AA24" s="332"/>
      <c r="AB24" s="327">
        <v>167080</v>
      </c>
      <c r="AC24" s="327">
        <v>199875</v>
      </c>
      <c r="AD24" s="327">
        <v>218510</v>
      </c>
      <c r="AE24" s="327">
        <v>182180</v>
      </c>
      <c r="AF24" s="327">
        <v>167945</v>
      </c>
      <c r="AG24" s="330">
        <v>935590</v>
      </c>
      <c r="AH24" s="331">
        <v>935590</v>
      </c>
      <c r="AI24" s="326">
        <v>0</v>
      </c>
      <c r="AJ24" s="327">
        <v>0</v>
      </c>
      <c r="AK24" s="328">
        <v>0</v>
      </c>
      <c r="AL24" s="332"/>
      <c r="AM24" s="327">
        <v>0</v>
      </c>
      <c r="AN24" s="327">
        <v>0</v>
      </c>
      <c r="AO24" s="327">
        <v>2635</v>
      </c>
      <c r="AP24" s="327">
        <v>0</v>
      </c>
      <c r="AQ24" s="327">
        <v>35340</v>
      </c>
      <c r="AR24" s="330">
        <v>37975</v>
      </c>
      <c r="AS24" s="331">
        <v>37975</v>
      </c>
      <c r="AT24" s="326">
        <v>0</v>
      </c>
      <c r="AU24" s="327">
        <v>0</v>
      </c>
      <c r="AV24" s="328">
        <v>0</v>
      </c>
      <c r="AW24" s="332"/>
      <c r="AX24" s="327">
        <v>0</v>
      </c>
      <c r="AY24" s="327">
        <v>0</v>
      </c>
      <c r="AZ24" s="327">
        <v>35495</v>
      </c>
      <c r="BA24" s="327">
        <v>29915</v>
      </c>
      <c r="BB24" s="327">
        <v>80960</v>
      </c>
      <c r="BC24" s="330">
        <v>146370</v>
      </c>
      <c r="BD24" s="331">
        <v>146370</v>
      </c>
      <c r="BE24" s="326">
        <v>0</v>
      </c>
      <c r="BF24" s="327">
        <v>0</v>
      </c>
      <c r="BG24" s="328">
        <v>0</v>
      </c>
      <c r="BH24" s="332"/>
      <c r="BI24" s="327">
        <v>0</v>
      </c>
      <c r="BJ24" s="327">
        <v>0</v>
      </c>
      <c r="BK24" s="327">
        <v>0</v>
      </c>
      <c r="BL24" s="327">
        <v>0</v>
      </c>
      <c r="BM24" s="327">
        <v>0</v>
      </c>
      <c r="BN24" s="330">
        <v>0</v>
      </c>
      <c r="BO24" s="331">
        <v>0</v>
      </c>
      <c r="BP24" s="326">
        <v>0</v>
      </c>
      <c r="BQ24" s="327">
        <v>0</v>
      </c>
      <c r="BR24" s="328">
        <v>0</v>
      </c>
      <c r="BS24" s="329">
        <v>0</v>
      </c>
      <c r="BT24" s="327">
        <v>20749</v>
      </c>
      <c r="BU24" s="327">
        <v>39375</v>
      </c>
      <c r="BV24" s="327">
        <v>166460</v>
      </c>
      <c r="BW24" s="327">
        <v>180130</v>
      </c>
      <c r="BX24" s="327">
        <v>40570</v>
      </c>
      <c r="BY24" s="330">
        <v>447284</v>
      </c>
      <c r="BZ24" s="331">
        <v>447284</v>
      </c>
      <c r="CA24" s="326">
        <v>0</v>
      </c>
      <c r="CB24" s="327">
        <v>0</v>
      </c>
      <c r="CC24" s="328">
        <v>0</v>
      </c>
      <c r="CD24" s="329">
        <v>0</v>
      </c>
      <c r="CE24" s="327">
        <v>0</v>
      </c>
      <c r="CF24" s="327">
        <v>0</v>
      </c>
      <c r="CG24" s="327">
        <v>2725</v>
      </c>
      <c r="CH24" s="327">
        <v>0</v>
      </c>
      <c r="CI24" s="327">
        <v>0</v>
      </c>
      <c r="CJ24" s="330">
        <v>2725</v>
      </c>
      <c r="CK24" s="331">
        <v>2725</v>
      </c>
      <c r="CL24" s="326">
        <v>0</v>
      </c>
      <c r="CM24" s="327">
        <v>0</v>
      </c>
      <c r="CN24" s="328">
        <v>0</v>
      </c>
      <c r="CO24" s="329">
        <v>0</v>
      </c>
      <c r="CP24" s="327">
        <v>0</v>
      </c>
      <c r="CQ24" s="327">
        <v>0</v>
      </c>
      <c r="CR24" s="327">
        <v>0</v>
      </c>
      <c r="CS24" s="327">
        <v>0</v>
      </c>
      <c r="CT24" s="327">
        <v>0</v>
      </c>
      <c r="CU24" s="330">
        <v>0</v>
      </c>
      <c r="CV24" s="331">
        <v>0</v>
      </c>
      <c r="CW24" s="326">
        <v>0</v>
      </c>
      <c r="CX24" s="327">
        <v>0</v>
      </c>
      <c r="CY24" s="328">
        <v>0</v>
      </c>
      <c r="CZ24" s="332"/>
      <c r="DA24" s="327">
        <v>0</v>
      </c>
      <c r="DB24" s="327">
        <v>0</v>
      </c>
      <c r="DC24" s="327">
        <v>0</v>
      </c>
      <c r="DD24" s="327">
        <v>0</v>
      </c>
      <c r="DE24" s="327">
        <v>0</v>
      </c>
      <c r="DF24" s="330">
        <v>0</v>
      </c>
      <c r="DG24" s="331">
        <v>0</v>
      </c>
      <c r="DH24" s="326">
        <v>0</v>
      </c>
      <c r="DI24" s="327">
        <v>0</v>
      </c>
      <c r="DJ24" s="328">
        <v>0</v>
      </c>
      <c r="DK24" s="329">
        <v>0</v>
      </c>
      <c r="DL24" s="327">
        <v>53213</v>
      </c>
      <c r="DM24" s="327">
        <v>403036</v>
      </c>
      <c r="DN24" s="327">
        <v>2144795</v>
      </c>
      <c r="DO24" s="327">
        <v>2298823</v>
      </c>
      <c r="DP24" s="327">
        <v>1358494</v>
      </c>
      <c r="DQ24" s="330">
        <v>6258361</v>
      </c>
      <c r="DR24" s="333">
        <v>6258361</v>
      </c>
      <c r="DS24" s="326">
        <v>0</v>
      </c>
      <c r="DT24" s="327">
        <v>0</v>
      </c>
      <c r="DU24" s="328">
        <v>0</v>
      </c>
      <c r="DV24" s="332"/>
      <c r="DW24" s="327">
        <v>15035</v>
      </c>
      <c r="DX24" s="327">
        <v>264347</v>
      </c>
      <c r="DY24" s="327">
        <v>1777386</v>
      </c>
      <c r="DZ24" s="327">
        <v>2042991</v>
      </c>
      <c r="EA24" s="327">
        <v>1262015</v>
      </c>
      <c r="EB24" s="330">
        <v>5361774</v>
      </c>
      <c r="EC24" s="331">
        <v>5361774</v>
      </c>
      <c r="ED24" s="326">
        <v>0</v>
      </c>
      <c r="EE24" s="327">
        <v>0</v>
      </c>
      <c r="EF24" s="328">
        <v>0</v>
      </c>
      <c r="EG24" s="332"/>
      <c r="EH24" s="327">
        <v>13962</v>
      </c>
      <c r="EI24" s="327">
        <v>36788</v>
      </c>
      <c r="EJ24" s="327">
        <v>55652</v>
      </c>
      <c r="EK24" s="327">
        <v>5608</v>
      </c>
      <c r="EL24" s="327">
        <v>24087</v>
      </c>
      <c r="EM24" s="330">
        <v>136097</v>
      </c>
      <c r="EN24" s="331">
        <v>136097</v>
      </c>
      <c r="EO24" s="326">
        <v>0</v>
      </c>
      <c r="EP24" s="327">
        <v>0</v>
      </c>
      <c r="EQ24" s="328">
        <v>0</v>
      </c>
      <c r="ER24" s="332"/>
      <c r="ES24" s="327">
        <v>0</v>
      </c>
      <c r="ET24" s="327">
        <v>0</v>
      </c>
      <c r="EU24" s="327">
        <v>217</v>
      </c>
      <c r="EV24" s="327">
        <v>0</v>
      </c>
      <c r="EW24" s="327">
        <v>0</v>
      </c>
      <c r="EX24" s="330">
        <v>217</v>
      </c>
      <c r="EY24" s="331">
        <v>217</v>
      </c>
      <c r="EZ24" s="326">
        <v>0</v>
      </c>
      <c r="FA24" s="327">
        <v>0</v>
      </c>
      <c r="FB24" s="328">
        <v>0</v>
      </c>
      <c r="FC24" s="332"/>
      <c r="FD24" s="327">
        <v>0</v>
      </c>
      <c r="FE24" s="327">
        <v>0</v>
      </c>
      <c r="FF24" s="327">
        <v>11687</v>
      </c>
      <c r="FG24" s="327">
        <v>651</v>
      </c>
      <c r="FH24" s="327">
        <v>1288</v>
      </c>
      <c r="FI24" s="330">
        <v>13626</v>
      </c>
      <c r="FJ24" s="331">
        <v>13626</v>
      </c>
      <c r="FK24" s="326">
        <v>0</v>
      </c>
      <c r="FL24" s="327">
        <v>0</v>
      </c>
      <c r="FM24" s="328">
        <v>0</v>
      </c>
      <c r="FN24" s="332"/>
      <c r="FO24" s="327">
        <v>0</v>
      </c>
      <c r="FP24" s="327">
        <v>0</v>
      </c>
      <c r="FQ24" s="327">
        <v>0</v>
      </c>
      <c r="FR24" s="327">
        <v>0</v>
      </c>
      <c r="FS24" s="327">
        <v>0</v>
      </c>
      <c r="FT24" s="330">
        <v>0</v>
      </c>
      <c r="FU24" s="331">
        <v>0</v>
      </c>
      <c r="FV24" s="326">
        <v>0</v>
      </c>
      <c r="FW24" s="327">
        <v>0</v>
      </c>
      <c r="FX24" s="328">
        <v>0</v>
      </c>
      <c r="FY24" s="329">
        <v>0</v>
      </c>
      <c r="FZ24" s="327">
        <v>24216</v>
      </c>
      <c r="GA24" s="327">
        <v>101901</v>
      </c>
      <c r="GB24" s="327">
        <v>297684</v>
      </c>
      <c r="GC24" s="327">
        <v>249573</v>
      </c>
      <c r="GD24" s="327">
        <v>71104</v>
      </c>
      <c r="GE24" s="330">
        <v>744478</v>
      </c>
      <c r="GF24" s="331">
        <v>744478</v>
      </c>
      <c r="GG24" s="326">
        <v>0</v>
      </c>
      <c r="GH24" s="327">
        <v>0</v>
      </c>
      <c r="GI24" s="328">
        <v>0</v>
      </c>
      <c r="GJ24" s="329">
        <v>0</v>
      </c>
      <c r="GK24" s="327">
        <v>0</v>
      </c>
      <c r="GL24" s="327">
        <v>0</v>
      </c>
      <c r="GM24" s="327">
        <v>2169</v>
      </c>
      <c r="GN24" s="327">
        <v>0</v>
      </c>
      <c r="GO24" s="327">
        <v>0</v>
      </c>
      <c r="GP24" s="330">
        <v>2169</v>
      </c>
      <c r="GQ24" s="331">
        <v>2169</v>
      </c>
      <c r="GR24" s="326">
        <v>0</v>
      </c>
      <c r="GS24" s="327">
        <v>0</v>
      </c>
      <c r="GT24" s="328">
        <v>0</v>
      </c>
      <c r="GU24" s="329">
        <v>0</v>
      </c>
      <c r="GV24" s="327">
        <v>0</v>
      </c>
      <c r="GW24" s="327">
        <v>0</v>
      </c>
      <c r="GX24" s="327">
        <v>0</v>
      </c>
      <c r="GY24" s="327">
        <v>0</v>
      </c>
      <c r="GZ24" s="327">
        <v>0</v>
      </c>
      <c r="HA24" s="330">
        <v>0</v>
      </c>
      <c r="HB24" s="331">
        <v>0</v>
      </c>
      <c r="HC24" s="326">
        <v>0</v>
      </c>
      <c r="HD24" s="327">
        <v>0</v>
      </c>
      <c r="HE24" s="328">
        <v>0</v>
      </c>
      <c r="HF24" s="332"/>
      <c r="HG24" s="327">
        <v>0</v>
      </c>
      <c r="HH24" s="327">
        <v>0</v>
      </c>
      <c r="HI24" s="327">
        <v>0</v>
      </c>
      <c r="HJ24" s="327">
        <v>0</v>
      </c>
      <c r="HK24" s="327">
        <v>0</v>
      </c>
      <c r="HL24" s="330">
        <v>0</v>
      </c>
      <c r="HM24" s="331">
        <v>0</v>
      </c>
      <c r="HN24" s="326">
        <v>0</v>
      </c>
      <c r="HO24" s="327">
        <v>0</v>
      </c>
      <c r="HP24" s="328">
        <v>0</v>
      </c>
      <c r="HQ24" s="329">
        <v>0</v>
      </c>
      <c r="HR24" s="327">
        <v>243677</v>
      </c>
      <c r="HS24" s="327">
        <v>865796</v>
      </c>
      <c r="HT24" s="327">
        <v>4035598</v>
      </c>
      <c r="HU24" s="327">
        <v>4162662</v>
      </c>
      <c r="HV24" s="327">
        <v>2633552</v>
      </c>
      <c r="HW24" s="330">
        <v>11941285</v>
      </c>
      <c r="HX24" s="331">
        <v>11941285</v>
      </c>
    </row>
    <row r="25" spans="1:232" ht="16.5" customHeight="1" x14ac:dyDescent="0.2">
      <c r="A25" s="324" t="s">
        <v>22</v>
      </c>
      <c r="B25" s="326">
        <v>0</v>
      </c>
      <c r="C25" s="327">
        <v>0</v>
      </c>
      <c r="D25" s="328">
        <v>0</v>
      </c>
      <c r="E25" s="329">
        <v>0</v>
      </c>
      <c r="F25" s="327">
        <v>92910</v>
      </c>
      <c r="G25" s="327">
        <v>347055</v>
      </c>
      <c r="H25" s="327">
        <v>792660</v>
      </c>
      <c r="I25" s="327">
        <v>981520</v>
      </c>
      <c r="J25" s="327">
        <v>694780</v>
      </c>
      <c r="K25" s="330">
        <v>2908925</v>
      </c>
      <c r="L25" s="331">
        <v>2908925</v>
      </c>
      <c r="M25" s="326">
        <v>0</v>
      </c>
      <c r="N25" s="327">
        <v>0</v>
      </c>
      <c r="O25" s="328">
        <v>0</v>
      </c>
      <c r="P25" s="332"/>
      <c r="Q25" s="327">
        <v>0</v>
      </c>
      <c r="R25" s="327">
        <v>62620</v>
      </c>
      <c r="S25" s="327">
        <v>550715</v>
      </c>
      <c r="T25" s="327">
        <v>614290</v>
      </c>
      <c r="U25" s="327">
        <v>303980</v>
      </c>
      <c r="V25" s="330">
        <v>1531605</v>
      </c>
      <c r="W25" s="331">
        <v>1531605</v>
      </c>
      <c r="X25" s="326">
        <v>0</v>
      </c>
      <c r="Y25" s="327">
        <v>0</v>
      </c>
      <c r="Z25" s="328">
        <v>0</v>
      </c>
      <c r="AA25" s="332"/>
      <c r="AB25" s="327">
        <v>86470</v>
      </c>
      <c r="AC25" s="327">
        <v>258850</v>
      </c>
      <c r="AD25" s="327">
        <v>105865</v>
      </c>
      <c r="AE25" s="327">
        <v>237460</v>
      </c>
      <c r="AF25" s="327">
        <v>313695</v>
      </c>
      <c r="AG25" s="330">
        <v>1002340</v>
      </c>
      <c r="AH25" s="331">
        <v>1002340</v>
      </c>
      <c r="AI25" s="326">
        <v>0</v>
      </c>
      <c r="AJ25" s="327">
        <v>0</v>
      </c>
      <c r="AK25" s="328">
        <v>0</v>
      </c>
      <c r="AL25" s="332"/>
      <c r="AM25" s="327">
        <v>0</v>
      </c>
      <c r="AN25" s="327">
        <v>0</v>
      </c>
      <c r="AO25" s="327">
        <v>0</v>
      </c>
      <c r="AP25" s="327">
        <v>0</v>
      </c>
      <c r="AQ25" s="327">
        <v>29915</v>
      </c>
      <c r="AR25" s="330">
        <v>29915</v>
      </c>
      <c r="AS25" s="331">
        <v>29915</v>
      </c>
      <c r="AT25" s="326">
        <v>0</v>
      </c>
      <c r="AU25" s="327">
        <v>0</v>
      </c>
      <c r="AV25" s="328">
        <v>0</v>
      </c>
      <c r="AW25" s="332"/>
      <c r="AX25" s="327">
        <v>0</v>
      </c>
      <c r="AY25" s="327">
        <v>0</v>
      </c>
      <c r="AZ25" s="327">
        <v>35495</v>
      </c>
      <c r="BA25" s="327">
        <v>2635</v>
      </c>
      <c r="BB25" s="327">
        <v>24645</v>
      </c>
      <c r="BC25" s="330">
        <v>62775</v>
      </c>
      <c r="BD25" s="331">
        <v>62775</v>
      </c>
      <c r="BE25" s="326">
        <v>0</v>
      </c>
      <c r="BF25" s="327">
        <v>0</v>
      </c>
      <c r="BG25" s="328">
        <v>0</v>
      </c>
      <c r="BH25" s="332"/>
      <c r="BI25" s="327">
        <v>0</v>
      </c>
      <c r="BJ25" s="327">
        <v>0</v>
      </c>
      <c r="BK25" s="327">
        <v>32705</v>
      </c>
      <c r="BL25" s="327">
        <v>125240</v>
      </c>
      <c r="BM25" s="327">
        <v>7735</v>
      </c>
      <c r="BN25" s="330">
        <v>165680</v>
      </c>
      <c r="BO25" s="331">
        <v>165680</v>
      </c>
      <c r="BP25" s="326">
        <v>0</v>
      </c>
      <c r="BQ25" s="327">
        <v>0</v>
      </c>
      <c r="BR25" s="328">
        <v>0</v>
      </c>
      <c r="BS25" s="329">
        <v>0</v>
      </c>
      <c r="BT25" s="327">
        <v>6440</v>
      </c>
      <c r="BU25" s="327">
        <v>25585</v>
      </c>
      <c r="BV25" s="327">
        <v>67880</v>
      </c>
      <c r="BW25" s="327">
        <v>1895</v>
      </c>
      <c r="BX25" s="327">
        <v>9470</v>
      </c>
      <c r="BY25" s="330">
        <v>111270</v>
      </c>
      <c r="BZ25" s="331">
        <v>111270</v>
      </c>
      <c r="CA25" s="326">
        <v>0</v>
      </c>
      <c r="CB25" s="327">
        <v>0</v>
      </c>
      <c r="CC25" s="328">
        <v>0</v>
      </c>
      <c r="CD25" s="329">
        <v>0</v>
      </c>
      <c r="CE25" s="327">
        <v>0</v>
      </c>
      <c r="CF25" s="327">
        <v>0</v>
      </c>
      <c r="CG25" s="327">
        <v>0</v>
      </c>
      <c r="CH25" s="327">
        <v>0</v>
      </c>
      <c r="CI25" s="327">
        <v>5340</v>
      </c>
      <c r="CJ25" s="330">
        <v>5340</v>
      </c>
      <c r="CK25" s="331">
        <v>5340</v>
      </c>
      <c r="CL25" s="326">
        <v>0</v>
      </c>
      <c r="CM25" s="327">
        <v>0</v>
      </c>
      <c r="CN25" s="328">
        <v>0</v>
      </c>
      <c r="CO25" s="329">
        <v>0</v>
      </c>
      <c r="CP25" s="327">
        <v>0</v>
      </c>
      <c r="CQ25" s="327">
        <v>0</v>
      </c>
      <c r="CR25" s="327">
        <v>0</v>
      </c>
      <c r="CS25" s="327">
        <v>0</v>
      </c>
      <c r="CT25" s="327">
        <v>0</v>
      </c>
      <c r="CU25" s="330">
        <v>0</v>
      </c>
      <c r="CV25" s="331">
        <v>0</v>
      </c>
      <c r="CW25" s="326">
        <v>0</v>
      </c>
      <c r="CX25" s="327">
        <v>0</v>
      </c>
      <c r="CY25" s="328">
        <v>0</v>
      </c>
      <c r="CZ25" s="332"/>
      <c r="DA25" s="327">
        <v>0</v>
      </c>
      <c r="DB25" s="327">
        <v>0</v>
      </c>
      <c r="DC25" s="327">
        <v>0</v>
      </c>
      <c r="DD25" s="327">
        <v>0</v>
      </c>
      <c r="DE25" s="327">
        <v>0</v>
      </c>
      <c r="DF25" s="330">
        <v>0</v>
      </c>
      <c r="DG25" s="331">
        <v>0</v>
      </c>
      <c r="DH25" s="326">
        <v>0</v>
      </c>
      <c r="DI25" s="327">
        <v>0</v>
      </c>
      <c r="DJ25" s="328">
        <v>0</v>
      </c>
      <c r="DK25" s="329">
        <v>0</v>
      </c>
      <c r="DL25" s="327">
        <v>6915</v>
      </c>
      <c r="DM25" s="327">
        <v>103391</v>
      </c>
      <c r="DN25" s="327">
        <v>701115</v>
      </c>
      <c r="DO25" s="327">
        <v>989437</v>
      </c>
      <c r="DP25" s="327">
        <v>443101</v>
      </c>
      <c r="DQ25" s="330">
        <v>2243959</v>
      </c>
      <c r="DR25" s="333">
        <v>2243959</v>
      </c>
      <c r="DS25" s="326">
        <v>0</v>
      </c>
      <c r="DT25" s="327">
        <v>0</v>
      </c>
      <c r="DU25" s="328">
        <v>0</v>
      </c>
      <c r="DV25" s="332"/>
      <c r="DW25" s="327">
        <v>0</v>
      </c>
      <c r="DX25" s="327">
        <v>58373</v>
      </c>
      <c r="DY25" s="327">
        <v>538346</v>
      </c>
      <c r="DZ25" s="327">
        <v>746995</v>
      </c>
      <c r="EA25" s="327">
        <v>285636</v>
      </c>
      <c r="EB25" s="330">
        <v>1629350</v>
      </c>
      <c r="EC25" s="331">
        <v>1629350</v>
      </c>
      <c r="ED25" s="326">
        <v>0</v>
      </c>
      <c r="EE25" s="327">
        <v>0</v>
      </c>
      <c r="EF25" s="328">
        <v>0</v>
      </c>
      <c r="EG25" s="332"/>
      <c r="EH25" s="327">
        <v>1054</v>
      </c>
      <c r="EI25" s="327">
        <v>14043</v>
      </c>
      <c r="EJ25" s="327">
        <v>12834</v>
      </c>
      <c r="EK25" s="327">
        <v>32045</v>
      </c>
      <c r="EL25" s="327">
        <v>50039</v>
      </c>
      <c r="EM25" s="330">
        <v>110015</v>
      </c>
      <c r="EN25" s="331">
        <v>110015</v>
      </c>
      <c r="EO25" s="326">
        <v>0</v>
      </c>
      <c r="EP25" s="327">
        <v>0</v>
      </c>
      <c r="EQ25" s="328">
        <v>0</v>
      </c>
      <c r="ER25" s="332"/>
      <c r="ES25" s="327">
        <v>0</v>
      </c>
      <c r="ET25" s="327">
        <v>0</v>
      </c>
      <c r="EU25" s="327">
        <v>0</v>
      </c>
      <c r="EV25" s="327">
        <v>0</v>
      </c>
      <c r="EW25" s="327">
        <v>22010</v>
      </c>
      <c r="EX25" s="330">
        <v>22010</v>
      </c>
      <c r="EY25" s="331">
        <v>22010</v>
      </c>
      <c r="EZ25" s="326">
        <v>0</v>
      </c>
      <c r="FA25" s="327">
        <v>0</v>
      </c>
      <c r="FB25" s="328">
        <v>0</v>
      </c>
      <c r="FC25" s="332"/>
      <c r="FD25" s="327">
        <v>0</v>
      </c>
      <c r="FE25" s="327">
        <v>0</v>
      </c>
      <c r="FF25" s="327">
        <v>11687</v>
      </c>
      <c r="FG25" s="327">
        <v>217</v>
      </c>
      <c r="FH25" s="327">
        <v>11098</v>
      </c>
      <c r="FI25" s="330">
        <v>23002</v>
      </c>
      <c r="FJ25" s="331">
        <v>23002</v>
      </c>
      <c r="FK25" s="326">
        <v>0</v>
      </c>
      <c r="FL25" s="327">
        <v>0</v>
      </c>
      <c r="FM25" s="328">
        <v>0</v>
      </c>
      <c r="FN25" s="332"/>
      <c r="FO25" s="327">
        <v>0</v>
      </c>
      <c r="FP25" s="327">
        <v>0</v>
      </c>
      <c r="FQ25" s="327">
        <v>36580</v>
      </c>
      <c r="FR25" s="327">
        <v>201500</v>
      </c>
      <c r="FS25" s="327">
        <v>64170</v>
      </c>
      <c r="FT25" s="330">
        <v>302250</v>
      </c>
      <c r="FU25" s="331">
        <v>302250</v>
      </c>
      <c r="FV25" s="326">
        <v>0</v>
      </c>
      <c r="FW25" s="327">
        <v>0</v>
      </c>
      <c r="FX25" s="328">
        <v>0</v>
      </c>
      <c r="FY25" s="329">
        <v>0</v>
      </c>
      <c r="FZ25" s="327">
        <v>5861</v>
      </c>
      <c r="GA25" s="327">
        <v>30975</v>
      </c>
      <c r="GB25" s="327">
        <v>101668</v>
      </c>
      <c r="GC25" s="327">
        <v>8680</v>
      </c>
      <c r="GD25" s="327">
        <v>10064</v>
      </c>
      <c r="GE25" s="330">
        <v>157248</v>
      </c>
      <c r="GF25" s="331">
        <v>157248</v>
      </c>
      <c r="GG25" s="326">
        <v>0</v>
      </c>
      <c r="GH25" s="327">
        <v>0</v>
      </c>
      <c r="GI25" s="328">
        <v>0</v>
      </c>
      <c r="GJ25" s="329">
        <v>0</v>
      </c>
      <c r="GK25" s="327">
        <v>0</v>
      </c>
      <c r="GL25" s="327">
        <v>0</v>
      </c>
      <c r="GM25" s="327">
        <v>0</v>
      </c>
      <c r="GN25" s="327">
        <v>0</v>
      </c>
      <c r="GO25" s="327">
        <v>84</v>
      </c>
      <c r="GP25" s="330">
        <v>84</v>
      </c>
      <c r="GQ25" s="331">
        <v>84</v>
      </c>
      <c r="GR25" s="326">
        <v>0</v>
      </c>
      <c r="GS25" s="327">
        <v>0</v>
      </c>
      <c r="GT25" s="328">
        <v>0</v>
      </c>
      <c r="GU25" s="329">
        <v>0</v>
      </c>
      <c r="GV25" s="327">
        <v>0</v>
      </c>
      <c r="GW25" s="327">
        <v>0</v>
      </c>
      <c r="GX25" s="327">
        <v>0</v>
      </c>
      <c r="GY25" s="327">
        <v>0</v>
      </c>
      <c r="GZ25" s="327">
        <v>0</v>
      </c>
      <c r="HA25" s="330">
        <v>0</v>
      </c>
      <c r="HB25" s="331">
        <v>0</v>
      </c>
      <c r="HC25" s="326">
        <v>0</v>
      </c>
      <c r="HD25" s="327">
        <v>0</v>
      </c>
      <c r="HE25" s="328">
        <v>0</v>
      </c>
      <c r="HF25" s="332"/>
      <c r="HG25" s="327">
        <v>0</v>
      </c>
      <c r="HH25" s="327">
        <v>0</v>
      </c>
      <c r="HI25" s="327">
        <v>0</v>
      </c>
      <c r="HJ25" s="327">
        <v>0</v>
      </c>
      <c r="HK25" s="327">
        <v>0</v>
      </c>
      <c r="HL25" s="330">
        <v>0</v>
      </c>
      <c r="HM25" s="331">
        <v>0</v>
      </c>
      <c r="HN25" s="326">
        <v>0</v>
      </c>
      <c r="HO25" s="327">
        <v>0</v>
      </c>
      <c r="HP25" s="328">
        <v>0</v>
      </c>
      <c r="HQ25" s="329">
        <v>0</v>
      </c>
      <c r="HR25" s="327">
        <v>99825</v>
      </c>
      <c r="HS25" s="327">
        <v>450446</v>
      </c>
      <c r="HT25" s="327">
        <v>1493775</v>
      </c>
      <c r="HU25" s="327">
        <v>1970957</v>
      </c>
      <c r="HV25" s="327">
        <v>1137881</v>
      </c>
      <c r="HW25" s="330">
        <v>5152884</v>
      </c>
      <c r="HX25" s="331">
        <v>5152884</v>
      </c>
    </row>
    <row r="26" spans="1:232" ht="16.5" customHeight="1" x14ac:dyDescent="0.2">
      <c r="A26" s="324" t="s">
        <v>23</v>
      </c>
      <c r="B26" s="326">
        <v>145</v>
      </c>
      <c r="C26" s="327">
        <v>580</v>
      </c>
      <c r="D26" s="328">
        <v>725</v>
      </c>
      <c r="E26" s="329">
        <v>0</v>
      </c>
      <c r="F26" s="327">
        <v>128360</v>
      </c>
      <c r="G26" s="327">
        <v>421441</v>
      </c>
      <c r="H26" s="327">
        <v>1096516</v>
      </c>
      <c r="I26" s="327">
        <v>1346098</v>
      </c>
      <c r="J26" s="327">
        <v>838815</v>
      </c>
      <c r="K26" s="330">
        <v>3831230</v>
      </c>
      <c r="L26" s="331">
        <v>3831955</v>
      </c>
      <c r="M26" s="326">
        <v>0</v>
      </c>
      <c r="N26" s="327">
        <v>0</v>
      </c>
      <c r="O26" s="328">
        <v>0</v>
      </c>
      <c r="P26" s="332"/>
      <c r="Q26" s="327">
        <v>35340</v>
      </c>
      <c r="R26" s="327">
        <v>141360</v>
      </c>
      <c r="S26" s="327">
        <v>732150</v>
      </c>
      <c r="T26" s="327">
        <v>1125100</v>
      </c>
      <c r="U26" s="327">
        <v>617195</v>
      </c>
      <c r="V26" s="330">
        <v>2651145</v>
      </c>
      <c r="W26" s="331">
        <v>2651145</v>
      </c>
      <c r="X26" s="326">
        <v>0</v>
      </c>
      <c r="Y26" s="327">
        <v>0</v>
      </c>
      <c r="Z26" s="328">
        <v>0</v>
      </c>
      <c r="AA26" s="332"/>
      <c r="AB26" s="327">
        <v>30085</v>
      </c>
      <c r="AC26" s="327">
        <v>233740</v>
      </c>
      <c r="AD26" s="327">
        <v>294375</v>
      </c>
      <c r="AE26" s="327">
        <v>113920</v>
      </c>
      <c r="AF26" s="327">
        <v>160435</v>
      </c>
      <c r="AG26" s="330">
        <v>832555</v>
      </c>
      <c r="AH26" s="331">
        <v>832555</v>
      </c>
      <c r="AI26" s="326">
        <v>0</v>
      </c>
      <c r="AJ26" s="327">
        <v>0</v>
      </c>
      <c r="AK26" s="328">
        <v>0</v>
      </c>
      <c r="AL26" s="332"/>
      <c r="AM26" s="327">
        <v>0</v>
      </c>
      <c r="AN26" s="327">
        <v>0</v>
      </c>
      <c r="AO26" s="327">
        <v>0</v>
      </c>
      <c r="AP26" s="327">
        <v>35340</v>
      </c>
      <c r="AQ26" s="327">
        <v>0</v>
      </c>
      <c r="AR26" s="330">
        <v>35340</v>
      </c>
      <c r="AS26" s="331">
        <v>35340</v>
      </c>
      <c r="AT26" s="326">
        <v>0</v>
      </c>
      <c r="AU26" s="327">
        <v>0</v>
      </c>
      <c r="AV26" s="328">
        <v>0</v>
      </c>
      <c r="AW26" s="332"/>
      <c r="AX26" s="327">
        <v>0</v>
      </c>
      <c r="AY26" s="327">
        <v>0</v>
      </c>
      <c r="AZ26" s="327">
        <v>0</v>
      </c>
      <c r="BA26" s="327">
        <v>24645</v>
      </c>
      <c r="BB26" s="327">
        <v>27280</v>
      </c>
      <c r="BC26" s="330">
        <v>51925</v>
      </c>
      <c r="BD26" s="331">
        <v>51925</v>
      </c>
      <c r="BE26" s="326">
        <v>0</v>
      </c>
      <c r="BF26" s="327">
        <v>0</v>
      </c>
      <c r="BG26" s="328">
        <v>0</v>
      </c>
      <c r="BH26" s="332"/>
      <c r="BI26" s="327">
        <v>0</v>
      </c>
      <c r="BJ26" s="327">
        <v>0</v>
      </c>
      <c r="BK26" s="327">
        <v>0</v>
      </c>
      <c r="BL26" s="327">
        <v>0</v>
      </c>
      <c r="BM26" s="327">
        <v>0</v>
      </c>
      <c r="BN26" s="330">
        <v>0</v>
      </c>
      <c r="BO26" s="331">
        <v>0</v>
      </c>
      <c r="BP26" s="326">
        <v>145</v>
      </c>
      <c r="BQ26" s="327">
        <v>580</v>
      </c>
      <c r="BR26" s="328">
        <v>725</v>
      </c>
      <c r="BS26" s="329">
        <v>0</v>
      </c>
      <c r="BT26" s="327">
        <v>62935</v>
      </c>
      <c r="BU26" s="327">
        <v>45320</v>
      </c>
      <c r="BV26" s="327">
        <v>69991</v>
      </c>
      <c r="BW26" s="327">
        <v>44558</v>
      </c>
      <c r="BX26" s="327">
        <v>33905</v>
      </c>
      <c r="BY26" s="330">
        <v>256709</v>
      </c>
      <c r="BZ26" s="331">
        <v>257434</v>
      </c>
      <c r="CA26" s="326">
        <v>0</v>
      </c>
      <c r="CB26" s="327">
        <v>0</v>
      </c>
      <c r="CC26" s="328">
        <v>0</v>
      </c>
      <c r="CD26" s="329">
        <v>0</v>
      </c>
      <c r="CE26" s="327">
        <v>0</v>
      </c>
      <c r="CF26" s="327">
        <v>1021</v>
      </c>
      <c r="CG26" s="327">
        <v>0</v>
      </c>
      <c r="CH26" s="327">
        <v>2535</v>
      </c>
      <c r="CI26" s="327">
        <v>0</v>
      </c>
      <c r="CJ26" s="330">
        <v>3556</v>
      </c>
      <c r="CK26" s="331">
        <v>3556</v>
      </c>
      <c r="CL26" s="326">
        <v>0</v>
      </c>
      <c r="CM26" s="327">
        <v>0</v>
      </c>
      <c r="CN26" s="328">
        <v>0</v>
      </c>
      <c r="CO26" s="329">
        <v>0</v>
      </c>
      <c r="CP26" s="327">
        <v>0</v>
      </c>
      <c r="CQ26" s="327">
        <v>0</v>
      </c>
      <c r="CR26" s="327">
        <v>0</v>
      </c>
      <c r="CS26" s="327">
        <v>0</v>
      </c>
      <c r="CT26" s="327">
        <v>0</v>
      </c>
      <c r="CU26" s="330">
        <v>0</v>
      </c>
      <c r="CV26" s="331">
        <v>0</v>
      </c>
      <c r="CW26" s="326">
        <v>0</v>
      </c>
      <c r="CX26" s="327">
        <v>0</v>
      </c>
      <c r="CY26" s="328">
        <v>0</v>
      </c>
      <c r="CZ26" s="332"/>
      <c r="DA26" s="327">
        <v>0</v>
      </c>
      <c r="DB26" s="327">
        <v>0</v>
      </c>
      <c r="DC26" s="327">
        <v>0</v>
      </c>
      <c r="DD26" s="327">
        <v>0</v>
      </c>
      <c r="DE26" s="327">
        <v>0</v>
      </c>
      <c r="DF26" s="330">
        <v>0</v>
      </c>
      <c r="DG26" s="331">
        <v>0</v>
      </c>
      <c r="DH26" s="326">
        <v>3480</v>
      </c>
      <c r="DI26" s="327">
        <v>2784</v>
      </c>
      <c r="DJ26" s="328">
        <v>6264</v>
      </c>
      <c r="DK26" s="329">
        <v>0</v>
      </c>
      <c r="DL26" s="327">
        <v>130478</v>
      </c>
      <c r="DM26" s="327">
        <v>190337</v>
      </c>
      <c r="DN26" s="327">
        <v>872843</v>
      </c>
      <c r="DO26" s="327">
        <v>1324421</v>
      </c>
      <c r="DP26" s="327">
        <v>820947</v>
      </c>
      <c r="DQ26" s="330">
        <v>3339026</v>
      </c>
      <c r="DR26" s="333">
        <v>3345290</v>
      </c>
      <c r="DS26" s="326">
        <v>0</v>
      </c>
      <c r="DT26" s="327">
        <v>0</v>
      </c>
      <c r="DU26" s="328">
        <v>0</v>
      </c>
      <c r="DV26" s="332"/>
      <c r="DW26" s="327">
        <v>33046</v>
      </c>
      <c r="DX26" s="327">
        <v>149265</v>
      </c>
      <c r="DY26" s="327">
        <v>801679</v>
      </c>
      <c r="DZ26" s="327">
        <v>1238695</v>
      </c>
      <c r="EA26" s="327">
        <v>800017</v>
      </c>
      <c r="EB26" s="330">
        <v>3022702</v>
      </c>
      <c r="EC26" s="331">
        <v>3022702</v>
      </c>
      <c r="ED26" s="326">
        <v>0</v>
      </c>
      <c r="EE26" s="327">
        <v>0</v>
      </c>
      <c r="EF26" s="328">
        <v>0</v>
      </c>
      <c r="EG26" s="332"/>
      <c r="EH26" s="327">
        <v>7018</v>
      </c>
      <c r="EI26" s="327">
        <v>3906</v>
      </c>
      <c r="EJ26" s="327">
        <v>3311</v>
      </c>
      <c r="EK26" s="327">
        <v>13618</v>
      </c>
      <c r="EL26" s="327">
        <v>2037</v>
      </c>
      <c r="EM26" s="330">
        <v>29890</v>
      </c>
      <c r="EN26" s="331">
        <v>29890</v>
      </c>
      <c r="EO26" s="326">
        <v>0</v>
      </c>
      <c r="EP26" s="327">
        <v>0</v>
      </c>
      <c r="EQ26" s="328">
        <v>0</v>
      </c>
      <c r="ER26" s="332"/>
      <c r="ES26" s="327">
        <v>0</v>
      </c>
      <c r="ET26" s="327">
        <v>0</v>
      </c>
      <c r="EU26" s="327">
        <v>0</v>
      </c>
      <c r="EV26" s="327">
        <v>434</v>
      </c>
      <c r="EW26" s="327">
        <v>0</v>
      </c>
      <c r="EX26" s="330">
        <v>434</v>
      </c>
      <c r="EY26" s="331">
        <v>434</v>
      </c>
      <c r="EZ26" s="326">
        <v>0</v>
      </c>
      <c r="FA26" s="327">
        <v>0</v>
      </c>
      <c r="FB26" s="328">
        <v>0</v>
      </c>
      <c r="FC26" s="332"/>
      <c r="FD26" s="327">
        <v>0</v>
      </c>
      <c r="FE26" s="327">
        <v>0</v>
      </c>
      <c r="FF26" s="327">
        <v>0</v>
      </c>
      <c r="FG26" s="327">
        <v>217</v>
      </c>
      <c r="FH26" s="327">
        <v>434</v>
      </c>
      <c r="FI26" s="330">
        <v>651</v>
      </c>
      <c r="FJ26" s="331">
        <v>651</v>
      </c>
      <c r="FK26" s="326">
        <v>0</v>
      </c>
      <c r="FL26" s="327">
        <v>0</v>
      </c>
      <c r="FM26" s="328">
        <v>0</v>
      </c>
      <c r="FN26" s="332"/>
      <c r="FO26" s="327">
        <v>0</v>
      </c>
      <c r="FP26" s="327">
        <v>0</v>
      </c>
      <c r="FQ26" s="327">
        <v>0</v>
      </c>
      <c r="FR26" s="327">
        <v>0</v>
      </c>
      <c r="FS26" s="327">
        <v>0</v>
      </c>
      <c r="FT26" s="330">
        <v>0</v>
      </c>
      <c r="FU26" s="331">
        <v>0</v>
      </c>
      <c r="FV26" s="326">
        <v>3480</v>
      </c>
      <c r="FW26" s="327">
        <v>2784</v>
      </c>
      <c r="FX26" s="328">
        <v>6264</v>
      </c>
      <c r="FY26" s="329">
        <v>0</v>
      </c>
      <c r="FZ26" s="327">
        <v>90414</v>
      </c>
      <c r="GA26" s="327">
        <v>37145</v>
      </c>
      <c r="GB26" s="327">
        <v>67853</v>
      </c>
      <c r="GC26" s="327">
        <v>71436</v>
      </c>
      <c r="GD26" s="327">
        <v>18459</v>
      </c>
      <c r="GE26" s="330">
        <v>285307</v>
      </c>
      <c r="GF26" s="331">
        <v>291571</v>
      </c>
      <c r="GG26" s="326">
        <v>0</v>
      </c>
      <c r="GH26" s="327">
        <v>0</v>
      </c>
      <c r="GI26" s="328">
        <v>0</v>
      </c>
      <c r="GJ26" s="329">
        <v>0</v>
      </c>
      <c r="GK26" s="327">
        <v>0</v>
      </c>
      <c r="GL26" s="327">
        <v>21</v>
      </c>
      <c r="GM26" s="327">
        <v>0</v>
      </c>
      <c r="GN26" s="327">
        <v>21</v>
      </c>
      <c r="GO26" s="327">
        <v>0</v>
      </c>
      <c r="GP26" s="330">
        <v>42</v>
      </c>
      <c r="GQ26" s="331">
        <v>42</v>
      </c>
      <c r="GR26" s="326">
        <v>0</v>
      </c>
      <c r="GS26" s="327">
        <v>0</v>
      </c>
      <c r="GT26" s="328">
        <v>0</v>
      </c>
      <c r="GU26" s="329">
        <v>0</v>
      </c>
      <c r="GV26" s="327">
        <v>0</v>
      </c>
      <c r="GW26" s="327">
        <v>0</v>
      </c>
      <c r="GX26" s="327">
        <v>0</v>
      </c>
      <c r="GY26" s="327">
        <v>0</v>
      </c>
      <c r="GZ26" s="327">
        <v>0</v>
      </c>
      <c r="HA26" s="330">
        <v>0</v>
      </c>
      <c r="HB26" s="331">
        <v>0</v>
      </c>
      <c r="HC26" s="326">
        <v>0</v>
      </c>
      <c r="HD26" s="327">
        <v>0</v>
      </c>
      <c r="HE26" s="328">
        <v>0</v>
      </c>
      <c r="HF26" s="332"/>
      <c r="HG26" s="327">
        <v>0</v>
      </c>
      <c r="HH26" s="327">
        <v>0</v>
      </c>
      <c r="HI26" s="327">
        <v>0</v>
      </c>
      <c r="HJ26" s="327">
        <v>0</v>
      </c>
      <c r="HK26" s="327">
        <v>0</v>
      </c>
      <c r="HL26" s="330">
        <v>0</v>
      </c>
      <c r="HM26" s="331">
        <v>0</v>
      </c>
      <c r="HN26" s="326">
        <v>3625</v>
      </c>
      <c r="HO26" s="327">
        <v>3364</v>
      </c>
      <c r="HP26" s="328">
        <v>6989</v>
      </c>
      <c r="HQ26" s="329">
        <v>0</v>
      </c>
      <c r="HR26" s="327">
        <v>258838</v>
      </c>
      <c r="HS26" s="327">
        <v>611778</v>
      </c>
      <c r="HT26" s="327">
        <v>1969359</v>
      </c>
      <c r="HU26" s="327">
        <v>2670519</v>
      </c>
      <c r="HV26" s="327">
        <v>1659762</v>
      </c>
      <c r="HW26" s="330">
        <v>7170256</v>
      </c>
      <c r="HX26" s="331">
        <v>7177245</v>
      </c>
    </row>
    <row r="27" spans="1:232" ht="16.5" customHeight="1" x14ac:dyDescent="0.2">
      <c r="A27" s="324" t="s">
        <v>24</v>
      </c>
      <c r="B27" s="326">
        <v>0</v>
      </c>
      <c r="C27" s="327">
        <v>0</v>
      </c>
      <c r="D27" s="328">
        <v>0</v>
      </c>
      <c r="E27" s="329">
        <v>0</v>
      </c>
      <c r="F27" s="327">
        <v>61785</v>
      </c>
      <c r="G27" s="327">
        <v>52601</v>
      </c>
      <c r="H27" s="327">
        <v>466593</v>
      </c>
      <c r="I27" s="327">
        <v>531185</v>
      </c>
      <c r="J27" s="327">
        <v>345460</v>
      </c>
      <c r="K27" s="330">
        <v>1457624</v>
      </c>
      <c r="L27" s="331">
        <v>1457624</v>
      </c>
      <c r="M27" s="326">
        <v>0</v>
      </c>
      <c r="N27" s="327">
        <v>0</v>
      </c>
      <c r="O27" s="328">
        <v>0</v>
      </c>
      <c r="P27" s="332"/>
      <c r="Q27" s="327">
        <v>0</v>
      </c>
      <c r="R27" s="327">
        <v>0</v>
      </c>
      <c r="S27" s="327">
        <v>217410</v>
      </c>
      <c r="T27" s="327">
        <v>400055</v>
      </c>
      <c r="U27" s="327">
        <v>249505</v>
      </c>
      <c r="V27" s="330">
        <v>866970</v>
      </c>
      <c r="W27" s="331">
        <v>866970</v>
      </c>
      <c r="X27" s="326">
        <v>0</v>
      </c>
      <c r="Y27" s="327">
        <v>0</v>
      </c>
      <c r="Z27" s="328">
        <v>0</v>
      </c>
      <c r="AA27" s="332"/>
      <c r="AB27" s="327">
        <v>57350</v>
      </c>
      <c r="AC27" s="327">
        <v>21080</v>
      </c>
      <c r="AD27" s="327">
        <v>239030</v>
      </c>
      <c r="AE27" s="327">
        <v>109165</v>
      </c>
      <c r="AF27" s="327">
        <v>51925</v>
      </c>
      <c r="AG27" s="330">
        <v>478550</v>
      </c>
      <c r="AH27" s="331">
        <v>478550</v>
      </c>
      <c r="AI27" s="326">
        <v>0</v>
      </c>
      <c r="AJ27" s="327">
        <v>0</v>
      </c>
      <c r="AK27" s="328">
        <v>0</v>
      </c>
      <c r="AL27" s="332"/>
      <c r="AM27" s="327">
        <v>0</v>
      </c>
      <c r="AN27" s="327">
        <v>0</v>
      </c>
      <c r="AO27" s="327">
        <v>0</v>
      </c>
      <c r="AP27" s="327">
        <v>0</v>
      </c>
      <c r="AQ27" s="327">
        <v>32705</v>
      </c>
      <c r="AR27" s="330">
        <v>32705</v>
      </c>
      <c r="AS27" s="331">
        <v>32705</v>
      </c>
      <c r="AT27" s="326">
        <v>0</v>
      </c>
      <c r="AU27" s="327">
        <v>0</v>
      </c>
      <c r="AV27" s="328">
        <v>0</v>
      </c>
      <c r="AW27" s="332"/>
      <c r="AX27" s="327">
        <v>0</v>
      </c>
      <c r="AY27" s="327">
        <v>0</v>
      </c>
      <c r="AZ27" s="327">
        <v>0</v>
      </c>
      <c r="BA27" s="327">
        <v>0</v>
      </c>
      <c r="BB27" s="327">
        <v>0</v>
      </c>
      <c r="BC27" s="330">
        <v>0</v>
      </c>
      <c r="BD27" s="331">
        <v>0</v>
      </c>
      <c r="BE27" s="326">
        <v>0</v>
      </c>
      <c r="BF27" s="327">
        <v>0</v>
      </c>
      <c r="BG27" s="328">
        <v>0</v>
      </c>
      <c r="BH27" s="332"/>
      <c r="BI27" s="327">
        <v>0</v>
      </c>
      <c r="BJ27" s="327">
        <v>0</v>
      </c>
      <c r="BK27" s="327">
        <v>0</v>
      </c>
      <c r="BL27" s="327">
        <v>0</v>
      </c>
      <c r="BM27" s="327">
        <v>0</v>
      </c>
      <c r="BN27" s="330">
        <v>0</v>
      </c>
      <c r="BO27" s="331">
        <v>0</v>
      </c>
      <c r="BP27" s="326">
        <v>0</v>
      </c>
      <c r="BQ27" s="327">
        <v>0</v>
      </c>
      <c r="BR27" s="328">
        <v>0</v>
      </c>
      <c r="BS27" s="329">
        <v>0</v>
      </c>
      <c r="BT27" s="327">
        <v>2945</v>
      </c>
      <c r="BU27" s="327">
        <v>31521</v>
      </c>
      <c r="BV27" s="327">
        <v>7618</v>
      </c>
      <c r="BW27" s="327">
        <v>21965</v>
      </c>
      <c r="BX27" s="327">
        <v>2320</v>
      </c>
      <c r="BY27" s="330">
        <v>66369</v>
      </c>
      <c r="BZ27" s="331">
        <v>66369</v>
      </c>
      <c r="CA27" s="326">
        <v>0</v>
      </c>
      <c r="CB27" s="327">
        <v>0</v>
      </c>
      <c r="CC27" s="328">
        <v>0</v>
      </c>
      <c r="CD27" s="329">
        <v>0</v>
      </c>
      <c r="CE27" s="327">
        <v>1490</v>
      </c>
      <c r="CF27" s="327">
        <v>0</v>
      </c>
      <c r="CG27" s="327">
        <v>2535</v>
      </c>
      <c r="CH27" s="327">
        <v>0</v>
      </c>
      <c r="CI27" s="327">
        <v>9005</v>
      </c>
      <c r="CJ27" s="330">
        <v>13030</v>
      </c>
      <c r="CK27" s="331">
        <v>13030</v>
      </c>
      <c r="CL27" s="326">
        <v>0</v>
      </c>
      <c r="CM27" s="327">
        <v>0</v>
      </c>
      <c r="CN27" s="328">
        <v>0</v>
      </c>
      <c r="CO27" s="329">
        <v>0</v>
      </c>
      <c r="CP27" s="327">
        <v>0</v>
      </c>
      <c r="CQ27" s="327">
        <v>0</v>
      </c>
      <c r="CR27" s="327">
        <v>0</v>
      </c>
      <c r="CS27" s="327">
        <v>0</v>
      </c>
      <c r="CT27" s="327">
        <v>0</v>
      </c>
      <c r="CU27" s="330">
        <v>0</v>
      </c>
      <c r="CV27" s="331">
        <v>0</v>
      </c>
      <c r="CW27" s="326">
        <v>0</v>
      </c>
      <c r="CX27" s="327">
        <v>0</v>
      </c>
      <c r="CY27" s="328">
        <v>0</v>
      </c>
      <c r="CZ27" s="332"/>
      <c r="DA27" s="327">
        <v>0</v>
      </c>
      <c r="DB27" s="327">
        <v>0</v>
      </c>
      <c r="DC27" s="327">
        <v>0</v>
      </c>
      <c r="DD27" s="327">
        <v>0</v>
      </c>
      <c r="DE27" s="327">
        <v>0</v>
      </c>
      <c r="DF27" s="330">
        <v>0</v>
      </c>
      <c r="DG27" s="331">
        <v>0</v>
      </c>
      <c r="DH27" s="326">
        <v>0</v>
      </c>
      <c r="DI27" s="327">
        <v>0</v>
      </c>
      <c r="DJ27" s="328">
        <v>0</v>
      </c>
      <c r="DK27" s="329">
        <v>0</v>
      </c>
      <c r="DL27" s="327">
        <v>6726</v>
      </c>
      <c r="DM27" s="327">
        <v>88765</v>
      </c>
      <c r="DN27" s="327">
        <v>433447</v>
      </c>
      <c r="DO27" s="327">
        <v>680016</v>
      </c>
      <c r="DP27" s="327">
        <v>534729</v>
      </c>
      <c r="DQ27" s="330">
        <v>1743683</v>
      </c>
      <c r="DR27" s="333">
        <v>1743683</v>
      </c>
      <c r="DS27" s="326">
        <v>0</v>
      </c>
      <c r="DT27" s="327">
        <v>0</v>
      </c>
      <c r="DU27" s="328">
        <v>0</v>
      </c>
      <c r="DV27" s="332"/>
      <c r="DW27" s="327">
        <v>0</v>
      </c>
      <c r="DX27" s="327">
        <v>0</v>
      </c>
      <c r="DY27" s="327">
        <v>352926</v>
      </c>
      <c r="DZ27" s="327">
        <v>626262</v>
      </c>
      <c r="EA27" s="327">
        <v>504665</v>
      </c>
      <c r="EB27" s="330">
        <v>1483853</v>
      </c>
      <c r="EC27" s="331">
        <v>1483853</v>
      </c>
      <c r="ED27" s="326">
        <v>0</v>
      </c>
      <c r="EE27" s="327">
        <v>0</v>
      </c>
      <c r="EF27" s="328">
        <v>0</v>
      </c>
      <c r="EG27" s="332"/>
      <c r="EH27" s="327">
        <v>434</v>
      </c>
      <c r="EI27" s="327">
        <v>55335</v>
      </c>
      <c r="EJ27" s="327">
        <v>54603</v>
      </c>
      <c r="EK27" s="327">
        <v>9634</v>
      </c>
      <c r="EL27" s="327">
        <v>22010</v>
      </c>
      <c r="EM27" s="330">
        <v>142016</v>
      </c>
      <c r="EN27" s="331">
        <v>142016</v>
      </c>
      <c r="EO27" s="326">
        <v>0</v>
      </c>
      <c r="EP27" s="327">
        <v>0</v>
      </c>
      <c r="EQ27" s="328">
        <v>0</v>
      </c>
      <c r="ER27" s="332"/>
      <c r="ES27" s="327">
        <v>0</v>
      </c>
      <c r="ET27" s="327">
        <v>0</v>
      </c>
      <c r="EU27" s="327">
        <v>0</v>
      </c>
      <c r="EV27" s="327">
        <v>0</v>
      </c>
      <c r="EW27" s="327">
        <v>217</v>
      </c>
      <c r="EX27" s="330">
        <v>217</v>
      </c>
      <c r="EY27" s="331">
        <v>217</v>
      </c>
      <c r="EZ27" s="326">
        <v>0</v>
      </c>
      <c r="FA27" s="327">
        <v>0</v>
      </c>
      <c r="FB27" s="328">
        <v>0</v>
      </c>
      <c r="FC27" s="332"/>
      <c r="FD27" s="327">
        <v>0</v>
      </c>
      <c r="FE27" s="327">
        <v>0</v>
      </c>
      <c r="FF27" s="327">
        <v>0</v>
      </c>
      <c r="FG27" s="327">
        <v>0</v>
      </c>
      <c r="FH27" s="327">
        <v>0</v>
      </c>
      <c r="FI27" s="330">
        <v>0</v>
      </c>
      <c r="FJ27" s="331">
        <v>0</v>
      </c>
      <c r="FK27" s="326">
        <v>0</v>
      </c>
      <c r="FL27" s="327">
        <v>0</v>
      </c>
      <c r="FM27" s="328">
        <v>0</v>
      </c>
      <c r="FN27" s="332"/>
      <c r="FO27" s="327">
        <v>0</v>
      </c>
      <c r="FP27" s="327">
        <v>0</v>
      </c>
      <c r="FQ27" s="327">
        <v>0</v>
      </c>
      <c r="FR27" s="327">
        <v>0</v>
      </c>
      <c r="FS27" s="327">
        <v>0</v>
      </c>
      <c r="FT27" s="330">
        <v>0</v>
      </c>
      <c r="FU27" s="331">
        <v>0</v>
      </c>
      <c r="FV27" s="326">
        <v>0</v>
      </c>
      <c r="FW27" s="327">
        <v>0</v>
      </c>
      <c r="FX27" s="328">
        <v>0</v>
      </c>
      <c r="FY27" s="329">
        <v>0</v>
      </c>
      <c r="FZ27" s="327">
        <v>6264</v>
      </c>
      <c r="GA27" s="327">
        <v>33430</v>
      </c>
      <c r="GB27" s="327">
        <v>25869</v>
      </c>
      <c r="GC27" s="327">
        <v>44120</v>
      </c>
      <c r="GD27" s="327">
        <v>7760</v>
      </c>
      <c r="GE27" s="330">
        <v>117443</v>
      </c>
      <c r="GF27" s="331">
        <v>117443</v>
      </c>
      <c r="GG27" s="326">
        <v>0</v>
      </c>
      <c r="GH27" s="327">
        <v>0</v>
      </c>
      <c r="GI27" s="328">
        <v>0</v>
      </c>
      <c r="GJ27" s="329">
        <v>0</v>
      </c>
      <c r="GK27" s="327">
        <v>28</v>
      </c>
      <c r="GL27" s="327">
        <v>0</v>
      </c>
      <c r="GM27" s="327">
        <v>49</v>
      </c>
      <c r="GN27" s="327">
        <v>0</v>
      </c>
      <c r="GO27" s="327">
        <v>77</v>
      </c>
      <c r="GP27" s="330">
        <v>154</v>
      </c>
      <c r="GQ27" s="331">
        <v>154</v>
      </c>
      <c r="GR27" s="326">
        <v>0</v>
      </c>
      <c r="GS27" s="327">
        <v>0</v>
      </c>
      <c r="GT27" s="328">
        <v>0</v>
      </c>
      <c r="GU27" s="329">
        <v>0</v>
      </c>
      <c r="GV27" s="327">
        <v>0</v>
      </c>
      <c r="GW27" s="327">
        <v>0</v>
      </c>
      <c r="GX27" s="327">
        <v>0</v>
      </c>
      <c r="GY27" s="327">
        <v>0</v>
      </c>
      <c r="GZ27" s="327">
        <v>0</v>
      </c>
      <c r="HA27" s="330">
        <v>0</v>
      </c>
      <c r="HB27" s="331">
        <v>0</v>
      </c>
      <c r="HC27" s="326">
        <v>0</v>
      </c>
      <c r="HD27" s="327">
        <v>0</v>
      </c>
      <c r="HE27" s="328">
        <v>0</v>
      </c>
      <c r="HF27" s="332"/>
      <c r="HG27" s="327">
        <v>0</v>
      </c>
      <c r="HH27" s="327">
        <v>0</v>
      </c>
      <c r="HI27" s="327">
        <v>0</v>
      </c>
      <c r="HJ27" s="327">
        <v>0</v>
      </c>
      <c r="HK27" s="327">
        <v>0</v>
      </c>
      <c r="HL27" s="330">
        <v>0</v>
      </c>
      <c r="HM27" s="331">
        <v>0</v>
      </c>
      <c r="HN27" s="326">
        <v>0</v>
      </c>
      <c r="HO27" s="327">
        <v>0</v>
      </c>
      <c r="HP27" s="328">
        <v>0</v>
      </c>
      <c r="HQ27" s="329">
        <v>0</v>
      </c>
      <c r="HR27" s="327">
        <v>68511</v>
      </c>
      <c r="HS27" s="327">
        <v>141366</v>
      </c>
      <c r="HT27" s="327">
        <v>900040</v>
      </c>
      <c r="HU27" s="327">
        <v>1211201</v>
      </c>
      <c r="HV27" s="327">
        <v>880189</v>
      </c>
      <c r="HW27" s="330">
        <v>3201307</v>
      </c>
      <c r="HX27" s="331">
        <v>3201307</v>
      </c>
    </row>
    <row r="28" spans="1:232" ht="16.5" customHeight="1" x14ac:dyDescent="0.2">
      <c r="A28" s="324" t="s">
        <v>25</v>
      </c>
      <c r="B28" s="326">
        <v>0</v>
      </c>
      <c r="C28" s="327">
        <v>0</v>
      </c>
      <c r="D28" s="328">
        <v>0</v>
      </c>
      <c r="E28" s="329">
        <v>0</v>
      </c>
      <c r="F28" s="327">
        <v>134390</v>
      </c>
      <c r="G28" s="327">
        <v>119646</v>
      </c>
      <c r="H28" s="327">
        <v>580965</v>
      </c>
      <c r="I28" s="327">
        <v>890860</v>
      </c>
      <c r="J28" s="327">
        <v>586005</v>
      </c>
      <c r="K28" s="330">
        <v>2311866</v>
      </c>
      <c r="L28" s="331">
        <v>2311866</v>
      </c>
      <c r="M28" s="326">
        <v>0</v>
      </c>
      <c r="N28" s="327">
        <v>0</v>
      </c>
      <c r="O28" s="328">
        <v>0</v>
      </c>
      <c r="P28" s="332"/>
      <c r="Q28" s="327">
        <v>29915</v>
      </c>
      <c r="R28" s="327">
        <v>45880</v>
      </c>
      <c r="S28" s="327">
        <v>489067</v>
      </c>
      <c r="T28" s="327">
        <v>599985</v>
      </c>
      <c r="U28" s="327">
        <v>417640</v>
      </c>
      <c r="V28" s="330">
        <v>1582487</v>
      </c>
      <c r="W28" s="331">
        <v>1582487</v>
      </c>
      <c r="X28" s="326">
        <v>0</v>
      </c>
      <c r="Y28" s="327">
        <v>0</v>
      </c>
      <c r="Z28" s="328">
        <v>0</v>
      </c>
      <c r="AA28" s="332"/>
      <c r="AB28" s="327">
        <v>104475</v>
      </c>
      <c r="AC28" s="327">
        <v>54560</v>
      </c>
      <c r="AD28" s="327">
        <v>84798</v>
      </c>
      <c r="AE28" s="327">
        <v>273160</v>
      </c>
      <c r="AF28" s="327">
        <v>136475</v>
      </c>
      <c r="AG28" s="330">
        <v>653468</v>
      </c>
      <c r="AH28" s="331">
        <v>653468</v>
      </c>
      <c r="AI28" s="326">
        <v>0</v>
      </c>
      <c r="AJ28" s="327">
        <v>0</v>
      </c>
      <c r="AK28" s="328">
        <v>0</v>
      </c>
      <c r="AL28" s="332"/>
      <c r="AM28" s="327">
        <v>0</v>
      </c>
      <c r="AN28" s="327">
        <v>0</v>
      </c>
      <c r="AO28" s="327">
        <v>0</v>
      </c>
      <c r="AP28" s="327">
        <v>0</v>
      </c>
      <c r="AQ28" s="327">
        <v>0</v>
      </c>
      <c r="AR28" s="330">
        <v>0</v>
      </c>
      <c r="AS28" s="331">
        <v>0</v>
      </c>
      <c r="AT28" s="326">
        <v>0</v>
      </c>
      <c r="AU28" s="327">
        <v>0</v>
      </c>
      <c r="AV28" s="328">
        <v>0</v>
      </c>
      <c r="AW28" s="332"/>
      <c r="AX28" s="327">
        <v>0</v>
      </c>
      <c r="AY28" s="327">
        <v>0</v>
      </c>
      <c r="AZ28" s="327">
        <v>0</v>
      </c>
      <c r="BA28" s="327">
        <v>0</v>
      </c>
      <c r="BB28" s="327">
        <v>0</v>
      </c>
      <c r="BC28" s="330">
        <v>0</v>
      </c>
      <c r="BD28" s="331">
        <v>0</v>
      </c>
      <c r="BE28" s="326">
        <v>0</v>
      </c>
      <c r="BF28" s="327">
        <v>0</v>
      </c>
      <c r="BG28" s="328">
        <v>0</v>
      </c>
      <c r="BH28" s="332"/>
      <c r="BI28" s="327">
        <v>0</v>
      </c>
      <c r="BJ28" s="327">
        <v>0</v>
      </c>
      <c r="BK28" s="327">
        <v>0</v>
      </c>
      <c r="BL28" s="327">
        <v>0</v>
      </c>
      <c r="BM28" s="327">
        <v>0</v>
      </c>
      <c r="BN28" s="330">
        <v>0</v>
      </c>
      <c r="BO28" s="331">
        <v>0</v>
      </c>
      <c r="BP28" s="326">
        <v>0</v>
      </c>
      <c r="BQ28" s="327">
        <v>0</v>
      </c>
      <c r="BR28" s="328">
        <v>0</v>
      </c>
      <c r="BS28" s="329">
        <v>0</v>
      </c>
      <c r="BT28" s="327">
        <v>0</v>
      </c>
      <c r="BU28" s="327">
        <v>19206</v>
      </c>
      <c r="BV28" s="327">
        <v>6655</v>
      </c>
      <c r="BW28" s="327">
        <v>7405</v>
      </c>
      <c r="BX28" s="327">
        <v>31890</v>
      </c>
      <c r="BY28" s="330">
        <v>65156</v>
      </c>
      <c r="BZ28" s="331">
        <v>65156</v>
      </c>
      <c r="CA28" s="326">
        <v>0</v>
      </c>
      <c r="CB28" s="327">
        <v>0</v>
      </c>
      <c r="CC28" s="328">
        <v>0</v>
      </c>
      <c r="CD28" s="329">
        <v>0</v>
      </c>
      <c r="CE28" s="327">
        <v>0</v>
      </c>
      <c r="CF28" s="327">
        <v>0</v>
      </c>
      <c r="CG28" s="327">
        <v>445</v>
      </c>
      <c r="CH28" s="327">
        <v>10310</v>
      </c>
      <c r="CI28" s="327">
        <v>0</v>
      </c>
      <c r="CJ28" s="330">
        <v>10755</v>
      </c>
      <c r="CK28" s="331">
        <v>10755</v>
      </c>
      <c r="CL28" s="326">
        <v>0</v>
      </c>
      <c r="CM28" s="327">
        <v>0</v>
      </c>
      <c r="CN28" s="328">
        <v>0</v>
      </c>
      <c r="CO28" s="329">
        <v>0</v>
      </c>
      <c r="CP28" s="327">
        <v>0</v>
      </c>
      <c r="CQ28" s="327">
        <v>0</v>
      </c>
      <c r="CR28" s="327">
        <v>0</v>
      </c>
      <c r="CS28" s="327">
        <v>0</v>
      </c>
      <c r="CT28" s="327">
        <v>0</v>
      </c>
      <c r="CU28" s="330">
        <v>0</v>
      </c>
      <c r="CV28" s="331">
        <v>0</v>
      </c>
      <c r="CW28" s="326">
        <v>0</v>
      </c>
      <c r="CX28" s="327">
        <v>0</v>
      </c>
      <c r="CY28" s="328">
        <v>0</v>
      </c>
      <c r="CZ28" s="332"/>
      <c r="DA28" s="327">
        <v>0</v>
      </c>
      <c r="DB28" s="327">
        <v>0</v>
      </c>
      <c r="DC28" s="327">
        <v>0</v>
      </c>
      <c r="DD28" s="327">
        <v>0</v>
      </c>
      <c r="DE28" s="327">
        <v>0</v>
      </c>
      <c r="DF28" s="330">
        <v>0</v>
      </c>
      <c r="DG28" s="331">
        <v>0</v>
      </c>
      <c r="DH28" s="326">
        <v>0</v>
      </c>
      <c r="DI28" s="327">
        <v>0</v>
      </c>
      <c r="DJ28" s="328">
        <v>0</v>
      </c>
      <c r="DK28" s="329">
        <v>0</v>
      </c>
      <c r="DL28" s="327">
        <v>77066</v>
      </c>
      <c r="DM28" s="327">
        <v>155852</v>
      </c>
      <c r="DN28" s="327">
        <v>654269</v>
      </c>
      <c r="DO28" s="327">
        <v>727670</v>
      </c>
      <c r="DP28" s="327">
        <v>352930</v>
      </c>
      <c r="DQ28" s="330">
        <v>1967787</v>
      </c>
      <c r="DR28" s="333">
        <v>1967787</v>
      </c>
      <c r="DS28" s="326">
        <v>0</v>
      </c>
      <c r="DT28" s="327">
        <v>0</v>
      </c>
      <c r="DU28" s="328">
        <v>0</v>
      </c>
      <c r="DV28" s="332"/>
      <c r="DW28" s="327">
        <v>64728</v>
      </c>
      <c r="DX28" s="327">
        <v>118079</v>
      </c>
      <c r="DY28" s="327">
        <v>637614</v>
      </c>
      <c r="DZ28" s="327">
        <v>671077</v>
      </c>
      <c r="EA28" s="327">
        <v>313965</v>
      </c>
      <c r="EB28" s="330">
        <v>1805463</v>
      </c>
      <c r="EC28" s="331">
        <v>1805463</v>
      </c>
      <c r="ED28" s="326">
        <v>0</v>
      </c>
      <c r="EE28" s="327">
        <v>0</v>
      </c>
      <c r="EF28" s="328">
        <v>0</v>
      </c>
      <c r="EG28" s="332"/>
      <c r="EH28" s="327">
        <v>12338</v>
      </c>
      <c r="EI28" s="327">
        <v>434</v>
      </c>
      <c r="EJ28" s="327">
        <v>987</v>
      </c>
      <c r="EK28" s="327">
        <v>36223</v>
      </c>
      <c r="EL28" s="327">
        <v>12555</v>
      </c>
      <c r="EM28" s="330">
        <v>62537</v>
      </c>
      <c r="EN28" s="331">
        <v>62537</v>
      </c>
      <c r="EO28" s="326">
        <v>0</v>
      </c>
      <c r="EP28" s="327">
        <v>0</v>
      </c>
      <c r="EQ28" s="328">
        <v>0</v>
      </c>
      <c r="ER28" s="332"/>
      <c r="ES28" s="327">
        <v>0</v>
      </c>
      <c r="ET28" s="327">
        <v>0</v>
      </c>
      <c r="EU28" s="327">
        <v>0</v>
      </c>
      <c r="EV28" s="327">
        <v>0</v>
      </c>
      <c r="EW28" s="327">
        <v>0</v>
      </c>
      <c r="EX28" s="330">
        <v>0</v>
      </c>
      <c r="EY28" s="331">
        <v>0</v>
      </c>
      <c r="EZ28" s="326">
        <v>0</v>
      </c>
      <c r="FA28" s="327">
        <v>0</v>
      </c>
      <c r="FB28" s="328">
        <v>0</v>
      </c>
      <c r="FC28" s="332"/>
      <c r="FD28" s="327">
        <v>0</v>
      </c>
      <c r="FE28" s="327">
        <v>0</v>
      </c>
      <c r="FF28" s="327">
        <v>0</v>
      </c>
      <c r="FG28" s="327">
        <v>0</v>
      </c>
      <c r="FH28" s="327">
        <v>0</v>
      </c>
      <c r="FI28" s="330">
        <v>0</v>
      </c>
      <c r="FJ28" s="331">
        <v>0</v>
      </c>
      <c r="FK28" s="326">
        <v>0</v>
      </c>
      <c r="FL28" s="327">
        <v>0</v>
      </c>
      <c r="FM28" s="328">
        <v>0</v>
      </c>
      <c r="FN28" s="332"/>
      <c r="FO28" s="327">
        <v>0</v>
      </c>
      <c r="FP28" s="327">
        <v>0</v>
      </c>
      <c r="FQ28" s="327">
        <v>0</v>
      </c>
      <c r="FR28" s="327">
        <v>0</v>
      </c>
      <c r="FS28" s="327">
        <v>0</v>
      </c>
      <c r="FT28" s="330">
        <v>0</v>
      </c>
      <c r="FU28" s="331">
        <v>0</v>
      </c>
      <c r="FV28" s="326">
        <v>0</v>
      </c>
      <c r="FW28" s="327">
        <v>0</v>
      </c>
      <c r="FX28" s="328">
        <v>0</v>
      </c>
      <c r="FY28" s="329">
        <v>0</v>
      </c>
      <c r="FZ28" s="327">
        <v>0</v>
      </c>
      <c r="GA28" s="327">
        <v>37339</v>
      </c>
      <c r="GB28" s="327">
        <v>15647</v>
      </c>
      <c r="GC28" s="327">
        <v>20370</v>
      </c>
      <c r="GD28" s="327">
        <v>26410</v>
      </c>
      <c r="GE28" s="330">
        <v>99766</v>
      </c>
      <c r="GF28" s="331">
        <v>99766</v>
      </c>
      <c r="GG28" s="326">
        <v>0</v>
      </c>
      <c r="GH28" s="327">
        <v>0</v>
      </c>
      <c r="GI28" s="328">
        <v>0</v>
      </c>
      <c r="GJ28" s="329">
        <v>0</v>
      </c>
      <c r="GK28" s="327">
        <v>0</v>
      </c>
      <c r="GL28" s="327">
        <v>0</v>
      </c>
      <c r="GM28" s="327">
        <v>21</v>
      </c>
      <c r="GN28" s="327">
        <v>0</v>
      </c>
      <c r="GO28" s="327">
        <v>0</v>
      </c>
      <c r="GP28" s="330">
        <v>21</v>
      </c>
      <c r="GQ28" s="331">
        <v>21</v>
      </c>
      <c r="GR28" s="326">
        <v>0</v>
      </c>
      <c r="GS28" s="327">
        <v>0</v>
      </c>
      <c r="GT28" s="328">
        <v>0</v>
      </c>
      <c r="GU28" s="329">
        <v>0</v>
      </c>
      <c r="GV28" s="327">
        <v>0</v>
      </c>
      <c r="GW28" s="327">
        <v>0</v>
      </c>
      <c r="GX28" s="327">
        <v>0</v>
      </c>
      <c r="GY28" s="327">
        <v>0</v>
      </c>
      <c r="GZ28" s="327">
        <v>0</v>
      </c>
      <c r="HA28" s="330">
        <v>0</v>
      </c>
      <c r="HB28" s="331">
        <v>0</v>
      </c>
      <c r="HC28" s="326">
        <v>0</v>
      </c>
      <c r="HD28" s="327">
        <v>0</v>
      </c>
      <c r="HE28" s="328">
        <v>0</v>
      </c>
      <c r="HF28" s="332"/>
      <c r="HG28" s="327">
        <v>0</v>
      </c>
      <c r="HH28" s="327">
        <v>0</v>
      </c>
      <c r="HI28" s="327">
        <v>0</v>
      </c>
      <c r="HJ28" s="327">
        <v>0</v>
      </c>
      <c r="HK28" s="327">
        <v>0</v>
      </c>
      <c r="HL28" s="330">
        <v>0</v>
      </c>
      <c r="HM28" s="331">
        <v>0</v>
      </c>
      <c r="HN28" s="326">
        <v>0</v>
      </c>
      <c r="HO28" s="327">
        <v>0</v>
      </c>
      <c r="HP28" s="328">
        <v>0</v>
      </c>
      <c r="HQ28" s="329">
        <v>0</v>
      </c>
      <c r="HR28" s="327">
        <v>211456</v>
      </c>
      <c r="HS28" s="327">
        <v>275498</v>
      </c>
      <c r="HT28" s="327">
        <v>1235234</v>
      </c>
      <c r="HU28" s="327">
        <v>1618530</v>
      </c>
      <c r="HV28" s="327">
        <v>938935</v>
      </c>
      <c r="HW28" s="330">
        <v>4279653</v>
      </c>
      <c r="HX28" s="331">
        <v>4279653</v>
      </c>
    </row>
    <row r="29" spans="1:232" ht="16.5" customHeight="1" x14ac:dyDescent="0.2">
      <c r="A29" s="324" t="s">
        <v>26</v>
      </c>
      <c r="B29" s="326">
        <v>0</v>
      </c>
      <c r="C29" s="327">
        <v>1740</v>
      </c>
      <c r="D29" s="328">
        <v>1740</v>
      </c>
      <c r="E29" s="329">
        <v>0</v>
      </c>
      <c r="F29" s="327">
        <v>85399</v>
      </c>
      <c r="G29" s="327">
        <v>195469</v>
      </c>
      <c r="H29" s="327">
        <v>385415</v>
      </c>
      <c r="I29" s="327">
        <v>798560</v>
      </c>
      <c r="J29" s="327">
        <v>381640</v>
      </c>
      <c r="K29" s="330">
        <v>1846483</v>
      </c>
      <c r="L29" s="331">
        <v>1848223</v>
      </c>
      <c r="M29" s="326">
        <v>0</v>
      </c>
      <c r="N29" s="327">
        <v>0</v>
      </c>
      <c r="O29" s="328">
        <v>0</v>
      </c>
      <c r="P29" s="332"/>
      <c r="Q29" s="327">
        <v>0</v>
      </c>
      <c r="R29" s="327">
        <v>33945</v>
      </c>
      <c r="S29" s="327">
        <v>218395</v>
      </c>
      <c r="T29" s="327">
        <v>667885</v>
      </c>
      <c r="U29" s="327">
        <v>371575</v>
      </c>
      <c r="V29" s="330">
        <v>1291800</v>
      </c>
      <c r="W29" s="331">
        <v>1291800</v>
      </c>
      <c r="X29" s="326">
        <v>0</v>
      </c>
      <c r="Y29" s="327">
        <v>0</v>
      </c>
      <c r="Z29" s="328">
        <v>0</v>
      </c>
      <c r="AA29" s="332"/>
      <c r="AB29" s="327">
        <v>66175</v>
      </c>
      <c r="AC29" s="327">
        <v>152055</v>
      </c>
      <c r="AD29" s="327">
        <v>133215</v>
      </c>
      <c r="AE29" s="327">
        <v>120650</v>
      </c>
      <c r="AF29" s="327">
        <v>870</v>
      </c>
      <c r="AG29" s="330">
        <v>472965</v>
      </c>
      <c r="AH29" s="331">
        <v>472965</v>
      </c>
      <c r="AI29" s="326">
        <v>0</v>
      </c>
      <c r="AJ29" s="327">
        <v>0</v>
      </c>
      <c r="AK29" s="328">
        <v>0</v>
      </c>
      <c r="AL29" s="332"/>
      <c r="AM29" s="327">
        <v>0</v>
      </c>
      <c r="AN29" s="327">
        <v>0</v>
      </c>
      <c r="AO29" s="327">
        <v>0</v>
      </c>
      <c r="AP29" s="327">
        <v>2635</v>
      </c>
      <c r="AQ29" s="327">
        <v>0</v>
      </c>
      <c r="AR29" s="330">
        <v>2635</v>
      </c>
      <c r="AS29" s="331">
        <v>2635</v>
      </c>
      <c r="AT29" s="326">
        <v>0</v>
      </c>
      <c r="AU29" s="327">
        <v>0</v>
      </c>
      <c r="AV29" s="328">
        <v>0</v>
      </c>
      <c r="AW29" s="332"/>
      <c r="AX29" s="327">
        <v>0</v>
      </c>
      <c r="AY29" s="327">
        <v>0</v>
      </c>
      <c r="AZ29" s="327">
        <v>0</v>
      </c>
      <c r="BA29" s="327">
        <v>0</v>
      </c>
      <c r="BB29" s="327">
        <v>1275</v>
      </c>
      <c r="BC29" s="330">
        <v>1275</v>
      </c>
      <c r="BD29" s="331">
        <v>1275</v>
      </c>
      <c r="BE29" s="326">
        <v>0</v>
      </c>
      <c r="BF29" s="327">
        <v>0</v>
      </c>
      <c r="BG29" s="328">
        <v>0</v>
      </c>
      <c r="BH29" s="332"/>
      <c r="BI29" s="327">
        <v>0</v>
      </c>
      <c r="BJ29" s="327">
        <v>2635</v>
      </c>
      <c r="BK29" s="327">
        <v>0</v>
      </c>
      <c r="BL29" s="327">
        <v>0</v>
      </c>
      <c r="BM29" s="327">
        <v>0</v>
      </c>
      <c r="BN29" s="330">
        <v>2635</v>
      </c>
      <c r="BO29" s="331">
        <v>2635</v>
      </c>
      <c r="BP29" s="326">
        <v>0</v>
      </c>
      <c r="BQ29" s="327">
        <v>1740</v>
      </c>
      <c r="BR29" s="328">
        <v>1740</v>
      </c>
      <c r="BS29" s="329">
        <v>0</v>
      </c>
      <c r="BT29" s="327">
        <v>2289</v>
      </c>
      <c r="BU29" s="327">
        <v>6734</v>
      </c>
      <c r="BV29" s="327">
        <v>33605</v>
      </c>
      <c r="BW29" s="327">
        <v>6410</v>
      </c>
      <c r="BX29" s="327">
        <v>7920</v>
      </c>
      <c r="BY29" s="330">
        <v>56958</v>
      </c>
      <c r="BZ29" s="331">
        <v>58698</v>
      </c>
      <c r="CA29" s="326">
        <v>0</v>
      </c>
      <c r="CB29" s="327">
        <v>0</v>
      </c>
      <c r="CC29" s="328">
        <v>0</v>
      </c>
      <c r="CD29" s="329">
        <v>0</v>
      </c>
      <c r="CE29" s="327">
        <v>16935</v>
      </c>
      <c r="CF29" s="327">
        <v>100</v>
      </c>
      <c r="CG29" s="327">
        <v>200</v>
      </c>
      <c r="CH29" s="327">
        <v>980</v>
      </c>
      <c r="CI29" s="327">
        <v>0</v>
      </c>
      <c r="CJ29" s="330">
        <v>18215</v>
      </c>
      <c r="CK29" s="331">
        <v>18215</v>
      </c>
      <c r="CL29" s="326">
        <v>0</v>
      </c>
      <c r="CM29" s="327">
        <v>0</v>
      </c>
      <c r="CN29" s="328">
        <v>0</v>
      </c>
      <c r="CO29" s="329">
        <v>0</v>
      </c>
      <c r="CP29" s="327">
        <v>0</v>
      </c>
      <c r="CQ29" s="327">
        <v>0</v>
      </c>
      <c r="CR29" s="327">
        <v>0</v>
      </c>
      <c r="CS29" s="327">
        <v>0</v>
      </c>
      <c r="CT29" s="327">
        <v>0</v>
      </c>
      <c r="CU29" s="330">
        <v>0</v>
      </c>
      <c r="CV29" s="331">
        <v>0</v>
      </c>
      <c r="CW29" s="326">
        <v>0</v>
      </c>
      <c r="CX29" s="327">
        <v>0</v>
      </c>
      <c r="CY29" s="328">
        <v>0</v>
      </c>
      <c r="CZ29" s="332"/>
      <c r="DA29" s="327">
        <v>0</v>
      </c>
      <c r="DB29" s="327">
        <v>0</v>
      </c>
      <c r="DC29" s="327">
        <v>0</v>
      </c>
      <c r="DD29" s="327">
        <v>0</v>
      </c>
      <c r="DE29" s="327">
        <v>0</v>
      </c>
      <c r="DF29" s="330">
        <v>0</v>
      </c>
      <c r="DG29" s="331">
        <v>0</v>
      </c>
      <c r="DH29" s="326">
        <v>0</v>
      </c>
      <c r="DI29" s="327">
        <v>8352</v>
      </c>
      <c r="DJ29" s="328">
        <v>8352</v>
      </c>
      <c r="DK29" s="329">
        <v>0</v>
      </c>
      <c r="DL29" s="327">
        <v>2211</v>
      </c>
      <c r="DM29" s="327">
        <v>144197</v>
      </c>
      <c r="DN29" s="327">
        <v>440611</v>
      </c>
      <c r="DO29" s="327">
        <v>804400</v>
      </c>
      <c r="DP29" s="327">
        <v>559703</v>
      </c>
      <c r="DQ29" s="330">
        <v>1951122</v>
      </c>
      <c r="DR29" s="333">
        <v>1959474</v>
      </c>
      <c r="DS29" s="326">
        <v>0</v>
      </c>
      <c r="DT29" s="327">
        <v>0</v>
      </c>
      <c r="DU29" s="328">
        <v>0</v>
      </c>
      <c r="DV29" s="332"/>
      <c r="DW29" s="327">
        <v>0</v>
      </c>
      <c r="DX29" s="327">
        <v>77686</v>
      </c>
      <c r="DY29" s="327">
        <v>331607</v>
      </c>
      <c r="DZ29" s="327">
        <v>754290</v>
      </c>
      <c r="EA29" s="327">
        <v>539614</v>
      </c>
      <c r="EB29" s="330">
        <v>1703197</v>
      </c>
      <c r="EC29" s="331">
        <v>1703197</v>
      </c>
      <c r="ED29" s="326">
        <v>0</v>
      </c>
      <c r="EE29" s="327">
        <v>0</v>
      </c>
      <c r="EF29" s="328">
        <v>0</v>
      </c>
      <c r="EG29" s="332"/>
      <c r="EH29" s="327">
        <v>504</v>
      </c>
      <c r="EI29" s="327">
        <v>35216</v>
      </c>
      <c r="EJ29" s="327">
        <v>38037</v>
      </c>
      <c r="EK29" s="327">
        <v>26504</v>
      </c>
      <c r="EL29" s="327">
        <v>210</v>
      </c>
      <c r="EM29" s="330">
        <v>100471</v>
      </c>
      <c r="EN29" s="331">
        <v>100471</v>
      </c>
      <c r="EO29" s="326">
        <v>0</v>
      </c>
      <c r="EP29" s="327">
        <v>0</v>
      </c>
      <c r="EQ29" s="328">
        <v>0</v>
      </c>
      <c r="ER29" s="332"/>
      <c r="ES29" s="327">
        <v>0</v>
      </c>
      <c r="ET29" s="327">
        <v>0</v>
      </c>
      <c r="EU29" s="327">
        <v>0</v>
      </c>
      <c r="EV29" s="327">
        <v>217</v>
      </c>
      <c r="EW29" s="327">
        <v>0</v>
      </c>
      <c r="EX29" s="330">
        <v>217</v>
      </c>
      <c r="EY29" s="331">
        <v>217</v>
      </c>
      <c r="EZ29" s="326">
        <v>0</v>
      </c>
      <c r="FA29" s="327">
        <v>0</v>
      </c>
      <c r="FB29" s="328">
        <v>0</v>
      </c>
      <c r="FC29" s="332"/>
      <c r="FD29" s="327">
        <v>0</v>
      </c>
      <c r="FE29" s="327">
        <v>0</v>
      </c>
      <c r="FF29" s="327">
        <v>0</v>
      </c>
      <c r="FG29" s="327">
        <v>0</v>
      </c>
      <c r="FH29" s="327">
        <v>217</v>
      </c>
      <c r="FI29" s="330">
        <v>217</v>
      </c>
      <c r="FJ29" s="331">
        <v>217</v>
      </c>
      <c r="FK29" s="326">
        <v>0</v>
      </c>
      <c r="FL29" s="327">
        <v>0</v>
      </c>
      <c r="FM29" s="328">
        <v>0</v>
      </c>
      <c r="FN29" s="332"/>
      <c r="FO29" s="327">
        <v>0</v>
      </c>
      <c r="FP29" s="327">
        <v>21576</v>
      </c>
      <c r="FQ29" s="327">
        <v>0</v>
      </c>
      <c r="FR29" s="327">
        <v>0</v>
      </c>
      <c r="FS29" s="327">
        <v>0</v>
      </c>
      <c r="FT29" s="330">
        <v>21576</v>
      </c>
      <c r="FU29" s="331">
        <v>21576</v>
      </c>
      <c r="FV29" s="326">
        <v>0</v>
      </c>
      <c r="FW29" s="327">
        <v>8352</v>
      </c>
      <c r="FX29" s="328">
        <v>8352</v>
      </c>
      <c r="FY29" s="329">
        <v>0</v>
      </c>
      <c r="FZ29" s="327">
        <v>1455</v>
      </c>
      <c r="GA29" s="327">
        <v>9705</v>
      </c>
      <c r="GB29" s="327">
        <v>70939</v>
      </c>
      <c r="GC29" s="327">
        <v>23305</v>
      </c>
      <c r="GD29" s="327">
        <v>19662</v>
      </c>
      <c r="GE29" s="330">
        <v>125066</v>
      </c>
      <c r="GF29" s="331">
        <v>133418</v>
      </c>
      <c r="GG29" s="326">
        <v>0</v>
      </c>
      <c r="GH29" s="327">
        <v>0</v>
      </c>
      <c r="GI29" s="328">
        <v>0</v>
      </c>
      <c r="GJ29" s="329">
        <v>0</v>
      </c>
      <c r="GK29" s="327">
        <v>252</v>
      </c>
      <c r="GL29" s="327">
        <v>14</v>
      </c>
      <c r="GM29" s="327">
        <v>28</v>
      </c>
      <c r="GN29" s="327">
        <v>84</v>
      </c>
      <c r="GO29" s="327">
        <v>0</v>
      </c>
      <c r="GP29" s="330">
        <v>378</v>
      </c>
      <c r="GQ29" s="331">
        <v>378</v>
      </c>
      <c r="GR29" s="326">
        <v>0</v>
      </c>
      <c r="GS29" s="327">
        <v>0</v>
      </c>
      <c r="GT29" s="328">
        <v>0</v>
      </c>
      <c r="GU29" s="329">
        <v>0</v>
      </c>
      <c r="GV29" s="327">
        <v>0</v>
      </c>
      <c r="GW29" s="327">
        <v>0</v>
      </c>
      <c r="GX29" s="327">
        <v>0</v>
      </c>
      <c r="GY29" s="327">
        <v>0</v>
      </c>
      <c r="GZ29" s="327">
        <v>0</v>
      </c>
      <c r="HA29" s="330">
        <v>0</v>
      </c>
      <c r="HB29" s="331">
        <v>0</v>
      </c>
      <c r="HC29" s="326">
        <v>0</v>
      </c>
      <c r="HD29" s="327">
        <v>0</v>
      </c>
      <c r="HE29" s="328">
        <v>0</v>
      </c>
      <c r="HF29" s="332"/>
      <c r="HG29" s="327">
        <v>0</v>
      </c>
      <c r="HH29" s="327">
        <v>0</v>
      </c>
      <c r="HI29" s="327">
        <v>0</v>
      </c>
      <c r="HJ29" s="327">
        <v>0</v>
      </c>
      <c r="HK29" s="327">
        <v>0</v>
      </c>
      <c r="HL29" s="330">
        <v>0</v>
      </c>
      <c r="HM29" s="331">
        <v>0</v>
      </c>
      <c r="HN29" s="326">
        <v>0</v>
      </c>
      <c r="HO29" s="327">
        <v>10092</v>
      </c>
      <c r="HP29" s="328">
        <v>10092</v>
      </c>
      <c r="HQ29" s="329">
        <v>0</v>
      </c>
      <c r="HR29" s="327">
        <v>87610</v>
      </c>
      <c r="HS29" s="327">
        <v>339666</v>
      </c>
      <c r="HT29" s="327">
        <v>826026</v>
      </c>
      <c r="HU29" s="327">
        <v>1602960</v>
      </c>
      <c r="HV29" s="327">
        <v>941343</v>
      </c>
      <c r="HW29" s="330">
        <v>3797605</v>
      </c>
      <c r="HX29" s="331">
        <v>3807697</v>
      </c>
    </row>
    <row r="30" spans="1:232" ht="16.5" customHeight="1" x14ac:dyDescent="0.2">
      <c r="A30" s="324" t="s">
        <v>27</v>
      </c>
      <c r="B30" s="326">
        <v>0</v>
      </c>
      <c r="C30" s="327">
        <v>0</v>
      </c>
      <c r="D30" s="328">
        <v>0</v>
      </c>
      <c r="E30" s="329">
        <v>0</v>
      </c>
      <c r="F30" s="327">
        <v>68910</v>
      </c>
      <c r="G30" s="327">
        <v>160650</v>
      </c>
      <c r="H30" s="327">
        <v>743700</v>
      </c>
      <c r="I30" s="327">
        <v>617955</v>
      </c>
      <c r="J30" s="327">
        <v>379829</v>
      </c>
      <c r="K30" s="330">
        <v>1971044</v>
      </c>
      <c r="L30" s="331">
        <v>1971044</v>
      </c>
      <c r="M30" s="326">
        <v>0</v>
      </c>
      <c r="N30" s="327">
        <v>0</v>
      </c>
      <c r="O30" s="328">
        <v>0</v>
      </c>
      <c r="P30" s="332"/>
      <c r="Q30" s="327">
        <v>35340</v>
      </c>
      <c r="R30" s="327">
        <v>32705</v>
      </c>
      <c r="S30" s="327">
        <v>466825</v>
      </c>
      <c r="T30" s="327">
        <v>494640</v>
      </c>
      <c r="U30" s="327">
        <v>229470</v>
      </c>
      <c r="V30" s="330">
        <v>1258980</v>
      </c>
      <c r="W30" s="331">
        <v>1258980</v>
      </c>
      <c r="X30" s="326">
        <v>0</v>
      </c>
      <c r="Y30" s="327">
        <v>0</v>
      </c>
      <c r="Z30" s="328">
        <v>0</v>
      </c>
      <c r="AA30" s="332"/>
      <c r="AB30" s="327">
        <v>27280</v>
      </c>
      <c r="AC30" s="327">
        <v>127945</v>
      </c>
      <c r="AD30" s="327">
        <v>142035</v>
      </c>
      <c r="AE30" s="327">
        <v>95325</v>
      </c>
      <c r="AF30" s="327">
        <v>53244</v>
      </c>
      <c r="AG30" s="330">
        <v>445829</v>
      </c>
      <c r="AH30" s="331">
        <v>445829</v>
      </c>
      <c r="AI30" s="326">
        <v>0</v>
      </c>
      <c r="AJ30" s="327">
        <v>0</v>
      </c>
      <c r="AK30" s="328">
        <v>0</v>
      </c>
      <c r="AL30" s="332"/>
      <c r="AM30" s="327">
        <v>0</v>
      </c>
      <c r="AN30" s="327">
        <v>0</v>
      </c>
      <c r="AO30" s="327">
        <v>0</v>
      </c>
      <c r="AP30" s="327">
        <v>0</v>
      </c>
      <c r="AQ30" s="327">
        <v>0</v>
      </c>
      <c r="AR30" s="330">
        <v>0</v>
      </c>
      <c r="AS30" s="331">
        <v>0</v>
      </c>
      <c r="AT30" s="326">
        <v>0</v>
      </c>
      <c r="AU30" s="327">
        <v>0</v>
      </c>
      <c r="AV30" s="328">
        <v>0</v>
      </c>
      <c r="AW30" s="332"/>
      <c r="AX30" s="327">
        <v>0</v>
      </c>
      <c r="AY30" s="327">
        <v>0</v>
      </c>
      <c r="AZ30" s="327">
        <v>18285</v>
      </c>
      <c r="BA30" s="327">
        <v>0</v>
      </c>
      <c r="BB30" s="327">
        <v>0</v>
      </c>
      <c r="BC30" s="330">
        <v>18285</v>
      </c>
      <c r="BD30" s="331">
        <v>18285</v>
      </c>
      <c r="BE30" s="326">
        <v>0</v>
      </c>
      <c r="BF30" s="327">
        <v>0</v>
      </c>
      <c r="BG30" s="328">
        <v>0</v>
      </c>
      <c r="BH30" s="332"/>
      <c r="BI30" s="327">
        <v>0</v>
      </c>
      <c r="BJ30" s="327">
        <v>0</v>
      </c>
      <c r="BK30" s="327">
        <v>91430</v>
      </c>
      <c r="BL30" s="327">
        <v>2635</v>
      </c>
      <c r="BM30" s="327">
        <v>65935</v>
      </c>
      <c r="BN30" s="330">
        <v>160000</v>
      </c>
      <c r="BO30" s="331">
        <v>160000</v>
      </c>
      <c r="BP30" s="326">
        <v>0</v>
      </c>
      <c r="BQ30" s="327">
        <v>0</v>
      </c>
      <c r="BR30" s="328">
        <v>0</v>
      </c>
      <c r="BS30" s="329">
        <v>0</v>
      </c>
      <c r="BT30" s="327">
        <v>6290</v>
      </c>
      <c r="BU30" s="327">
        <v>0</v>
      </c>
      <c r="BV30" s="327">
        <v>25125</v>
      </c>
      <c r="BW30" s="327">
        <v>25065</v>
      </c>
      <c r="BX30" s="327">
        <v>20470</v>
      </c>
      <c r="BY30" s="330">
        <v>76950</v>
      </c>
      <c r="BZ30" s="331">
        <v>76950</v>
      </c>
      <c r="CA30" s="326">
        <v>0</v>
      </c>
      <c r="CB30" s="327">
        <v>0</v>
      </c>
      <c r="CC30" s="328">
        <v>0</v>
      </c>
      <c r="CD30" s="329">
        <v>0</v>
      </c>
      <c r="CE30" s="327">
        <v>0</v>
      </c>
      <c r="CF30" s="327">
        <v>0</v>
      </c>
      <c r="CG30" s="327">
        <v>0</v>
      </c>
      <c r="CH30" s="327">
        <v>290</v>
      </c>
      <c r="CI30" s="327">
        <v>10710</v>
      </c>
      <c r="CJ30" s="330">
        <v>11000</v>
      </c>
      <c r="CK30" s="331">
        <v>11000</v>
      </c>
      <c r="CL30" s="326">
        <v>0</v>
      </c>
      <c r="CM30" s="327">
        <v>0</v>
      </c>
      <c r="CN30" s="328">
        <v>0</v>
      </c>
      <c r="CO30" s="329">
        <v>0</v>
      </c>
      <c r="CP30" s="327">
        <v>0</v>
      </c>
      <c r="CQ30" s="327">
        <v>0</v>
      </c>
      <c r="CR30" s="327">
        <v>0</v>
      </c>
      <c r="CS30" s="327">
        <v>0</v>
      </c>
      <c r="CT30" s="327">
        <v>0</v>
      </c>
      <c r="CU30" s="330">
        <v>0</v>
      </c>
      <c r="CV30" s="331">
        <v>0</v>
      </c>
      <c r="CW30" s="326">
        <v>0</v>
      </c>
      <c r="CX30" s="327">
        <v>0</v>
      </c>
      <c r="CY30" s="328">
        <v>0</v>
      </c>
      <c r="CZ30" s="332"/>
      <c r="DA30" s="327">
        <v>0</v>
      </c>
      <c r="DB30" s="327">
        <v>0</v>
      </c>
      <c r="DC30" s="327">
        <v>0</v>
      </c>
      <c r="DD30" s="327">
        <v>0</v>
      </c>
      <c r="DE30" s="327">
        <v>0</v>
      </c>
      <c r="DF30" s="330">
        <v>0</v>
      </c>
      <c r="DG30" s="331">
        <v>0</v>
      </c>
      <c r="DH30" s="326">
        <v>0</v>
      </c>
      <c r="DI30" s="327">
        <v>0</v>
      </c>
      <c r="DJ30" s="328">
        <v>0</v>
      </c>
      <c r="DK30" s="329">
        <v>0</v>
      </c>
      <c r="DL30" s="327">
        <v>62458</v>
      </c>
      <c r="DM30" s="327">
        <v>102174</v>
      </c>
      <c r="DN30" s="327">
        <v>702927</v>
      </c>
      <c r="DO30" s="327">
        <v>618675</v>
      </c>
      <c r="DP30" s="327">
        <v>398753</v>
      </c>
      <c r="DQ30" s="330">
        <v>1884987</v>
      </c>
      <c r="DR30" s="333">
        <v>1884987</v>
      </c>
      <c r="DS30" s="326">
        <v>0</v>
      </c>
      <c r="DT30" s="327">
        <v>0</v>
      </c>
      <c r="DU30" s="328">
        <v>0</v>
      </c>
      <c r="DV30" s="332"/>
      <c r="DW30" s="327">
        <v>30070</v>
      </c>
      <c r="DX30" s="327">
        <v>15035</v>
      </c>
      <c r="DY30" s="327">
        <v>395732</v>
      </c>
      <c r="DZ30" s="327">
        <v>507692</v>
      </c>
      <c r="EA30" s="327">
        <v>293358</v>
      </c>
      <c r="EB30" s="330">
        <v>1241887</v>
      </c>
      <c r="EC30" s="331">
        <v>1241887</v>
      </c>
      <c r="ED30" s="326">
        <v>0</v>
      </c>
      <c r="EE30" s="327">
        <v>0</v>
      </c>
      <c r="EF30" s="328">
        <v>0</v>
      </c>
      <c r="EG30" s="332"/>
      <c r="EH30" s="327">
        <v>21793</v>
      </c>
      <c r="EI30" s="327">
        <v>87139</v>
      </c>
      <c r="EJ30" s="327">
        <v>118092</v>
      </c>
      <c r="EK30" s="327">
        <v>58745</v>
      </c>
      <c r="EL30" s="327">
        <v>519</v>
      </c>
      <c r="EM30" s="330">
        <v>286288</v>
      </c>
      <c r="EN30" s="331">
        <v>286288</v>
      </c>
      <c r="EO30" s="326">
        <v>0</v>
      </c>
      <c r="EP30" s="327">
        <v>0</v>
      </c>
      <c r="EQ30" s="328">
        <v>0</v>
      </c>
      <c r="ER30" s="332"/>
      <c r="ES30" s="327">
        <v>0</v>
      </c>
      <c r="ET30" s="327">
        <v>0</v>
      </c>
      <c r="EU30" s="327">
        <v>0</v>
      </c>
      <c r="EV30" s="327">
        <v>0</v>
      </c>
      <c r="EW30" s="327">
        <v>0</v>
      </c>
      <c r="EX30" s="330">
        <v>0</v>
      </c>
      <c r="EY30" s="331">
        <v>0</v>
      </c>
      <c r="EZ30" s="326">
        <v>0</v>
      </c>
      <c r="FA30" s="327">
        <v>0</v>
      </c>
      <c r="FB30" s="328">
        <v>0</v>
      </c>
      <c r="FC30" s="332"/>
      <c r="FD30" s="327">
        <v>0</v>
      </c>
      <c r="FE30" s="327">
        <v>0</v>
      </c>
      <c r="FF30" s="327">
        <v>217</v>
      </c>
      <c r="FG30" s="327">
        <v>0</v>
      </c>
      <c r="FH30" s="327">
        <v>0</v>
      </c>
      <c r="FI30" s="330">
        <v>217</v>
      </c>
      <c r="FJ30" s="331">
        <v>217</v>
      </c>
      <c r="FK30" s="326">
        <v>0</v>
      </c>
      <c r="FL30" s="327">
        <v>0</v>
      </c>
      <c r="FM30" s="328">
        <v>0</v>
      </c>
      <c r="FN30" s="332"/>
      <c r="FO30" s="327">
        <v>0</v>
      </c>
      <c r="FP30" s="327">
        <v>0</v>
      </c>
      <c r="FQ30" s="327">
        <v>157174</v>
      </c>
      <c r="FR30" s="327">
        <v>21576</v>
      </c>
      <c r="FS30" s="327">
        <v>92736</v>
      </c>
      <c r="FT30" s="330">
        <v>271486</v>
      </c>
      <c r="FU30" s="331">
        <v>271486</v>
      </c>
      <c r="FV30" s="326">
        <v>0</v>
      </c>
      <c r="FW30" s="327">
        <v>0</v>
      </c>
      <c r="FX30" s="328">
        <v>0</v>
      </c>
      <c r="FY30" s="329">
        <v>0</v>
      </c>
      <c r="FZ30" s="327">
        <v>10595</v>
      </c>
      <c r="GA30" s="327">
        <v>0</v>
      </c>
      <c r="GB30" s="327">
        <v>31712</v>
      </c>
      <c r="GC30" s="327">
        <v>29588</v>
      </c>
      <c r="GD30" s="327">
        <v>12042</v>
      </c>
      <c r="GE30" s="330">
        <v>83937</v>
      </c>
      <c r="GF30" s="331">
        <v>83937</v>
      </c>
      <c r="GG30" s="326">
        <v>0</v>
      </c>
      <c r="GH30" s="327">
        <v>0</v>
      </c>
      <c r="GI30" s="328">
        <v>0</v>
      </c>
      <c r="GJ30" s="329">
        <v>0</v>
      </c>
      <c r="GK30" s="327">
        <v>0</v>
      </c>
      <c r="GL30" s="327">
        <v>0</v>
      </c>
      <c r="GM30" s="327">
        <v>0</v>
      </c>
      <c r="GN30" s="327">
        <v>1074</v>
      </c>
      <c r="GO30" s="327">
        <v>98</v>
      </c>
      <c r="GP30" s="330">
        <v>1172</v>
      </c>
      <c r="GQ30" s="331">
        <v>1172</v>
      </c>
      <c r="GR30" s="326">
        <v>0</v>
      </c>
      <c r="GS30" s="327">
        <v>0</v>
      </c>
      <c r="GT30" s="328">
        <v>0</v>
      </c>
      <c r="GU30" s="329">
        <v>0</v>
      </c>
      <c r="GV30" s="327">
        <v>0</v>
      </c>
      <c r="GW30" s="327">
        <v>0</v>
      </c>
      <c r="GX30" s="327">
        <v>0</v>
      </c>
      <c r="GY30" s="327">
        <v>0</v>
      </c>
      <c r="GZ30" s="327">
        <v>0</v>
      </c>
      <c r="HA30" s="330">
        <v>0</v>
      </c>
      <c r="HB30" s="331">
        <v>0</v>
      </c>
      <c r="HC30" s="326">
        <v>0</v>
      </c>
      <c r="HD30" s="327">
        <v>0</v>
      </c>
      <c r="HE30" s="328">
        <v>0</v>
      </c>
      <c r="HF30" s="332"/>
      <c r="HG30" s="327">
        <v>0</v>
      </c>
      <c r="HH30" s="327">
        <v>0</v>
      </c>
      <c r="HI30" s="327">
        <v>0</v>
      </c>
      <c r="HJ30" s="327">
        <v>0</v>
      </c>
      <c r="HK30" s="327">
        <v>0</v>
      </c>
      <c r="HL30" s="330">
        <v>0</v>
      </c>
      <c r="HM30" s="331">
        <v>0</v>
      </c>
      <c r="HN30" s="326">
        <v>0</v>
      </c>
      <c r="HO30" s="327">
        <v>0</v>
      </c>
      <c r="HP30" s="328">
        <v>0</v>
      </c>
      <c r="HQ30" s="329">
        <v>0</v>
      </c>
      <c r="HR30" s="327">
        <v>131368</v>
      </c>
      <c r="HS30" s="327">
        <v>262824</v>
      </c>
      <c r="HT30" s="327">
        <v>1446627</v>
      </c>
      <c r="HU30" s="327">
        <v>1236630</v>
      </c>
      <c r="HV30" s="327">
        <v>778582</v>
      </c>
      <c r="HW30" s="330">
        <v>3856031</v>
      </c>
      <c r="HX30" s="331">
        <v>3856031</v>
      </c>
    </row>
    <row r="31" spans="1:232" ht="16.5" customHeight="1" x14ac:dyDescent="0.2">
      <c r="A31" s="324" t="s">
        <v>28</v>
      </c>
      <c r="B31" s="326">
        <v>0</v>
      </c>
      <c r="C31" s="327">
        <v>0</v>
      </c>
      <c r="D31" s="328">
        <v>0</v>
      </c>
      <c r="E31" s="329">
        <v>0</v>
      </c>
      <c r="F31" s="327">
        <v>0</v>
      </c>
      <c r="G31" s="327">
        <v>35960</v>
      </c>
      <c r="H31" s="327">
        <v>257610</v>
      </c>
      <c r="I31" s="327">
        <v>241395</v>
      </c>
      <c r="J31" s="327">
        <v>152730</v>
      </c>
      <c r="K31" s="330">
        <v>687695</v>
      </c>
      <c r="L31" s="331">
        <v>687695</v>
      </c>
      <c r="M31" s="326">
        <v>0</v>
      </c>
      <c r="N31" s="327">
        <v>0</v>
      </c>
      <c r="O31" s="328">
        <v>0</v>
      </c>
      <c r="P31" s="332"/>
      <c r="Q31" s="327">
        <v>0</v>
      </c>
      <c r="R31" s="327">
        <v>30690</v>
      </c>
      <c r="S31" s="327">
        <v>159495</v>
      </c>
      <c r="T31" s="327">
        <v>149265</v>
      </c>
      <c r="U31" s="327">
        <v>94240</v>
      </c>
      <c r="V31" s="330">
        <v>433690</v>
      </c>
      <c r="W31" s="331">
        <v>433690</v>
      </c>
      <c r="X31" s="326">
        <v>0</v>
      </c>
      <c r="Y31" s="327">
        <v>0</v>
      </c>
      <c r="Z31" s="328">
        <v>0</v>
      </c>
      <c r="AA31" s="332"/>
      <c r="AB31" s="327">
        <v>0</v>
      </c>
      <c r="AC31" s="327">
        <v>5270</v>
      </c>
      <c r="AD31" s="327">
        <v>65410</v>
      </c>
      <c r="AE31" s="327">
        <v>80030</v>
      </c>
      <c r="AF31" s="327">
        <v>57350</v>
      </c>
      <c r="AG31" s="330">
        <v>208060</v>
      </c>
      <c r="AH31" s="331">
        <v>208060</v>
      </c>
      <c r="AI31" s="326">
        <v>0</v>
      </c>
      <c r="AJ31" s="327">
        <v>0</v>
      </c>
      <c r="AK31" s="328">
        <v>0</v>
      </c>
      <c r="AL31" s="332"/>
      <c r="AM31" s="327">
        <v>0</v>
      </c>
      <c r="AN31" s="327">
        <v>0</v>
      </c>
      <c r="AO31" s="327">
        <v>0</v>
      </c>
      <c r="AP31" s="327">
        <v>0</v>
      </c>
      <c r="AQ31" s="327">
        <v>0</v>
      </c>
      <c r="AR31" s="330">
        <v>0</v>
      </c>
      <c r="AS31" s="331">
        <v>0</v>
      </c>
      <c r="AT31" s="326">
        <v>0</v>
      </c>
      <c r="AU31" s="327">
        <v>0</v>
      </c>
      <c r="AV31" s="328">
        <v>0</v>
      </c>
      <c r="AW31" s="332"/>
      <c r="AX31" s="327">
        <v>0</v>
      </c>
      <c r="AY31" s="327">
        <v>0</v>
      </c>
      <c r="AZ31" s="327">
        <v>0</v>
      </c>
      <c r="BA31" s="327">
        <v>0</v>
      </c>
      <c r="BB31" s="327">
        <v>0</v>
      </c>
      <c r="BC31" s="330">
        <v>0</v>
      </c>
      <c r="BD31" s="331">
        <v>0</v>
      </c>
      <c r="BE31" s="326">
        <v>0</v>
      </c>
      <c r="BF31" s="327">
        <v>0</v>
      </c>
      <c r="BG31" s="328">
        <v>0</v>
      </c>
      <c r="BH31" s="332"/>
      <c r="BI31" s="327">
        <v>0</v>
      </c>
      <c r="BJ31" s="327">
        <v>0</v>
      </c>
      <c r="BK31" s="327">
        <v>32705</v>
      </c>
      <c r="BL31" s="327">
        <v>0</v>
      </c>
      <c r="BM31" s="327">
        <v>0</v>
      </c>
      <c r="BN31" s="330">
        <v>32705</v>
      </c>
      <c r="BO31" s="331">
        <v>32705</v>
      </c>
      <c r="BP31" s="326">
        <v>0</v>
      </c>
      <c r="BQ31" s="327">
        <v>0</v>
      </c>
      <c r="BR31" s="328">
        <v>0</v>
      </c>
      <c r="BS31" s="329">
        <v>0</v>
      </c>
      <c r="BT31" s="327">
        <v>0</v>
      </c>
      <c r="BU31" s="327">
        <v>0</v>
      </c>
      <c r="BV31" s="327">
        <v>0</v>
      </c>
      <c r="BW31" s="327">
        <v>12100</v>
      </c>
      <c r="BX31" s="327">
        <v>0</v>
      </c>
      <c r="BY31" s="330">
        <v>12100</v>
      </c>
      <c r="BZ31" s="331">
        <v>12100</v>
      </c>
      <c r="CA31" s="326">
        <v>0</v>
      </c>
      <c r="CB31" s="327">
        <v>0</v>
      </c>
      <c r="CC31" s="328">
        <v>0</v>
      </c>
      <c r="CD31" s="329">
        <v>0</v>
      </c>
      <c r="CE31" s="327">
        <v>0</v>
      </c>
      <c r="CF31" s="327">
        <v>0</v>
      </c>
      <c r="CG31" s="327">
        <v>0</v>
      </c>
      <c r="CH31" s="327">
        <v>0</v>
      </c>
      <c r="CI31" s="327">
        <v>1140</v>
      </c>
      <c r="CJ31" s="330">
        <v>1140</v>
      </c>
      <c r="CK31" s="331">
        <v>1140</v>
      </c>
      <c r="CL31" s="326">
        <v>0</v>
      </c>
      <c r="CM31" s="327">
        <v>0</v>
      </c>
      <c r="CN31" s="328">
        <v>0</v>
      </c>
      <c r="CO31" s="329">
        <v>0</v>
      </c>
      <c r="CP31" s="327">
        <v>0</v>
      </c>
      <c r="CQ31" s="327">
        <v>0</v>
      </c>
      <c r="CR31" s="327">
        <v>0</v>
      </c>
      <c r="CS31" s="327">
        <v>0</v>
      </c>
      <c r="CT31" s="327">
        <v>0</v>
      </c>
      <c r="CU31" s="330">
        <v>0</v>
      </c>
      <c r="CV31" s="331">
        <v>0</v>
      </c>
      <c r="CW31" s="326">
        <v>0</v>
      </c>
      <c r="CX31" s="327">
        <v>0</v>
      </c>
      <c r="CY31" s="328">
        <v>0</v>
      </c>
      <c r="CZ31" s="332"/>
      <c r="DA31" s="327">
        <v>0</v>
      </c>
      <c r="DB31" s="327">
        <v>0</v>
      </c>
      <c r="DC31" s="327">
        <v>0</v>
      </c>
      <c r="DD31" s="327">
        <v>0</v>
      </c>
      <c r="DE31" s="327">
        <v>0</v>
      </c>
      <c r="DF31" s="330">
        <v>0</v>
      </c>
      <c r="DG31" s="331">
        <v>0</v>
      </c>
      <c r="DH31" s="326">
        <v>0</v>
      </c>
      <c r="DI31" s="327">
        <v>0</v>
      </c>
      <c r="DJ31" s="328">
        <v>0</v>
      </c>
      <c r="DK31" s="329">
        <v>0</v>
      </c>
      <c r="DL31" s="327">
        <v>0</v>
      </c>
      <c r="DM31" s="327">
        <v>47244</v>
      </c>
      <c r="DN31" s="327">
        <v>133176</v>
      </c>
      <c r="DO31" s="327">
        <v>199231</v>
      </c>
      <c r="DP31" s="327">
        <v>83658</v>
      </c>
      <c r="DQ31" s="330">
        <v>463309</v>
      </c>
      <c r="DR31" s="333">
        <v>463309</v>
      </c>
      <c r="DS31" s="326">
        <v>0</v>
      </c>
      <c r="DT31" s="327">
        <v>0</v>
      </c>
      <c r="DU31" s="328">
        <v>0</v>
      </c>
      <c r="DV31" s="332"/>
      <c r="DW31" s="327">
        <v>0</v>
      </c>
      <c r="DX31" s="327">
        <v>14570</v>
      </c>
      <c r="DY31" s="327">
        <v>95976</v>
      </c>
      <c r="DZ31" s="327">
        <v>159805</v>
      </c>
      <c r="EA31" s="327">
        <v>82150</v>
      </c>
      <c r="EB31" s="330">
        <v>352501</v>
      </c>
      <c r="EC31" s="331">
        <v>352501</v>
      </c>
      <c r="ED31" s="326">
        <v>0</v>
      </c>
      <c r="EE31" s="327">
        <v>0</v>
      </c>
      <c r="EF31" s="328">
        <v>0</v>
      </c>
      <c r="EG31" s="332"/>
      <c r="EH31" s="327">
        <v>0</v>
      </c>
      <c r="EI31" s="327">
        <v>32674</v>
      </c>
      <c r="EJ31" s="327">
        <v>434</v>
      </c>
      <c r="EK31" s="327">
        <v>22546</v>
      </c>
      <c r="EL31" s="327">
        <v>434</v>
      </c>
      <c r="EM31" s="330">
        <v>56088</v>
      </c>
      <c r="EN31" s="331">
        <v>56088</v>
      </c>
      <c r="EO31" s="326">
        <v>0</v>
      </c>
      <c r="EP31" s="327">
        <v>0</v>
      </c>
      <c r="EQ31" s="328">
        <v>0</v>
      </c>
      <c r="ER31" s="332"/>
      <c r="ES31" s="327">
        <v>0</v>
      </c>
      <c r="ET31" s="327">
        <v>0</v>
      </c>
      <c r="EU31" s="327">
        <v>0</v>
      </c>
      <c r="EV31" s="327">
        <v>0</v>
      </c>
      <c r="EW31" s="327">
        <v>0</v>
      </c>
      <c r="EX31" s="330">
        <v>0</v>
      </c>
      <c r="EY31" s="331">
        <v>0</v>
      </c>
      <c r="EZ31" s="326">
        <v>0</v>
      </c>
      <c r="FA31" s="327">
        <v>0</v>
      </c>
      <c r="FB31" s="328">
        <v>0</v>
      </c>
      <c r="FC31" s="332"/>
      <c r="FD31" s="327">
        <v>0</v>
      </c>
      <c r="FE31" s="327">
        <v>0</v>
      </c>
      <c r="FF31" s="327">
        <v>0</v>
      </c>
      <c r="FG31" s="327">
        <v>0</v>
      </c>
      <c r="FH31" s="327">
        <v>0</v>
      </c>
      <c r="FI31" s="330">
        <v>0</v>
      </c>
      <c r="FJ31" s="331">
        <v>0</v>
      </c>
      <c r="FK31" s="326">
        <v>0</v>
      </c>
      <c r="FL31" s="327">
        <v>0</v>
      </c>
      <c r="FM31" s="328">
        <v>0</v>
      </c>
      <c r="FN31" s="332"/>
      <c r="FO31" s="327">
        <v>0</v>
      </c>
      <c r="FP31" s="327">
        <v>0</v>
      </c>
      <c r="FQ31" s="327">
        <v>36766</v>
      </c>
      <c r="FR31" s="327">
        <v>0</v>
      </c>
      <c r="FS31" s="327">
        <v>0</v>
      </c>
      <c r="FT31" s="330">
        <v>36766</v>
      </c>
      <c r="FU31" s="331">
        <v>36766</v>
      </c>
      <c r="FV31" s="326">
        <v>0</v>
      </c>
      <c r="FW31" s="327">
        <v>0</v>
      </c>
      <c r="FX31" s="328">
        <v>0</v>
      </c>
      <c r="FY31" s="329">
        <v>0</v>
      </c>
      <c r="FZ31" s="327">
        <v>0</v>
      </c>
      <c r="GA31" s="327">
        <v>0</v>
      </c>
      <c r="GB31" s="327">
        <v>0</v>
      </c>
      <c r="GC31" s="327">
        <v>16880</v>
      </c>
      <c r="GD31" s="327">
        <v>0</v>
      </c>
      <c r="GE31" s="330">
        <v>16880</v>
      </c>
      <c r="GF31" s="331">
        <v>16880</v>
      </c>
      <c r="GG31" s="326">
        <v>0</v>
      </c>
      <c r="GH31" s="327">
        <v>0</v>
      </c>
      <c r="GI31" s="328">
        <v>0</v>
      </c>
      <c r="GJ31" s="329">
        <v>0</v>
      </c>
      <c r="GK31" s="327">
        <v>0</v>
      </c>
      <c r="GL31" s="327">
        <v>0</v>
      </c>
      <c r="GM31" s="327">
        <v>0</v>
      </c>
      <c r="GN31" s="327">
        <v>0</v>
      </c>
      <c r="GO31" s="327">
        <v>1074</v>
      </c>
      <c r="GP31" s="330">
        <v>1074</v>
      </c>
      <c r="GQ31" s="331">
        <v>1074</v>
      </c>
      <c r="GR31" s="326">
        <v>0</v>
      </c>
      <c r="GS31" s="327">
        <v>0</v>
      </c>
      <c r="GT31" s="328">
        <v>0</v>
      </c>
      <c r="GU31" s="329">
        <v>0</v>
      </c>
      <c r="GV31" s="327">
        <v>0</v>
      </c>
      <c r="GW31" s="327">
        <v>0</v>
      </c>
      <c r="GX31" s="327">
        <v>0</v>
      </c>
      <c r="GY31" s="327">
        <v>0</v>
      </c>
      <c r="GZ31" s="327">
        <v>0</v>
      </c>
      <c r="HA31" s="330">
        <v>0</v>
      </c>
      <c r="HB31" s="331">
        <v>0</v>
      </c>
      <c r="HC31" s="326">
        <v>0</v>
      </c>
      <c r="HD31" s="327">
        <v>0</v>
      </c>
      <c r="HE31" s="328">
        <v>0</v>
      </c>
      <c r="HF31" s="332"/>
      <c r="HG31" s="327">
        <v>0</v>
      </c>
      <c r="HH31" s="327">
        <v>0</v>
      </c>
      <c r="HI31" s="327">
        <v>0</v>
      </c>
      <c r="HJ31" s="327">
        <v>0</v>
      </c>
      <c r="HK31" s="327">
        <v>0</v>
      </c>
      <c r="HL31" s="330">
        <v>0</v>
      </c>
      <c r="HM31" s="331">
        <v>0</v>
      </c>
      <c r="HN31" s="326">
        <v>0</v>
      </c>
      <c r="HO31" s="327">
        <v>0</v>
      </c>
      <c r="HP31" s="328">
        <v>0</v>
      </c>
      <c r="HQ31" s="329">
        <v>0</v>
      </c>
      <c r="HR31" s="327">
        <v>0</v>
      </c>
      <c r="HS31" s="327">
        <v>83204</v>
      </c>
      <c r="HT31" s="327">
        <v>390786</v>
      </c>
      <c r="HU31" s="327">
        <v>440626</v>
      </c>
      <c r="HV31" s="327">
        <v>236388</v>
      </c>
      <c r="HW31" s="330">
        <v>1151004</v>
      </c>
      <c r="HX31" s="331">
        <v>1151004</v>
      </c>
    </row>
    <row r="32" spans="1:232" ht="16.5" customHeight="1" x14ac:dyDescent="0.2">
      <c r="A32" s="324" t="s">
        <v>29</v>
      </c>
      <c r="B32" s="326">
        <v>0</v>
      </c>
      <c r="C32" s="327">
        <v>0</v>
      </c>
      <c r="D32" s="328">
        <v>0</v>
      </c>
      <c r="E32" s="329">
        <v>0</v>
      </c>
      <c r="F32" s="327">
        <v>11250</v>
      </c>
      <c r="G32" s="327">
        <v>123190</v>
      </c>
      <c r="H32" s="327">
        <v>278757</v>
      </c>
      <c r="I32" s="327">
        <v>397907</v>
      </c>
      <c r="J32" s="327">
        <v>261230</v>
      </c>
      <c r="K32" s="330">
        <v>1072334</v>
      </c>
      <c r="L32" s="331">
        <v>1072334</v>
      </c>
      <c r="M32" s="326">
        <v>0</v>
      </c>
      <c r="N32" s="327">
        <v>0</v>
      </c>
      <c r="O32" s="328">
        <v>0</v>
      </c>
      <c r="P32" s="332"/>
      <c r="Q32" s="327">
        <v>0</v>
      </c>
      <c r="R32" s="327">
        <v>0</v>
      </c>
      <c r="S32" s="327">
        <v>213348</v>
      </c>
      <c r="T32" s="327">
        <v>332400</v>
      </c>
      <c r="U32" s="327">
        <v>191580</v>
      </c>
      <c r="V32" s="330">
        <v>737328</v>
      </c>
      <c r="W32" s="331">
        <v>737328</v>
      </c>
      <c r="X32" s="326">
        <v>0</v>
      </c>
      <c r="Y32" s="327">
        <v>0</v>
      </c>
      <c r="Z32" s="328">
        <v>0</v>
      </c>
      <c r="AA32" s="332"/>
      <c r="AB32" s="327">
        <v>2635</v>
      </c>
      <c r="AC32" s="327">
        <v>114700</v>
      </c>
      <c r="AD32" s="327">
        <v>24645</v>
      </c>
      <c r="AE32" s="327">
        <v>56695</v>
      </c>
      <c r="AF32" s="327">
        <v>34915</v>
      </c>
      <c r="AG32" s="330">
        <v>233590</v>
      </c>
      <c r="AH32" s="331">
        <v>233590</v>
      </c>
      <c r="AI32" s="326">
        <v>0</v>
      </c>
      <c r="AJ32" s="327">
        <v>0</v>
      </c>
      <c r="AK32" s="328">
        <v>0</v>
      </c>
      <c r="AL32" s="332"/>
      <c r="AM32" s="327">
        <v>0</v>
      </c>
      <c r="AN32" s="327">
        <v>0</v>
      </c>
      <c r="AO32" s="327">
        <v>0</v>
      </c>
      <c r="AP32" s="327">
        <v>0</v>
      </c>
      <c r="AQ32" s="327">
        <v>0</v>
      </c>
      <c r="AR32" s="330">
        <v>0</v>
      </c>
      <c r="AS32" s="331">
        <v>0</v>
      </c>
      <c r="AT32" s="326">
        <v>0</v>
      </c>
      <c r="AU32" s="327">
        <v>0</v>
      </c>
      <c r="AV32" s="328">
        <v>0</v>
      </c>
      <c r="AW32" s="332"/>
      <c r="AX32" s="327">
        <v>0</v>
      </c>
      <c r="AY32" s="327">
        <v>0</v>
      </c>
      <c r="AZ32" s="327">
        <v>0</v>
      </c>
      <c r="BA32" s="327">
        <v>0</v>
      </c>
      <c r="BB32" s="327">
        <v>0</v>
      </c>
      <c r="BC32" s="330">
        <v>0</v>
      </c>
      <c r="BD32" s="331">
        <v>0</v>
      </c>
      <c r="BE32" s="326">
        <v>0</v>
      </c>
      <c r="BF32" s="327">
        <v>0</v>
      </c>
      <c r="BG32" s="328">
        <v>0</v>
      </c>
      <c r="BH32" s="332"/>
      <c r="BI32" s="327">
        <v>0</v>
      </c>
      <c r="BJ32" s="327">
        <v>0</v>
      </c>
      <c r="BK32" s="327">
        <v>5270</v>
      </c>
      <c r="BL32" s="327">
        <v>0</v>
      </c>
      <c r="BM32" s="327">
        <v>32705</v>
      </c>
      <c r="BN32" s="330">
        <v>37975</v>
      </c>
      <c r="BO32" s="331">
        <v>37975</v>
      </c>
      <c r="BP32" s="326">
        <v>0</v>
      </c>
      <c r="BQ32" s="327">
        <v>0</v>
      </c>
      <c r="BR32" s="328">
        <v>0</v>
      </c>
      <c r="BS32" s="329">
        <v>0</v>
      </c>
      <c r="BT32" s="327">
        <v>8615</v>
      </c>
      <c r="BU32" s="327">
        <v>3850</v>
      </c>
      <c r="BV32" s="327">
        <v>35349</v>
      </c>
      <c r="BW32" s="327">
        <v>8812</v>
      </c>
      <c r="BX32" s="327">
        <v>2030</v>
      </c>
      <c r="BY32" s="330">
        <v>58656</v>
      </c>
      <c r="BZ32" s="331">
        <v>58656</v>
      </c>
      <c r="CA32" s="326">
        <v>0</v>
      </c>
      <c r="CB32" s="327">
        <v>0</v>
      </c>
      <c r="CC32" s="328">
        <v>0</v>
      </c>
      <c r="CD32" s="329">
        <v>0</v>
      </c>
      <c r="CE32" s="327">
        <v>0</v>
      </c>
      <c r="CF32" s="327">
        <v>4640</v>
      </c>
      <c r="CG32" s="327">
        <v>145</v>
      </c>
      <c r="CH32" s="327">
        <v>0</v>
      </c>
      <c r="CI32" s="327">
        <v>0</v>
      </c>
      <c r="CJ32" s="330">
        <v>4785</v>
      </c>
      <c r="CK32" s="331">
        <v>4785</v>
      </c>
      <c r="CL32" s="326">
        <v>0</v>
      </c>
      <c r="CM32" s="327">
        <v>0</v>
      </c>
      <c r="CN32" s="328">
        <v>0</v>
      </c>
      <c r="CO32" s="329">
        <v>0</v>
      </c>
      <c r="CP32" s="327">
        <v>0</v>
      </c>
      <c r="CQ32" s="327">
        <v>0</v>
      </c>
      <c r="CR32" s="327">
        <v>0</v>
      </c>
      <c r="CS32" s="327">
        <v>0</v>
      </c>
      <c r="CT32" s="327">
        <v>0</v>
      </c>
      <c r="CU32" s="330">
        <v>0</v>
      </c>
      <c r="CV32" s="331">
        <v>0</v>
      </c>
      <c r="CW32" s="326">
        <v>0</v>
      </c>
      <c r="CX32" s="327">
        <v>0</v>
      </c>
      <c r="CY32" s="328">
        <v>0</v>
      </c>
      <c r="CZ32" s="332"/>
      <c r="DA32" s="327">
        <v>0</v>
      </c>
      <c r="DB32" s="327">
        <v>0</v>
      </c>
      <c r="DC32" s="327">
        <v>0</v>
      </c>
      <c r="DD32" s="327">
        <v>0</v>
      </c>
      <c r="DE32" s="327">
        <v>0</v>
      </c>
      <c r="DF32" s="330">
        <v>0</v>
      </c>
      <c r="DG32" s="331">
        <v>0</v>
      </c>
      <c r="DH32" s="326">
        <v>0</v>
      </c>
      <c r="DI32" s="327">
        <v>0</v>
      </c>
      <c r="DJ32" s="328">
        <v>0</v>
      </c>
      <c r="DK32" s="329">
        <v>0</v>
      </c>
      <c r="DL32" s="327">
        <v>6037</v>
      </c>
      <c r="DM32" s="327">
        <v>57224</v>
      </c>
      <c r="DN32" s="327">
        <v>293414</v>
      </c>
      <c r="DO32" s="327">
        <v>328934</v>
      </c>
      <c r="DP32" s="327">
        <v>181113</v>
      </c>
      <c r="DQ32" s="330">
        <v>866722</v>
      </c>
      <c r="DR32" s="333">
        <v>866722</v>
      </c>
      <c r="DS32" s="326">
        <v>0</v>
      </c>
      <c r="DT32" s="327">
        <v>0</v>
      </c>
      <c r="DU32" s="328">
        <v>0</v>
      </c>
      <c r="DV32" s="332"/>
      <c r="DW32" s="327">
        <v>0</v>
      </c>
      <c r="DX32" s="327">
        <v>0</v>
      </c>
      <c r="DY32" s="327">
        <v>218477</v>
      </c>
      <c r="DZ32" s="327">
        <v>319931</v>
      </c>
      <c r="EA32" s="327">
        <v>137981</v>
      </c>
      <c r="EB32" s="330">
        <v>676389</v>
      </c>
      <c r="EC32" s="331">
        <v>676389</v>
      </c>
      <c r="ED32" s="326">
        <v>0</v>
      </c>
      <c r="EE32" s="327">
        <v>0</v>
      </c>
      <c r="EF32" s="328">
        <v>0</v>
      </c>
      <c r="EG32" s="332"/>
      <c r="EH32" s="327">
        <v>217</v>
      </c>
      <c r="EI32" s="327">
        <v>48050</v>
      </c>
      <c r="EJ32" s="327">
        <v>186</v>
      </c>
      <c r="EK32" s="327">
        <v>693</v>
      </c>
      <c r="EL32" s="327">
        <v>399</v>
      </c>
      <c r="EM32" s="330">
        <v>49545</v>
      </c>
      <c r="EN32" s="331">
        <v>49545</v>
      </c>
      <c r="EO32" s="326">
        <v>0</v>
      </c>
      <c r="EP32" s="327">
        <v>0</v>
      </c>
      <c r="EQ32" s="328">
        <v>0</v>
      </c>
      <c r="ER32" s="332"/>
      <c r="ES32" s="327">
        <v>0</v>
      </c>
      <c r="ET32" s="327">
        <v>0</v>
      </c>
      <c r="EU32" s="327">
        <v>0</v>
      </c>
      <c r="EV32" s="327">
        <v>0</v>
      </c>
      <c r="EW32" s="327">
        <v>0</v>
      </c>
      <c r="EX32" s="330">
        <v>0</v>
      </c>
      <c r="EY32" s="331">
        <v>0</v>
      </c>
      <c r="EZ32" s="326">
        <v>0</v>
      </c>
      <c r="FA32" s="327">
        <v>0</v>
      </c>
      <c r="FB32" s="328">
        <v>0</v>
      </c>
      <c r="FC32" s="332"/>
      <c r="FD32" s="327">
        <v>0</v>
      </c>
      <c r="FE32" s="327">
        <v>0</v>
      </c>
      <c r="FF32" s="327">
        <v>0</v>
      </c>
      <c r="FG32" s="327">
        <v>0</v>
      </c>
      <c r="FH32" s="327">
        <v>0</v>
      </c>
      <c r="FI32" s="330">
        <v>0</v>
      </c>
      <c r="FJ32" s="331">
        <v>0</v>
      </c>
      <c r="FK32" s="326">
        <v>0</v>
      </c>
      <c r="FL32" s="327">
        <v>0</v>
      </c>
      <c r="FM32" s="328">
        <v>0</v>
      </c>
      <c r="FN32" s="332"/>
      <c r="FO32" s="327">
        <v>0</v>
      </c>
      <c r="FP32" s="327">
        <v>0</v>
      </c>
      <c r="FQ32" s="327">
        <v>43152</v>
      </c>
      <c r="FR32" s="327">
        <v>0</v>
      </c>
      <c r="FS32" s="327">
        <v>36766</v>
      </c>
      <c r="FT32" s="330">
        <v>79918</v>
      </c>
      <c r="FU32" s="331">
        <v>79918</v>
      </c>
      <c r="FV32" s="326">
        <v>0</v>
      </c>
      <c r="FW32" s="327">
        <v>0</v>
      </c>
      <c r="FX32" s="328">
        <v>0</v>
      </c>
      <c r="FY32" s="329">
        <v>0</v>
      </c>
      <c r="FZ32" s="327">
        <v>5820</v>
      </c>
      <c r="GA32" s="327">
        <v>8009</v>
      </c>
      <c r="GB32" s="327">
        <v>31585</v>
      </c>
      <c r="GC32" s="327">
        <v>8310</v>
      </c>
      <c r="GD32" s="327">
        <v>5967</v>
      </c>
      <c r="GE32" s="330">
        <v>59691</v>
      </c>
      <c r="GF32" s="331">
        <v>59691</v>
      </c>
      <c r="GG32" s="326">
        <v>0</v>
      </c>
      <c r="GH32" s="327">
        <v>0</v>
      </c>
      <c r="GI32" s="328">
        <v>0</v>
      </c>
      <c r="GJ32" s="329">
        <v>0</v>
      </c>
      <c r="GK32" s="327">
        <v>0</v>
      </c>
      <c r="GL32" s="327">
        <v>1165</v>
      </c>
      <c r="GM32" s="327">
        <v>14</v>
      </c>
      <c r="GN32" s="327">
        <v>0</v>
      </c>
      <c r="GO32" s="327">
        <v>0</v>
      </c>
      <c r="GP32" s="330">
        <v>1179</v>
      </c>
      <c r="GQ32" s="331">
        <v>1179</v>
      </c>
      <c r="GR32" s="326">
        <v>0</v>
      </c>
      <c r="GS32" s="327">
        <v>0</v>
      </c>
      <c r="GT32" s="328">
        <v>0</v>
      </c>
      <c r="GU32" s="329">
        <v>0</v>
      </c>
      <c r="GV32" s="327">
        <v>0</v>
      </c>
      <c r="GW32" s="327">
        <v>0</v>
      </c>
      <c r="GX32" s="327">
        <v>0</v>
      </c>
      <c r="GY32" s="327">
        <v>0</v>
      </c>
      <c r="GZ32" s="327">
        <v>0</v>
      </c>
      <c r="HA32" s="330">
        <v>0</v>
      </c>
      <c r="HB32" s="331">
        <v>0</v>
      </c>
      <c r="HC32" s="326">
        <v>0</v>
      </c>
      <c r="HD32" s="327">
        <v>0</v>
      </c>
      <c r="HE32" s="328">
        <v>0</v>
      </c>
      <c r="HF32" s="332"/>
      <c r="HG32" s="327">
        <v>0</v>
      </c>
      <c r="HH32" s="327">
        <v>0</v>
      </c>
      <c r="HI32" s="327">
        <v>0</v>
      </c>
      <c r="HJ32" s="327">
        <v>0</v>
      </c>
      <c r="HK32" s="327">
        <v>0</v>
      </c>
      <c r="HL32" s="330">
        <v>0</v>
      </c>
      <c r="HM32" s="331">
        <v>0</v>
      </c>
      <c r="HN32" s="326">
        <v>0</v>
      </c>
      <c r="HO32" s="327">
        <v>0</v>
      </c>
      <c r="HP32" s="328">
        <v>0</v>
      </c>
      <c r="HQ32" s="329">
        <v>0</v>
      </c>
      <c r="HR32" s="327">
        <v>17287</v>
      </c>
      <c r="HS32" s="327">
        <v>180414</v>
      </c>
      <c r="HT32" s="327">
        <v>572171</v>
      </c>
      <c r="HU32" s="327">
        <v>726841</v>
      </c>
      <c r="HV32" s="327">
        <v>442343</v>
      </c>
      <c r="HW32" s="330">
        <v>1939056</v>
      </c>
      <c r="HX32" s="331">
        <v>1939056</v>
      </c>
    </row>
    <row r="33" spans="1:232" ht="16.5" customHeight="1" x14ac:dyDescent="0.2">
      <c r="A33" s="324" t="s">
        <v>30</v>
      </c>
      <c r="B33" s="326">
        <v>0</v>
      </c>
      <c r="C33" s="327">
        <v>0</v>
      </c>
      <c r="D33" s="328">
        <v>0</v>
      </c>
      <c r="E33" s="329">
        <v>0</v>
      </c>
      <c r="F33" s="327">
        <v>31560</v>
      </c>
      <c r="G33" s="327">
        <v>62690</v>
      </c>
      <c r="H33" s="327">
        <v>297705</v>
      </c>
      <c r="I33" s="327">
        <v>410957</v>
      </c>
      <c r="J33" s="327">
        <v>254965</v>
      </c>
      <c r="K33" s="330">
        <v>1057877</v>
      </c>
      <c r="L33" s="331">
        <v>1057877</v>
      </c>
      <c r="M33" s="326">
        <v>0</v>
      </c>
      <c r="N33" s="327">
        <v>0</v>
      </c>
      <c r="O33" s="328">
        <v>0</v>
      </c>
      <c r="P33" s="332"/>
      <c r="Q33" s="327">
        <v>2635</v>
      </c>
      <c r="R33" s="327">
        <v>26685</v>
      </c>
      <c r="S33" s="327">
        <v>228625</v>
      </c>
      <c r="T33" s="327">
        <v>209185</v>
      </c>
      <c r="U33" s="327">
        <v>216990</v>
      </c>
      <c r="V33" s="330">
        <v>684120</v>
      </c>
      <c r="W33" s="331">
        <v>684120</v>
      </c>
      <c r="X33" s="326">
        <v>0</v>
      </c>
      <c r="Y33" s="327">
        <v>0</v>
      </c>
      <c r="Z33" s="328">
        <v>0</v>
      </c>
      <c r="AA33" s="332"/>
      <c r="AB33" s="327">
        <v>27280</v>
      </c>
      <c r="AC33" s="327">
        <v>29915</v>
      </c>
      <c r="AD33" s="327">
        <v>68045</v>
      </c>
      <c r="AE33" s="327">
        <v>189590</v>
      </c>
      <c r="AF33" s="327">
        <v>37975</v>
      </c>
      <c r="AG33" s="330">
        <v>352805</v>
      </c>
      <c r="AH33" s="331">
        <v>352805</v>
      </c>
      <c r="AI33" s="326">
        <v>0</v>
      </c>
      <c r="AJ33" s="327">
        <v>0</v>
      </c>
      <c r="AK33" s="328">
        <v>0</v>
      </c>
      <c r="AL33" s="332"/>
      <c r="AM33" s="327">
        <v>0</v>
      </c>
      <c r="AN33" s="327">
        <v>0</v>
      </c>
      <c r="AO33" s="327">
        <v>0</v>
      </c>
      <c r="AP33" s="327">
        <v>0</v>
      </c>
      <c r="AQ33" s="327">
        <v>0</v>
      </c>
      <c r="AR33" s="330">
        <v>0</v>
      </c>
      <c r="AS33" s="331">
        <v>0</v>
      </c>
      <c r="AT33" s="326">
        <v>0</v>
      </c>
      <c r="AU33" s="327">
        <v>0</v>
      </c>
      <c r="AV33" s="328">
        <v>0</v>
      </c>
      <c r="AW33" s="332"/>
      <c r="AX33" s="327">
        <v>0</v>
      </c>
      <c r="AY33" s="327">
        <v>0</v>
      </c>
      <c r="AZ33" s="327">
        <v>0</v>
      </c>
      <c r="BA33" s="327">
        <v>0</v>
      </c>
      <c r="BB33" s="327">
        <v>0</v>
      </c>
      <c r="BC33" s="330">
        <v>0</v>
      </c>
      <c r="BD33" s="331">
        <v>0</v>
      </c>
      <c r="BE33" s="326">
        <v>0</v>
      </c>
      <c r="BF33" s="327">
        <v>0</v>
      </c>
      <c r="BG33" s="328">
        <v>0</v>
      </c>
      <c r="BH33" s="332"/>
      <c r="BI33" s="327">
        <v>0</v>
      </c>
      <c r="BJ33" s="327">
        <v>0</v>
      </c>
      <c r="BK33" s="327">
        <v>0</v>
      </c>
      <c r="BL33" s="327">
        <v>0</v>
      </c>
      <c r="BM33" s="327">
        <v>0</v>
      </c>
      <c r="BN33" s="330">
        <v>0</v>
      </c>
      <c r="BO33" s="331">
        <v>0</v>
      </c>
      <c r="BP33" s="326">
        <v>0</v>
      </c>
      <c r="BQ33" s="327">
        <v>0</v>
      </c>
      <c r="BR33" s="328">
        <v>0</v>
      </c>
      <c r="BS33" s="329">
        <v>0</v>
      </c>
      <c r="BT33" s="327">
        <v>1645</v>
      </c>
      <c r="BU33" s="327">
        <v>4640</v>
      </c>
      <c r="BV33" s="327">
        <v>290</v>
      </c>
      <c r="BW33" s="327">
        <v>12182</v>
      </c>
      <c r="BX33" s="327">
        <v>0</v>
      </c>
      <c r="BY33" s="330">
        <v>18757</v>
      </c>
      <c r="BZ33" s="331">
        <v>18757</v>
      </c>
      <c r="CA33" s="326">
        <v>0</v>
      </c>
      <c r="CB33" s="327">
        <v>0</v>
      </c>
      <c r="CC33" s="328">
        <v>0</v>
      </c>
      <c r="CD33" s="329">
        <v>0</v>
      </c>
      <c r="CE33" s="327">
        <v>0</v>
      </c>
      <c r="CF33" s="327">
        <v>1450</v>
      </c>
      <c r="CG33" s="327">
        <v>745</v>
      </c>
      <c r="CH33" s="327">
        <v>0</v>
      </c>
      <c r="CI33" s="327">
        <v>0</v>
      </c>
      <c r="CJ33" s="330">
        <v>2195</v>
      </c>
      <c r="CK33" s="331">
        <v>2195</v>
      </c>
      <c r="CL33" s="326">
        <v>0</v>
      </c>
      <c r="CM33" s="327">
        <v>0</v>
      </c>
      <c r="CN33" s="328">
        <v>0</v>
      </c>
      <c r="CO33" s="329">
        <v>0</v>
      </c>
      <c r="CP33" s="327">
        <v>0</v>
      </c>
      <c r="CQ33" s="327">
        <v>0</v>
      </c>
      <c r="CR33" s="327">
        <v>0</v>
      </c>
      <c r="CS33" s="327">
        <v>0</v>
      </c>
      <c r="CT33" s="327">
        <v>0</v>
      </c>
      <c r="CU33" s="330">
        <v>0</v>
      </c>
      <c r="CV33" s="331">
        <v>0</v>
      </c>
      <c r="CW33" s="326">
        <v>0</v>
      </c>
      <c r="CX33" s="327">
        <v>0</v>
      </c>
      <c r="CY33" s="328">
        <v>0</v>
      </c>
      <c r="CZ33" s="332"/>
      <c r="DA33" s="327">
        <v>0</v>
      </c>
      <c r="DB33" s="327">
        <v>0</v>
      </c>
      <c r="DC33" s="327">
        <v>0</v>
      </c>
      <c r="DD33" s="327">
        <v>0</v>
      </c>
      <c r="DE33" s="327">
        <v>0</v>
      </c>
      <c r="DF33" s="330">
        <v>0</v>
      </c>
      <c r="DG33" s="331">
        <v>0</v>
      </c>
      <c r="DH33" s="326">
        <v>0</v>
      </c>
      <c r="DI33" s="327">
        <v>0</v>
      </c>
      <c r="DJ33" s="328">
        <v>0</v>
      </c>
      <c r="DK33" s="329">
        <v>0</v>
      </c>
      <c r="DL33" s="327">
        <v>27408</v>
      </c>
      <c r="DM33" s="327">
        <v>73453</v>
      </c>
      <c r="DN33" s="327">
        <v>377085</v>
      </c>
      <c r="DO33" s="327">
        <v>290042</v>
      </c>
      <c r="DP33" s="327">
        <v>261472</v>
      </c>
      <c r="DQ33" s="330">
        <v>1029460</v>
      </c>
      <c r="DR33" s="333">
        <v>1029460</v>
      </c>
      <c r="DS33" s="326">
        <v>0</v>
      </c>
      <c r="DT33" s="327">
        <v>0</v>
      </c>
      <c r="DU33" s="328">
        <v>0</v>
      </c>
      <c r="DV33" s="332"/>
      <c r="DW33" s="327">
        <v>21576</v>
      </c>
      <c r="DX33" s="327">
        <v>35915</v>
      </c>
      <c r="DY33" s="327">
        <v>324725</v>
      </c>
      <c r="DZ33" s="327">
        <v>260687</v>
      </c>
      <c r="EA33" s="327">
        <v>213639</v>
      </c>
      <c r="EB33" s="330">
        <v>856542</v>
      </c>
      <c r="EC33" s="331">
        <v>856542</v>
      </c>
      <c r="ED33" s="326">
        <v>0</v>
      </c>
      <c r="EE33" s="327">
        <v>0</v>
      </c>
      <c r="EF33" s="328">
        <v>0</v>
      </c>
      <c r="EG33" s="332"/>
      <c r="EH33" s="327">
        <v>434</v>
      </c>
      <c r="EI33" s="327">
        <v>22010</v>
      </c>
      <c r="EJ33" s="327">
        <v>47833</v>
      </c>
      <c r="EK33" s="327">
        <v>13443</v>
      </c>
      <c r="EL33" s="327">
        <v>47833</v>
      </c>
      <c r="EM33" s="330">
        <v>131553</v>
      </c>
      <c r="EN33" s="331">
        <v>131553</v>
      </c>
      <c r="EO33" s="326">
        <v>0</v>
      </c>
      <c r="EP33" s="327">
        <v>0</v>
      </c>
      <c r="EQ33" s="328">
        <v>0</v>
      </c>
      <c r="ER33" s="332"/>
      <c r="ES33" s="327">
        <v>0</v>
      </c>
      <c r="ET33" s="327">
        <v>0</v>
      </c>
      <c r="EU33" s="327">
        <v>0</v>
      </c>
      <c r="EV33" s="327">
        <v>0</v>
      </c>
      <c r="EW33" s="327">
        <v>0</v>
      </c>
      <c r="EX33" s="330">
        <v>0</v>
      </c>
      <c r="EY33" s="331">
        <v>0</v>
      </c>
      <c r="EZ33" s="326">
        <v>0</v>
      </c>
      <c r="FA33" s="327">
        <v>0</v>
      </c>
      <c r="FB33" s="328">
        <v>0</v>
      </c>
      <c r="FC33" s="332"/>
      <c r="FD33" s="327">
        <v>0</v>
      </c>
      <c r="FE33" s="327">
        <v>0</v>
      </c>
      <c r="FF33" s="327">
        <v>0</v>
      </c>
      <c r="FG33" s="327">
        <v>0</v>
      </c>
      <c r="FH33" s="327">
        <v>0</v>
      </c>
      <c r="FI33" s="330">
        <v>0</v>
      </c>
      <c r="FJ33" s="331">
        <v>0</v>
      </c>
      <c r="FK33" s="326">
        <v>0</v>
      </c>
      <c r="FL33" s="327">
        <v>0</v>
      </c>
      <c r="FM33" s="328">
        <v>0</v>
      </c>
      <c r="FN33" s="332"/>
      <c r="FO33" s="327">
        <v>0</v>
      </c>
      <c r="FP33" s="327">
        <v>0</v>
      </c>
      <c r="FQ33" s="327">
        <v>0</v>
      </c>
      <c r="FR33" s="327">
        <v>0</v>
      </c>
      <c r="FS33" s="327">
        <v>0</v>
      </c>
      <c r="FT33" s="330">
        <v>0</v>
      </c>
      <c r="FU33" s="331">
        <v>0</v>
      </c>
      <c r="FV33" s="326">
        <v>0</v>
      </c>
      <c r="FW33" s="327">
        <v>0</v>
      </c>
      <c r="FX33" s="328">
        <v>0</v>
      </c>
      <c r="FY33" s="329">
        <v>0</v>
      </c>
      <c r="FZ33" s="327">
        <v>5398</v>
      </c>
      <c r="GA33" s="327">
        <v>15444</v>
      </c>
      <c r="GB33" s="327">
        <v>1455</v>
      </c>
      <c r="GC33" s="327">
        <v>15912</v>
      </c>
      <c r="GD33" s="327">
        <v>0</v>
      </c>
      <c r="GE33" s="330">
        <v>38209</v>
      </c>
      <c r="GF33" s="331">
        <v>38209</v>
      </c>
      <c r="GG33" s="326">
        <v>0</v>
      </c>
      <c r="GH33" s="327">
        <v>0</v>
      </c>
      <c r="GI33" s="328">
        <v>0</v>
      </c>
      <c r="GJ33" s="329">
        <v>0</v>
      </c>
      <c r="GK33" s="327">
        <v>0</v>
      </c>
      <c r="GL33" s="327">
        <v>84</v>
      </c>
      <c r="GM33" s="327">
        <v>3072</v>
      </c>
      <c r="GN33" s="327">
        <v>0</v>
      </c>
      <c r="GO33" s="327">
        <v>0</v>
      </c>
      <c r="GP33" s="330">
        <v>3156</v>
      </c>
      <c r="GQ33" s="331">
        <v>3156</v>
      </c>
      <c r="GR33" s="326">
        <v>0</v>
      </c>
      <c r="GS33" s="327">
        <v>0</v>
      </c>
      <c r="GT33" s="328">
        <v>0</v>
      </c>
      <c r="GU33" s="329">
        <v>0</v>
      </c>
      <c r="GV33" s="327">
        <v>0</v>
      </c>
      <c r="GW33" s="327">
        <v>0</v>
      </c>
      <c r="GX33" s="327">
        <v>0</v>
      </c>
      <c r="GY33" s="327">
        <v>0</v>
      </c>
      <c r="GZ33" s="327">
        <v>0</v>
      </c>
      <c r="HA33" s="330">
        <v>0</v>
      </c>
      <c r="HB33" s="331">
        <v>0</v>
      </c>
      <c r="HC33" s="326">
        <v>0</v>
      </c>
      <c r="HD33" s="327">
        <v>0</v>
      </c>
      <c r="HE33" s="328">
        <v>0</v>
      </c>
      <c r="HF33" s="332"/>
      <c r="HG33" s="327">
        <v>0</v>
      </c>
      <c r="HH33" s="327">
        <v>0</v>
      </c>
      <c r="HI33" s="327">
        <v>0</v>
      </c>
      <c r="HJ33" s="327">
        <v>0</v>
      </c>
      <c r="HK33" s="327">
        <v>0</v>
      </c>
      <c r="HL33" s="330">
        <v>0</v>
      </c>
      <c r="HM33" s="331">
        <v>0</v>
      </c>
      <c r="HN33" s="326">
        <v>0</v>
      </c>
      <c r="HO33" s="327">
        <v>0</v>
      </c>
      <c r="HP33" s="328">
        <v>0</v>
      </c>
      <c r="HQ33" s="329">
        <v>0</v>
      </c>
      <c r="HR33" s="327">
        <v>58968</v>
      </c>
      <c r="HS33" s="327">
        <v>136143</v>
      </c>
      <c r="HT33" s="327">
        <v>674790</v>
      </c>
      <c r="HU33" s="327">
        <v>700999</v>
      </c>
      <c r="HV33" s="327">
        <v>516437</v>
      </c>
      <c r="HW33" s="330">
        <v>2087337</v>
      </c>
      <c r="HX33" s="331">
        <v>2087337</v>
      </c>
    </row>
    <row r="34" spans="1:232" ht="16.5" customHeight="1" x14ac:dyDescent="0.2">
      <c r="A34" s="324" t="s">
        <v>31</v>
      </c>
      <c r="B34" s="326">
        <v>0</v>
      </c>
      <c r="C34" s="327">
        <v>0</v>
      </c>
      <c r="D34" s="328">
        <v>0</v>
      </c>
      <c r="E34" s="329">
        <v>0</v>
      </c>
      <c r="F34" s="327">
        <v>27860</v>
      </c>
      <c r="G34" s="327">
        <v>113945</v>
      </c>
      <c r="H34" s="327">
        <v>292210</v>
      </c>
      <c r="I34" s="327">
        <v>150485</v>
      </c>
      <c r="J34" s="327">
        <v>217965</v>
      </c>
      <c r="K34" s="330">
        <v>802465</v>
      </c>
      <c r="L34" s="331">
        <v>802465</v>
      </c>
      <c r="M34" s="326">
        <v>0</v>
      </c>
      <c r="N34" s="327">
        <v>0</v>
      </c>
      <c r="O34" s="328">
        <v>0</v>
      </c>
      <c r="P34" s="332"/>
      <c r="Q34" s="327">
        <v>0</v>
      </c>
      <c r="R34" s="327">
        <v>35340</v>
      </c>
      <c r="S34" s="327">
        <v>248915</v>
      </c>
      <c r="T34" s="327">
        <v>104805</v>
      </c>
      <c r="U34" s="327">
        <v>181825</v>
      </c>
      <c r="V34" s="330">
        <v>570885</v>
      </c>
      <c r="W34" s="331">
        <v>570885</v>
      </c>
      <c r="X34" s="326">
        <v>0</v>
      </c>
      <c r="Y34" s="327">
        <v>0</v>
      </c>
      <c r="Z34" s="328">
        <v>0</v>
      </c>
      <c r="AA34" s="332"/>
      <c r="AB34" s="327">
        <v>27280</v>
      </c>
      <c r="AC34" s="327">
        <v>65255</v>
      </c>
      <c r="AD34" s="327">
        <v>37975</v>
      </c>
      <c r="AE34" s="327">
        <v>40610</v>
      </c>
      <c r="AF34" s="327">
        <v>0</v>
      </c>
      <c r="AG34" s="330">
        <v>171120</v>
      </c>
      <c r="AH34" s="331">
        <v>171120</v>
      </c>
      <c r="AI34" s="326">
        <v>0</v>
      </c>
      <c r="AJ34" s="327">
        <v>0</v>
      </c>
      <c r="AK34" s="328">
        <v>0</v>
      </c>
      <c r="AL34" s="332"/>
      <c r="AM34" s="327">
        <v>0</v>
      </c>
      <c r="AN34" s="327">
        <v>0</v>
      </c>
      <c r="AO34" s="327">
        <v>0</v>
      </c>
      <c r="AP34" s="327">
        <v>0</v>
      </c>
      <c r="AQ34" s="327">
        <v>0</v>
      </c>
      <c r="AR34" s="330">
        <v>0</v>
      </c>
      <c r="AS34" s="331">
        <v>0</v>
      </c>
      <c r="AT34" s="326">
        <v>0</v>
      </c>
      <c r="AU34" s="327">
        <v>0</v>
      </c>
      <c r="AV34" s="328">
        <v>0</v>
      </c>
      <c r="AW34" s="332"/>
      <c r="AX34" s="327">
        <v>0</v>
      </c>
      <c r="AY34" s="327">
        <v>0</v>
      </c>
      <c r="AZ34" s="327">
        <v>0</v>
      </c>
      <c r="BA34" s="327">
        <v>0</v>
      </c>
      <c r="BB34" s="327">
        <v>32705</v>
      </c>
      <c r="BC34" s="330">
        <v>32705</v>
      </c>
      <c r="BD34" s="331">
        <v>32705</v>
      </c>
      <c r="BE34" s="326">
        <v>0</v>
      </c>
      <c r="BF34" s="327">
        <v>0</v>
      </c>
      <c r="BG34" s="328">
        <v>0</v>
      </c>
      <c r="BH34" s="332"/>
      <c r="BI34" s="327">
        <v>0</v>
      </c>
      <c r="BJ34" s="327">
        <v>0</v>
      </c>
      <c r="BK34" s="327">
        <v>0</v>
      </c>
      <c r="BL34" s="327">
        <v>0</v>
      </c>
      <c r="BM34" s="327">
        <v>0</v>
      </c>
      <c r="BN34" s="330">
        <v>0</v>
      </c>
      <c r="BO34" s="331">
        <v>0</v>
      </c>
      <c r="BP34" s="326">
        <v>0</v>
      </c>
      <c r="BQ34" s="327">
        <v>0</v>
      </c>
      <c r="BR34" s="328">
        <v>0</v>
      </c>
      <c r="BS34" s="329">
        <v>0</v>
      </c>
      <c r="BT34" s="327">
        <v>580</v>
      </c>
      <c r="BU34" s="327">
        <v>13350</v>
      </c>
      <c r="BV34" s="327">
        <v>5320</v>
      </c>
      <c r="BW34" s="327">
        <v>5070</v>
      </c>
      <c r="BX34" s="327">
        <v>3435</v>
      </c>
      <c r="BY34" s="330">
        <v>27755</v>
      </c>
      <c r="BZ34" s="331">
        <v>27755</v>
      </c>
      <c r="CA34" s="326">
        <v>0</v>
      </c>
      <c r="CB34" s="327">
        <v>0</v>
      </c>
      <c r="CC34" s="328">
        <v>0</v>
      </c>
      <c r="CD34" s="329">
        <v>0</v>
      </c>
      <c r="CE34" s="327">
        <v>0</v>
      </c>
      <c r="CF34" s="327">
        <v>0</v>
      </c>
      <c r="CG34" s="327">
        <v>0</v>
      </c>
      <c r="CH34" s="327">
        <v>0</v>
      </c>
      <c r="CI34" s="327">
        <v>0</v>
      </c>
      <c r="CJ34" s="330">
        <v>0</v>
      </c>
      <c r="CK34" s="331">
        <v>0</v>
      </c>
      <c r="CL34" s="326">
        <v>0</v>
      </c>
      <c r="CM34" s="327">
        <v>0</v>
      </c>
      <c r="CN34" s="328">
        <v>0</v>
      </c>
      <c r="CO34" s="329">
        <v>0</v>
      </c>
      <c r="CP34" s="327">
        <v>0</v>
      </c>
      <c r="CQ34" s="327">
        <v>0</v>
      </c>
      <c r="CR34" s="327">
        <v>0</v>
      </c>
      <c r="CS34" s="327">
        <v>0</v>
      </c>
      <c r="CT34" s="327">
        <v>0</v>
      </c>
      <c r="CU34" s="330">
        <v>0</v>
      </c>
      <c r="CV34" s="331">
        <v>0</v>
      </c>
      <c r="CW34" s="326">
        <v>0</v>
      </c>
      <c r="CX34" s="327">
        <v>0</v>
      </c>
      <c r="CY34" s="328">
        <v>0</v>
      </c>
      <c r="CZ34" s="332"/>
      <c r="DA34" s="327">
        <v>0</v>
      </c>
      <c r="DB34" s="327">
        <v>0</v>
      </c>
      <c r="DC34" s="327">
        <v>0</v>
      </c>
      <c r="DD34" s="327">
        <v>0</v>
      </c>
      <c r="DE34" s="327">
        <v>0</v>
      </c>
      <c r="DF34" s="330">
        <v>0</v>
      </c>
      <c r="DG34" s="331">
        <v>0</v>
      </c>
      <c r="DH34" s="326">
        <v>0</v>
      </c>
      <c r="DI34" s="327">
        <v>0</v>
      </c>
      <c r="DJ34" s="328">
        <v>0</v>
      </c>
      <c r="DK34" s="329">
        <v>0</v>
      </c>
      <c r="DL34" s="327">
        <v>2540</v>
      </c>
      <c r="DM34" s="327">
        <v>56441</v>
      </c>
      <c r="DN34" s="327">
        <v>332355</v>
      </c>
      <c r="DO34" s="327">
        <v>212629</v>
      </c>
      <c r="DP34" s="327">
        <v>217639</v>
      </c>
      <c r="DQ34" s="330">
        <v>821604</v>
      </c>
      <c r="DR34" s="333">
        <v>821604</v>
      </c>
      <c r="DS34" s="326">
        <v>0</v>
      </c>
      <c r="DT34" s="327">
        <v>0</v>
      </c>
      <c r="DU34" s="328">
        <v>0</v>
      </c>
      <c r="DV34" s="332"/>
      <c r="DW34" s="327">
        <v>0</v>
      </c>
      <c r="DX34" s="327">
        <v>44857</v>
      </c>
      <c r="DY34" s="327">
        <v>319426</v>
      </c>
      <c r="DZ34" s="327">
        <v>208851</v>
      </c>
      <c r="EA34" s="327">
        <v>175786</v>
      </c>
      <c r="EB34" s="330">
        <v>748920</v>
      </c>
      <c r="EC34" s="331">
        <v>748920</v>
      </c>
      <c r="ED34" s="326">
        <v>0</v>
      </c>
      <c r="EE34" s="327">
        <v>0</v>
      </c>
      <c r="EF34" s="328">
        <v>0</v>
      </c>
      <c r="EG34" s="332"/>
      <c r="EH34" s="327">
        <v>434</v>
      </c>
      <c r="EI34" s="327">
        <v>1054</v>
      </c>
      <c r="EJ34" s="327">
        <v>620</v>
      </c>
      <c r="EK34" s="327">
        <v>868</v>
      </c>
      <c r="EL34" s="327">
        <v>0</v>
      </c>
      <c r="EM34" s="330">
        <v>2976</v>
      </c>
      <c r="EN34" s="331">
        <v>2976</v>
      </c>
      <c r="EO34" s="326">
        <v>0</v>
      </c>
      <c r="EP34" s="327">
        <v>0</v>
      </c>
      <c r="EQ34" s="328">
        <v>0</v>
      </c>
      <c r="ER34" s="332"/>
      <c r="ES34" s="327">
        <v>0</v>
      </c>
      <c r="ET34" s="327">
        <v>0</v>
      </c>
      <c r="EU34" s="327">
        <v>0</v>
      </c>
      <c r="EV34" s="327">
        <v>0</v>
      </c>
      <c r="EW34" s="327">
        <v>0</v>
      </c>
      <c r="EX34" s="330">
        <v>0</v>
      </c>
      <c r="EY34" s="331">
        <v>0</v>
      </c>
      <c r="EZ34" s="326">
        <v>0</v>
      </c>
      <c r="FA34" s="327">
        <v>0</v>
      </c>
      <c r="FB34" s="328">
        <v>0</v>
      </c>
      <c r="FC34" s="332"/>
      <c r="FD34" s="327">
        <v>0</v>
      </c>
      <c r="FE34" s="327">
        <v>0</v>
      </c>
      <c r="FF34" s="327">
        <v>0</v>
      </c>
      <c r="FG34" s="327">
        <v>0</v>
      </c>
      <c r="FH34" s="327">
        <v>36518</v>
      </c>
      <c r="FI34" s="330">
        <v>36518</v>
      </c>
      <c r="FJ34" s="331">
        <v>36518</v>
      </c>
      <c r="FK34" s="326">
        <v>0</v>
      </c>
      <c r="FL34" s="327">
        <v>0</v>
      </c>
      <c r="FM34" s="328">
        <v>0</v>
      </c>
      <c r="FN34" s="332"/>
      <c r="FO34" s="327">
        <v>0</v>
      </c>
      <c r="FP34" s="327">
        <v>0</v>
      </c>
      <c r="FQ34" s="327">
        <v>0</v>
      </c>
      <c r="FR34" s="327">
        <v>0</v>
      </c>
      <c r="FS34" s="327">
        <v>0</v>
      </c>
      <c r="FT34" s="330">
        <v>0</v>
      </c>
      <c r="FU34" s="331">
        <v>0</v>
      </c>
      <c r="FV34" s="326">
        <v>0</v>
      </c>
      <c r="FW34" s="327">
        <v>0</v>
      </c>
      <c r="FX34" s="328">
        <v>0</v>
      </c>
      <c r="FY34" s="329">
        <v>0</v>
      </c>
      <c r="FZ34" s="327">
        <v>2106</v>
      </c>
      <c r="GA34" s="327">
        <v>10530</v>
      </c>
      <c r="GB34" s="327">
        <v>12309</v>
      </c>
      <c r="GC34" s="327">
        <v>2910</v>
      </c>
      <c r="GD34" s="327">
        <v>5335</v>
      </c>
      <c r="GE34" s="330">
        <v>33190</v>
      </c>
      <c r="GF34" s="331">
        <v>33190</v>
      </c>
      <c r="GG34" s="326">
        <v>0</v>
      </c>
      <c r="GH34" s="327">
        <v>0</v>
      </c>
      <c r="GI34" s="328">
        <v>0</v>
      </c>
      <c r="GJ34" s="329">
        <v>0</v>
      </c>
      <c r="GK34" s="327">
        <v>0</v>
      </c>
      <c r="GL34" s="327">
        <v>0</v>
      </c>
      <c r="GM34" s="327">
        <v>0</v>
      </c>
      <c r="GN34" s="327">
        <v>0</v>
      </c>
      <c r="GO34" s="327">
        <v>0</v>
      </c>
      <c r="GP34" s="330">
        <v>0</v>
      </c>
      <c r="GQ34" s="331">
        <v>0</v>
      </c>
      <c r="GR34" s="326">
        <v>0</v>
      </c>
      <c r="GS34" s="327">
        <v>0</v>
      </c>
      <c r="GT34" s="328">
        <v>0</v>
      </c>
      <c r="GU34" s="329">
        <v>0</v>
      </c>
      <c r="GV34" s="327">
        <v>0</v>
      </c>
      <c r="GW34" s="327">
        <v>0</v>
      </c>
      <c r="GX34" s="327">
        <v>0</v>
      </c>
      <c r="GY34" s="327">
        <v>0</v>
      </c>
      <c r="GZ34" s="327">
        <v>0</v>
      </c>
      <c r="HA34" s="330">
        <v>0</v>
      </c>
      <c r="HB34" s="331">
        <v>0</v>
      </c>
      <c r="HC34" s="326">
        <v>0</v>
      </c>
      <c r="HD34" s="327">
        <v>0</v>
      </c>
      <c r="HE34" s="328">
        <v>0</v>
      </c>
      <c r="HF34" s="332"/>
      <c r="HG34" s="327">
        <v>0</v>
      </c>
      <c r="HH34" s="327">
        <v>0</v>
      </c>
      <c r="HI34" s="327">
        <v>0</v>
      </c>
      <c r="HJ34" s="327">
        <v>0</v>
      </c>
      <c r="HK34" s="327">
        <v>0</v>
      </c>
      <c r="HL34" s="330">
        <v>0</v>
      </c>
      <c r="HM34" s="331">
        <v>0</v>
      </c>
      <c r="HN34" s="326">
        <v>0</v>
      </c>
      <c r="HO34" s="327">
        <v>0</v>
      </c>
      <c r="HP34" s="328">
        <v>0</v>
      </c>
      <c r="HQ34" s="329">
        <v>0</v>
      </c>
      <c r="HR34" s="327">
        <v>30400</v>
      </c>
      <c r="HS34" s="327">
        <v>170386</v>
      </c>
      <c r="HT34" s="327">
        <v>624565</v>
      </c>
      <c r="HU34" s="327">
        <v>363114</v>
      </c>
      <c r="HV34" s="327">
        <v>435604</v>
      </c>
      <c r="HW34" s="330">
        <v>1624069</v>
      </c>
      <c r="HX34" s="331">
        <v>1624069</v>
      </c>
    </row>
    <row r="35" spans="1:232" ht="16.5" customHeight="1" x14ac:dyDescent="0.2">
      <c r="A35" s="324" t="s">
        <v>32</v>
      </c>
      <c r="B35" s="326">
        <v>0</v>
      </c>
      <c r="C35" s="327">
        <v>0</v>
      </c>
      <c r="D35" s="328">
        <v>0</v>
      </c>
      <c r="E35" s="329">
        <v>0</v>
      </c>
      <c r="F35" s="327">
        <v>4520</v>
      </c>
      <c r="G35" s="327">
        <v>121191</v>
      </c>
      <c r="H35" s="327">
        <v>389355</v>
      </c>
      <c r="I35" s="327">
        <v>405184</v>
      </c>
      <c r="J35" s="327">
        <v>123477</v>
      </c>
      <c r="K35" s="330">
        <v>1043727</v>
      </c>
      <c r="L35" s="331">
        <v>1043727</v>
      </c>
      <c r="M35" s="326">
        <v>0</v>
      </c>
      <c r="N35" s="327">
        <v>0</v>
      </c>
      <c r="O35" s="328">
        <v>0</v>
      </c>
      <c r="P35" s="332"/>
      <c r="Q35" s="327">
        <v>0</v>
      </c>
      <c r="R35" s="327">
        <v>35495</v>
      </c>
      <c r="S35" s="327">
        <v>138880</v>
      </c>
      <c r="T35" s="327">
        <v>196695</v>
      </c>
      <c r="U35" s="327">
        <v>57350</v>
      </c>
      <c r="V35" s="330">
        <v>428420</v>
      </c>
      <c r="W35" s="331">
        <v>428420</v>
      </c>
      <c r="X35" s="326">
        <v>0</v>
      </c>
      <c r="Y35" s="327">
        <v>0</v>
      </c>
      <c r="Z35" s="328">
        <v>0</v>
      </c>
      <c r="AA35" s="332"/>
      <c r="AB35" s="327">
        <v>2635</v>
      </c>
      <c r="AC35" s="327">
        <v>73470</v>
      </c>
      <c r="AD35" s="327">
        <v>75950</v>
      </c>
      <c r="AE35" s="327">
        <v>144615</v>
      </c>
      <c r="AF35" s="327">
        <v>35495</v>
      </c>
      <c r="AG35" s="330">
        <v>332165</v>
      </c>
      <c r="AH35" s="331">
        <v>332165</v>
      </c>
      <c r="AI35" s="326">
        <v>0</v>
      </c>
      <c r="AJ35" s="327">
        <v>0</v>
      </c>
      <c r="AK35" s="328">
        <v>0</v>
      </c>
      <c r="AL35" s="332"/>
      <c r="AM35" s="327">
        <v>0</v>
      </c>
      <c r="AN35" s="327">
        <v>0</v>
      </c>
      <c r="AO35" s="327">
        <v>0</v>
      </c>
      <c r="AP35" s="327">
        <v>0</v>
      </c>
      <c r="AQ35" s="327">
        <v>0</v>
      </c>
      <c r="AR35" s="330">
        <v>0</v>
      </c>
      <c r="AS35" s="331">
        <v>0</v>
      </c>
      <c r="AT35" s="326">
        <v>0</v>
      </c>
      <c r="AU35" s="327">
        <v>0</v>
      </c>
      <c r="AV35" s="328">
        <v>0</v>
      </c>
      <c r="AW35" s="332"/>
      <c r="AX35" s="327">
        <v>0</v>
      </c>
      <c r="AY35" s="327">
        <v>0</v>
      </c>
      <c r="AZ35" s="327">
        <v>0</v>
      </c>
      <c r="BA35" s="327">
        <v>0</v>
      </c>
      <c r="BB35" s="327">
        <v>0</v>
      </c>
      <c r="BC35" s="330">
        <v>0</v>
      </c>
      <c r="BD35" s="331">
        <v>0</v>
      </c>
      <c r="BE35" s="326">
        <v>0</v>
      </c>
      <c r="BF35" s="327">
        <v>0</v>
      </c>
      <c r="BG35" s="328">
        <v>0</v>
      </c>
      <c r="BH35" s="332"/>
      <c r="BI35" s="327">
        <v>0</v>
      </c>
      <c r="BJ35" s="327">
        <v>0</v>
      </c>
      <c r="BK35" s="327">
        <v>171585</v>
      </c>
      <c r="BL35" s="327">
        <v>35185</v>
      </c>
      <c r="BM35" s="327">
        <v>29915</v>
      </c>
      <c r="BN35" s="330">
        <v>236685</v>
      </c>
      <c r="BO35" s="331">
        <v>236685</v>
      </c>
      <c r="BP35" s="326">
        <v>0</v>
      </c>
      <c r="BQ35" s="327">
        <v>0</v>
      </c>
      <c r="BR35" s="328">
        <v>0</v>
      </c>
      <c r="BS35" s="329">
        <v>0</v>
      </c>
      <c r="BT35" s="327">
        <v>1885</v>
      </c>
      <c r="BU35" s="327">
        <v>7876</v>
      </c>
      <c r="BV35" s="327">
        <v>2070</v>
      </c>
      <c r="BW35" s="327">
        <v>26974</v>
      </c>
      <c r="BX35" s="327">
        <v>717</v>
      </c>
      <c r="BY35" s="330">
        <v>39522</v>
      </c>
      <c r="BZ35" s="331">
        <v>39522</v>
      </c>
      <c r="CA35" s="326">
        <v>0</v>
      </c>
      <c r="CB35" s="327">
        <v>0</v>
      </c>
      <c r="CC35" s="328">
        <v>0</v>
      </c>
      <c r="CD35" s="329">
        <v>0</v>
      </c>
      <c r="CE35" s="327">
        <v>0</v>
      </c>
      <c r="CF35" s="327">
        <v>4350</v>
      </c>
      <c r="CG35" s="327">
        <v>870</v>
      </c>
      <c r="CH35" s="327">
        <v>1715</v>
      </c>
      <c r="CI35" s="327">
        <v>0</v>
      </c>
      <c r="CJ35" s="330">
        <v>6935</v>
      </c>
      <c r="CK35" s="331">
        <v>6935</v>
      </c>
      <c r="CL35" s="326">
        <v>0</v>
      </c>
      <c r="CM35" s="327">
        <v>0</v>
      </c>
      <c r="CN35" s="328">
        <v>0</v>
      </c>
      <c r="CO35" s="329">
        <v>0</v>
      </c>
      <c r="CP35" s="327">
        <v>0</v>
      </c>
      <c r="CQ35" s="327">
        <v>0</v>
      </c>
      <c r="CR35" s="327">
        <v>0</v>
      </c>
      <c r="CS35" s="327">
        <v>0</v>
      </c>
      <c r="CT35" s="327">
        <v>0</v>
      </c>
      <c r="CU35" s="330">
        <v>0</v>
      </c>
      <c r="CV35" s="331">
        <v>0</v>
      </c>
      <c r="CW35" s="326">
        <v>0</v>
      </c>
      <c r="CX35" s="327">
        <v>0</v>
      </c>
      <c r="CY35" s="328">
        <v>0</v>
      </c>
      <c r="CZ35" s="332"/>
      <c r="DA35" s="327">
        <v>0</v>
      </c>
      <c r="DB35" s="327">
        <v>0</v>
      </c>
      <c r="DC35" s="327">
        <v>0</v>
      </c>
      <c r="DD35" s="327">
        <v>0</v>
      </c>
      <c r="DE35" s="327">
        <v>0</v>
      </c>
      <c r="DF35" s="330">
        <v>0</v>
      </c>
      <c r="DG35" s="331">
        <v>0</v>
      </c>
      <c r="DH35" s="326">
        <v>0</v>
      </c>
      <c r="DI35" s="327">
        <v>0</v>
      </c>
      <c r="DJ35" s="328">
        <v>0</v>
      </c>
      <c r="DK35" s="329">
        <v>0</v>
      </c>
      <c r="DL35" s="327">
        <v>10117</v>
      </c>
      <c r="DM35" s="327">
        <v>45637</v>
      </c>
      <c r="DN35" s="327">
        <v>310270</v>
      </c>
      <c r="DO35" s="327">
        <v>363383</v>
      </c>
      <c r="DP35" s="327">
        <v>82396</v>
      </c>
      <c r="DQ35" s="330">
        <v>811803</v>
      </c>
      <c r="DR35" s="333">
        <v>811803</v>
      </c>
      <c r="DS35" s="326">
        <v>0</v>
      </c>
      <c r="DT35" s="327">
        <v>0</v>
      </c>
      <c r="DU35" s="328">
        <v>0</v>
      </c>
      <c r="DV35" s="332"/>
      <c r="DW35" s="327">
        <v>0</v>
      </c>
      <c r="DX35" s="327">
        <v>26381</v>
      </c>
      <c r="DY35" s="327">
        <v>158813</v>
      </c>
      <c r="DZ35" s="327">
        <v>271963</v>
      </c>
      <c r="EA35" s="327">
        <v>36611</v>
      </c>
      <c r="EB35" s="330">
        <v>493768</v>
      </c>
      <c r="EC35" s="331">
        <v>493768</v>
      </c>
      <c r="ED35" s="326">
        <v>0</v>
      </c>
      <c r="EE35" s="327">
        <v>0</v>
      </c>
      <c r="EF35" s="328">
        <v>0</v>
      </c>
      <c r="EG35" s="332"/>
      <c r="EH35" s="327">
        <v>217</v>
      </c>
      <c r="EI35" s="327">
        <v>12307</v>
      </c>
      <c r="EJ35" s="327">
        <v>23064</v>
      </c>
      <c r="EK35" s="327">
        <v>12369</v>
      </c>
      <c r="EL35" s="327">
        <v>11687</v>
      </c>
      <c r="EM35" s="330">
        <v>59644</v>
      </c>
      <c r="EN35" s="331">
        <v>59644</v>
      </c>
      <c r="EO35" s="326">
        <v>0</v>
      </c>
      <c r="EP35" s="327">
        <v>0</v>
      </c>
      <c r="EQ35" s="328">
        <v>0</v>
      </c>
      <c r="ER35" s="332"/>
      <c r="ES35" s="327">
        <v>0</v>
      </c>
      <c r="ET35" s="327">
        <v>0</v>
      </c>
      <c r="EU35" s="327">
        <v>0</v>
      </c>
      <c r="EV35" s="327">
        <v>0</v>
      </c>
      <c r="EW35" s="327">
        <v>0</v>
      </c>
      <c r="EX35" s="330">
        <v>0</v>
      </c>
      <c r="EY35" s="331">
        <v>0</v>
      </c>
      <c r="EZ35" s="326">
        <v>0</v>
      </c>
      <c r="FA35" s="327">
        <v>0</v>
      </c>
      <c r="FB35" s="328">
        <v>0</v>
      </c>
      <c r="FC35" s="332"/>
      <c r="FD35" s="327">
        <v>0</v>
      </c>
      <c r="FE35" s="327">
        <v>0</v>
      </c>
      <c r="FF35" s="327">
        <v>0</v>
      </c>
      <c r="FG35" s="327">
        <v>0</v>
      </c>
      <c r="FH35" s="327">
        <v>0</v>
      </c>
      <c r="FI35" s="330">
        <v>0</v>
      </c>
      <c r="FJ35" s="331">
        <v>0</v>
      </c>
      <c r="FK35" s="326">
        <v>0</v>
      </c>
      <c r="FL35" s="327">
        <v>0</v>
      </c>
      <c r="FM35" s="328">
        <v>0</v>
      </c>
      <c r="FN35" s="332"/>
      <c r="FO35" s="327">
        <v>0</v>
      </c>
      <c r="FP35" s="327">
        <v>0</v>
      </c>
      <c r="FQ35" s="327">
        <v>125581</v>
      </c>
      <c r="FR35" s="327">
        <v>54405</v>
      </c>
      <c r="FS35" s="327">
        <v>32643</v>
      </c>
      <c r="FT35" s="330">
        <v>212629</v>
      </c>
      <c r="FU35" s="331">
        <v>212629</v>
      </c>
      <c r="FV35" s="326">
        <v>0</v>
      </c>
      <c r="FW35" s="327">
        <v>0</v>
      </c>
      <c r="FX35" s="328">
        <v>0</v>
      </c>
      <c r="FY35" s="329">
        <v>0</v>
      </c>
      <c r="FZ35" s="327">
        <v>9900</v>
      </c>
      <c r="GA35" s="327">
        <v>6739</v>
      </c>
      <c r="GB35" s="327">
        <v>2763</v>
      </c>
      <c r="GC35" s="327">
        <v>22077</v>
      </c>
      <c r="GD35" s="327">
        <v>1455</v>
      </c>
      <c r="GE35" s="330">
        <v>42934</v>
      </c>
      <c r="GF35" s="331">
        <v>42934</v>
      </c>
      <c r="GG35" s="326">
        <v>0</v>
      </c>
      <c r="GH35" s="327">
        <v>0</v>
      </c>
      <c r="GI35" s="328">
        <v>0</v>
      </c>
      <c r="GJ35" s="329">
        <v>0</v>
      </c>
      <c r="GK35" s="327">
        <v>0</v>
      </c>
      <c r="GL35" s="327">
        <v>210</v>
      </c>
      <c r="GM35" s="327">
        <v>49</v>
      </c>
      <c r="GN35" s="327">
        <v>2569</v>
      </c>
      <c r="GO35" s="327">
        <v>0</v>
      </c>
      <c r="GP35" s="330">
        <v>2828</v>
      </c>
      <c r="GQ35" s="331">
        <v>2828</v>
      </c>
      <c r="GR35" s="326">
        <v>0</v>
      </c>
      <c r="GS35" s="327">
        <v>0</v>
      </c>
      <c r="GT35" s="328">
        <v>0</v>
      </c>
      <c r="GU35" s="329">
        <v>0</v>
      </c>
      <c r="GV35" s="327">
        <v>0</v>
      </c>
      <c r="GW35" s="327">
        <v>0</v>
      </c>
      <c r="GX35" s="327">
        <v>0</v>
      </c>
      <c r="GY35" s="327">
        <v>0</v>
      </c>
      <c r="GZ35" s="327">
        <v>0</v>
      </c>
      <c r="HA35" s="330">
        <v>0</v>
      </c>
      <c r="HB35" s="331">
        <v>0</v>
      </c>
      <c r="HC35" s="326">
        <v>0</v>
      </c>
      <c r="HD35" s="327">
        <v>0</v>
      </c>
      <c r="HE35" s="328">
        <v>0</v>
      </c>
      <c r="HF35" s="332"/>
      <c r="HG35" s="327">
        <v>0</v>
      </c>
      <c r="HH35" s="327">
        <v>0</v>
      </c>
      <c r="HI35" s="327">
        <v>0</v>
      </c>
      <c r="HJ35" s="327">
        <v>0</v>
      </c>
      <c r="HK35" s="327">
        <v>0</v>
      </c>
      <c r="HL35" s="330">
        <v>0</v>
      </c>
      <c r="HM35" s="331">
        <v>0</v>
      </c>
      <c r="HN35" s="326">
        <v>0</v>
      </c>
      <c r="HO35" s="327">
        <v>0</v>
      </c>
      <c r="HP35" s="328">
        <v>0</v>
      </c>
      <c r="HQ35" s="329">
        <v>0</v>
      </c>
      <c r="HR35" s="327">
        <v>14637</v>
      </c>
      <c r="HS35" s="327">
        <v>166828</v>
      </c>
      <c r="HT35" s="327">
        <v>699625</v>
      </c>
      <c r="HU35" s="327">
        <v>768567</v>
      </c>
      <c r="HV35" s="327">
        <v>205873</v>
      </c>
      <c r="HW35" s="330">
        <v>1855530</v>
      </c>
      <c r="HX35" s="331">
        <v>1855530</v>
      </c>
    </row>
    <row r="36" spans="1:232" ht="16.5" customHeight="1" x14ac:dyDescent="0.2">
      <c r="A36" s="324" t="s">
        <v>33</v>
      </c>
      <c r="B36" s="326">
        <v>0</v>
      </c>
      <c r="C36" s="327">
        <v>0</v>
      </c>
      <c r="D36" s="328">
        <v>0</v>
      </c>
      <c r="E36" s="329">
        <v>0</v>
      </c>
      <c r="F36" s="327">
        <v>99975</v>
      </c>
      <c r="G36" s="327">
        <v>103780</v>
      </c>
      <c r="H36" s="327">
        <v>562305</v>
      </c>
      <c r="I36" s="327">
        <v>549745</v>
      </c>
      <c r="J36" s="327">
        <v>530935</v>
      </c>
      <c r="K36" s="330">
        <v>1846740</v>
      </c>
      <c r="L36" s="331">
        <v>1846740</v>
      </c>
      <c r="M36" s="326">
        <v>0</v>
      </c>
      <c r="N36" s="327">
        <v>0</v>
      </c>
      <c r="O36" s="328">
        <v>0</v>
      </c>
      <c r="P36" s="332"/>
      <c r="Q36" s="327">
        <v>0</v>
      </c>
      <c r="R36" s="327">
        <v>29915</v>
      </c>
      <c r="S36" s="327">
        <v>343945</v>
      </c>
      <c r="T36" s="327">
        <v>354330</v>
      </c>
      <c r="U36" s="327">
        <v>379320</v>
      </c>
      <c r="V36" s="330">
        <v>1107510</v>
      </c>
      <c r="W36" s="331">
        <v>1107510</v>
      </c>
      <c r="X36" s="326">
        <v>0</v>
      </c>
      <c r="Y36" s="327">
        <v>0</v>
      </c>
      <c r="Z36" s="328">
        <v>0</v>
      </c>
      <c r="AA36" s="332"/>
      <c r="AB36" s="327">
        <v>75330</v>
      </c>
      <c r="AC36" s="327">
        <v>27280</v>
      </c>
      <c r="AD36" s="327">
        <v>130975</v>
      </c>
      <c r="AE36" s="327">
        <v>111290</v>
      </c>
      <c r="AF36" s="327">
        <v>34285</v>
      </c>
      <c r="AG36" s="330">
        <v>379160</v>
      </c>
      <c r="AH36" s="331">
        <v>379160</v>
      </c>
      <c r="AI36" s="326">
        <v>0</v>
      </c>
      <c r="AJ36" s="327">
        <v>0</v>
      </c>
      <c r="AK36" s="328">
        <v>0</v>
      </c>
      <c r="AL36" s="332"/>
      <c r="AM36" s="327">
        <v>0</v>
      </c>
      <c r="AN36" s="327">
        <v>0</v>
      </c>
      <c r="AO36" s="327">
        <v>0</v>
      </c>
      <c r="AP36" s="327">
        <v>0</v>
      </c>
      <c r="AQ36" s="327">
        <v>0</v>
      </c>
      <c r="AR36" s="330">
        <v>0</v>
      </c>
      <c r="AS36" s="331">
        <v>0</v>
      </c>
      <c r="AT36" s="326">
        <v>0</v>
      </c>
      <c r="AU36" s="327">
        <v>0</v>
      </c>
      <c r="AV36" s="328">
        <v>0</v>
      </c>
      <c r="AW36" s="332"/>
      <c r="AX36" s="327">
        <v>24645</v>
      </c>
      <c r="AY36" s="327">
        <v>40765</v>
      </c>
      <c r="AZ36" s="327">
        <v>76260</v>
      </c>
      <c r="BA36" s="327">
        <v>70990</v>
      </c>
      <c r="BB36" s="327">
        <v>117330</v>
      </c>
      <c r="BC36" s="330">
        <v>329990</v>
      </c>
      <c r="BD36" s="331">
        <v>329990</v>
      </c>
      <c r="BE36" s="326">
        <v>0</v>
      </c>
      <c r="BF36" s="327">
        <v>0</v>
      </c>
      <c r="BG36" s="328">
        <v>0</v>
      </c>
      <c r="BH36" s="332"/>
      <c r="BI36" s="327">
        <v>0</v>
      </c>
      <c r="BJ36" s="327">
        <v>0</v>
      </c>
      <c r="BK36" s="327">
        <v>0</v>
      </c>
      <c r="BL36" s="327">
        <v>0</v>
      </c>
      <c r="BM36" s="327">
        <v>0</v>
      </c>
      <c r="BN36" s="330">
        <v>0</v>
      </c>
      <c r="BO36" s="331">
        <v>0</v>
      </c>
      <c r="BP36" s="326">
        <v>0</v>
      </c>
      <c r="BQ36" s="327">
        <v>0</v>
      </c>
      <c r="BR36" s="328">
        <v>0</v>
      </c>
      <c r="BS36" s="329">
        <v>0</v>
      </c>
      <c r="BT36" s="327">
        <v>0</v>
      </c>
      <c r="BU36" s="327">
        <v>0</v>
      </c>
      <c r="BV36" s="327">
        <v>10425</v>
      </c>
      <c r="BW36" s="327">
        <v>12655</v>
      </c>
      <c r="BX36" s="327">
        <v>0</v>
      </c>
      <c r="BY36" s="330">
        <v>23080</v>
      </c>
      <c r="BZ36" s="331">
        <v>23080</v>
      </c>
      <c r="CA36" s="326">
        <v>0</v>
      </c>
      <c r="CB36" s="327">
        <v>0</v>
      </c>
      <c r="CC36" s="328">
        <v>0</v>
      </c>
      <c r="CD36" s="329">
        <v>0</v>
      </c>
      <c r="CE36" s="327">
        <v>0</v>
      </c>
      <c r="CF36" s="327">
        <v>5820</v>
      </c>
      <c r="CG36" s="327">
        <v>0</v>
      </c>
      <c r="CH36" s="327">
        <v>480</v>
      </c>
      <c r="CI36" s="327">
        <v>0</v>
      </c>
      <c r="CJ36" s="330">
        <v>6300</v>
      </c>
      <c r="CK36" s="331">
        <v>6300</v>
      </c>
      <c r="CL36" s="326">
        <v>0</v>
      </c>
      <c r="CM36" s="327">
        <v>0</v>
      </c>
      <c r="CN36" s="328">
        <v>0</v>
      </c>
      <c r="CO36" s="329">
        <v>0</v>
      </c>
      <c r="CP36" s="327">
        <v>0</v>
      </c>
      <c r="CQ36" s="327">
        <v>0</v>
      </c>
      <c r="CR36" s="327">
        <v>0</v>
      </c>
      <c r="CS36" s="327">
        <v>0</v>
      </c>
      <c r="CT36" s="327">
        <v>0</v>
      </c>
      <c r="CU36" s="330">
        <v>0</v>
      </c>
      <c r="CV36" s="331">
        <v>0</v>
      </c>
      <c r="CW36" s="326">
        <v>0</v>
      </c>
      <c r="CX36" s="327">
        <v>0</v>
      </c>
      <c r="CY36" s="328">
        <v>0</v>
      </c>
      <c r="CZ36" s="332"/>
      <c r="DA36" s="327">
        <v>0</v>
      </c>
      <c r="DB36" s="327">
        <v>0</v>
      </c>
      <c r="DC36" s="327">
        <v>700</v>
      </c>
      <c r="DD36" s="327">
        <v>0</v>
      </c>
      <c r="DE36" s="327">
        <v>0</v>
      </c>
      <c r="DF36" s="330">
        <v>700</v>
      </c>
      <c r="DG36" s="331">
        <v>700</v>
      </c>
      <c r="DH36" s="326">
        <v>0</v>
      </c>
      <c r="DI36" s="327">
        <v>0</v>
      </c>
      <c r="DJ36" s="328">
        <v>0</v>
      </c>
      <c r="DK36" s="329">
        <v>0</v>
      </c>
      <c r="DL36" s="327">
        <v>1470</v>
      </c>
      <c r="DM36" s="327">
        <v>64299</v>
      </c>
      <c r="DN36" s="327">
        <v>441329</v>
      </c>
      <c r="DO36" s="327">
        <v>427541</v>
      </c>
      <c r="DP36" s="327">
        <v>319964</v>
      </c>
      <c r="DQ36" s="330">
        <v>1254603</v>
      </c>
      <c r="DR36" s="333">
        <v>1254603</v>
      </c>
      <c r="DS36" s="326">
        <v>0</v>
      </c>
      <c r="DT36" s="327">
        <v>0</v>
      </c>
      <c r="DU36" s="328">
        <v>0</v>
      </c>
      <c r="DV36" s="332"/>
      <c r="DW36" s="327">
        <v>0</v>
      </c>
      <c r="DX36" s="327">
        <v>51646</v>
      </c>
      <c r="DY36" s="327">
        <v>347665</v>
      </c>
      <c r="DZ36" s="327">
        <v>383594</v>
      </c>
      <c r="EA36" s="327">
        <v>307318</v>
      </c>
      <c r="EB36" s="330">
        <v>1090223</v>
      </c>
      <c r="EC36" s="331">
        <v>1090223</v>
      </c>
      <c r="ED36" s="326">
        <v>0</v>
      </c>
      <c r="EE36" s="327">
        <v>0</v>
      </c>
      <c r="EF36" s="328">
        <v>0</v>
      </c>
      <c r="EG36" s="332"/>
      <c r="EH36" s="327">
        <v>1253</v>
      </c>
      <c r="EI36" s="327">
        <v>434</v>
      </c>
      <c r="EJ36" s="327">
        <v>59458</v>
      </c>
      <c r="EK36" s="327">
        <v>1736</v>
      </c>
      <c r="EL36" s="327">
        <v>217</v>
      </c>
      <c r="EM36" s="330">
        <v>63098</v>
      </c>
      <c r="EN36" s="331">
        <v>63098</v>
      </c>
      <c r="EO36" s="326">
        <v>0</v>
      </c>
      <c r="EP36" s="327">
        <v>0</v>
      </c>
      <c r="EQ36" s="328">
        <v>0</v>
      </c>
      <c r="ER36" s="332"/>
      <c r="ES36" s="327">
        <v>0</v>
      </c>
      <c r="ET36" s="327">
        <v>0</v>
      </c>
      <c r="EU36" s="327">
        <v>0</v>
      </c>
      <c r="EV36" s="327">
        <v>0</v>
      </c>
      <c r="EW36" s="327">
        <v>0</v>
      </c>
      <c r="EX36" s="330">
        <v>0</v>
      </c>
      <c r="EY36" s="331">
        <v>0</v>
      </c>
      <c r="EZ36" s="326">
        <v>0</v>
      </c>
      <c r="FA36" s="327">
        <v>0</v>
      </c>
      <c r="FB36" s="328">
        <v>0</v>
      </c>
      <c r="FC36" s="332"/>
      <c r="FD36" s="327">
        <v>217</v>
      </c>
      <c r="FE36" s="327">
        <v>12121</v>
      </c>
      <c r="FF36" s="327">
        <v>23808</v>
      </c>
      <c r="FG36" s="327">
        <v>23374</v>
      </c>
      <c r="FH36" s="327">
        <v>12429</v>
      </c>
      <c r="FI36" s="330">
        <v>71949</v>
      </c>
      <c r="FJ36" s="331">
        <v>71949</v>
      </c>
      <c r="FK36" s="326">
        <v>0</v>
      </c>
      <c r="FL36" s="327">
        <v>0</v>
      </c>
      <c r="FM36" s="328">
        <v>0</v>
      </c>
      <c r="FN36" s="332"/>
      <c r="FO36" s="327">
        <v>0</v>
      </c>
      <c r="FP36" s="327">
        <v>0</v>
      </c>
      <c r="FQ36" s="327">
        <v>0</v>
      </c>
      <c r="FR36" s="327">
        <v>0</v>
      </c>
      <c r="FS36" s="327">
        <v>0</v>
      </c>
      <c r="FT36" s="330">
        <v>0</v>
      </c>
      <c r="FU36" s="331">
        <v>0</v>
      </c>
      <c r="FV36" s="326">
        <v>0</v>
      </c>
      <c r="FW36" s="327">
        <v>0</v>
      </c>
      <c r="FX36" s="328">
        <v>0</v>
      </c>
      <c r="FY36" s="329">
        <v>0</v>
      </c>
      <c r="FZ36" s="327">
        <v>0</v>
      </c>
      <c r="GA36" s="327">
        <v>0</v>
      </c>
      <c r="GB36" s="327">
        <v>10363</v>
      </c>
      <c r="GC36" s="327">
        <v>18781</v>
      </c>
      <c r="GD36" s="327">
        <v>0</v>
      </c>
      <c r="GE36" s="330">
        <v>29144</v>
      </c>
      <c r="GF36" s="331">
        <v>29144</v>
      </c>
      <c r="GG36" s="326">
        <v>0</v>
      </c>
      <c r="GH36" s="327">
        <v>0</v>
      </c>
      <c r="GI36" s="328">
        <v>0</v>
      </c>
      <c r="GJ36" s="329">
        <v>0</v>
      </c>
      <c r="GK36" s="327">
        <v>0</v>
      </c>
      <c r="GL36" s="327">
        <v>98</v>
      </c>
      <c r="GM36" s="327">
        <v>0</v>
      </c>
      <c r="GN36" s="327">
        <v>56</v>
      </c>
      <c r="GO36" s="327">
        <v>0</v>
      </c>
      <c r="GP36" s="330">
        <v>154</v>
      </c>
      <c r="GQ36" s="331">
        <v>154</v>
      </c>
      <c r="GR36" s="326">
        <v>0</v>
      </c>
      <c r="GS36" s="327">
        <v>0</v>
      </c>
      <c r="GT36" s="328">
        <v>0</v>
      </c>
      <c r="GU36" s="329">
        <v>0</v>
      </c>
      <c r="GV36" s="327">
        <v>0</v>
      </c>
      <c r="GW36" s="327">
        <v>0</v>
      </c>
      <c r="GX36" s="327">
        <v>0</v>
      </c>
      <c r="GY36" s="327">
        <v>0</v>
      </c>
      <c r="GZ36" s="327">
        <v>0</v>
      </c>
      <c r="HA36" s="330">
        <v>0</v>
      </c>
      <c r="HB36" s="331">
        <v>0</v>
      </c>
      <c r="HC36" s="326">
        <v>0</v>
      </c>
      <c r="HD36" s="327">
        <v>0</v>
      </c>
      <c r="HE36" s="328">
        <v>0</v>
      </c>
      <c r="HF36" s="332"/>
      <c r="HG36" s="327">
        <v>0</v>
      </c>
      <c r="HH36" s="327">
        <v>0</v>
      </c>
      <c r="HI36" s="327">
        <v>35</v>
      </c>
      <c r="HJ36" s="327">
        <v>0</v>
      </c>
      <c r="HK36" s="327">
        <v>0</v>
      </c>
      <c r="HL36" s="330">
        <v>35</v>
      </c>
      <c r="HM36" s="331">
        <v>35</v>
      </c>
      <c r="HN36" s="326">
        <v>0</v>
      </c>
      <c r="HO36" s="327">
        <v>0</v>
      </c>
      <c r="HP36" s="328">
        <v>0</v>
      </c>
      <c r="HQ36" s="329">
        <v>0</v>
      </c>
      <c r="HR36" s="327">
        <v>101445</v>
      </c>
      <c r="HS36" s="327">
        <v>168079</v>
      </c>
      <c r="HT36" s="327">
        <v>1003634</v>
      </c>
      <c r="HU36" s="327">
        <v>977286</v>
      </c>
      <c r="HV36" s="327">
        <v>850899</v>
      </c>
      <c r="HW36" s="330">
        <v>3101343</v>
      </c>
      <c r="HX36" s="331">
        <v>3101343</v>
      </c>
    </row>
    <row r="37" spans="1:232" ht="16.5" customHeight="1" x14ac:dyDescent="0.2">
      <c r="A37" s="324" t="s">
        <v>34</v>
      </c>
      <c r="B37" s="326">
        <v>0</v>
      </c>
      <c r="C37" s="327">
        <v>0</v>
      </c>
      <c r="D37" s="328">
        <v>0</v>
      </c>
      <c r="E37" s="329">
        <v>0</v>
      </c>
      <c r="F37" s="327">
        <v>81718</v>
      </c>
      <c r="G37" s="327">
        <v>125395</v>
      </c>
      <c r="H37" s="327">
        <v>157915</v>
      </c>
      <c r="I37" s="327">
        <v>266465</v>
      </c>
      <c r="J37" s="327">
        <v>177295</v>
      </c>
      <c r="K37" s="330">
        <v>808788</v>
      </c>
      <c r="L37" s="331">
        <v>808788</v>
      </c>
      <c r="M37" s="326">
        <v>0</v>
      </c>
      <c r="N37" s="327">
        <v>0</v>
      </c>
      <c r="O37" s="328">
        <v>0</v>
      </c>
      <c r="P37" s="332"/>
      <c r="Q37" s="327">
        <v>0</v>
      </c>
      <c r="R37" s="327">
        <v>0</v>
      </c>
      <c r="S37" s="327">
        <v>62155</v>
      </c>
      <c r="T37" s="327">
        <v>155640</v>
      </c>
      <c r="U37" s="327">
        <v>111885</v>
      </c>
      <c r="V37" s="330">
        <v>329680</v>
      </c>
      <c r="W37" s="331">
        <v>329680</v>
      </c>
      <c r="X37" s="326">
        <v>0</v>
      </c>
      <c r="Y37" s="327">
        <v>0</v>
      </c>
      <c r="Z37" s="328">
        <v>0</v>
      </c>
      <c r="AA37" s="332"/>
      <c r="AB37" s="327">
        <v>76570</v>
      </c>
      <c r="AC37" s="327">
        <v>89900</v>
      </c>
      <c r="AD37" s="327">
        <v>95325</v>
      </c>
      <c r="AE37" s="327">
        <v>68045</v>
      </c>
      <c r="AF37" s="327">
        <v>65410</v>
      </c>
      <c r="AG37" s="330">
        <v>395250</v>
      </c>
      <c r="AH37" s="331">
        <v>395250</v>
      </c>
      <c r="AI37" s="326">
        <v>0</v>
      </c>
      <c r="AJ37" s="327">
        <v>0</v>
      </c>
      <c r="AK37" s="328">
        <v>0</v>
      </c>
      <c r="AL37" s="332"/>
      <c r="AM37" s="327">
        <v>0</v>
      </c>
      <c r="AN37" s="327">
        <v>0</v>
      </c>
      <c r="AO37" s="327">
        <v>0</v>
      </c>
      <c r="AP37" s="327">
        <v>0</v>
      </c>
      <c r="AQ37" s="327">
        <v>0</v>
      </c>
      <c r="AR37" s="330">
        <v>0</v>
      </c>
      <c r="AS37" s="331">
        <v>0</v>
      </c>
      <c r="AT37" s="326">
        <v>0</v>
      </c>
      <c r="AU37" s="327">
        <v>0</v>
      </c>
      <c r="AV37" s="328">
        <v>0</v>
      </c>
      <c r="AW37" s="332"/>
      <c r="AX37" s="327">
        <v>0</v>
      </c>
      <c r="AY37" s="327">
        <v>35495</v>
      </c>
      <c r="AZ37" s="327">
        <v>0</v>
      </c>
      <c r="BA37" s="327">
        <v>32705</v>
      </c>
      <c r="BB37" s="327">
        <v>0</v>
      </c>
      <c r="BC37" s="330">
        <v>68200</v>
      </c>
      <c r="BD37" s="331">
        <v>68200</v>
      </c>
      <c r="BE37" s="326">
        <v>0</v>
      </c>
      <c r="BF37" s="327">
        <v>0</v>
      </c>
      <c r="BG37" s="328">
        <v>0</v>
      </c>
      <c r="BH37" s="332"/>
      <c r="BI37" s="327">
        <v>0</v>
      </c>
      <c r="BJ37" s="327">
        <v>0</v>
      </c>
      <c r="BK37" s="327">
        <v>0</v>
      </c>
      <c r="BL37" s="327">
        <v>0</v>
      </c>
      <c r="BM37" s="327">
        <v>0</v>
      </c>
      <c r="BN37" s="330">
        <v>0</v>
      </c>
      <c r="BO37" s="331">
        <v>0</v>
      </c>
      <c r="BP37" s="326">
        <v>0</v>
      </c>
      <c r="BQ37" s="327">
        <v>0</v>
      </c>
      <c r="BR37" s="328">
        <v>0</v>
      </c>
      <c r="BS37" s="329">
        <v>0</v>
      </c>
      <c r="BT37" s="327">
        <v>5148</v>
      </c>
      <c r="BU37" s="327">
        <v>0</v>
      </c>
      <c r="BV37" s="327">
        <v>435</v>
      </c>
      <c r="BW37" s="327">
        <v>1770</v>
      </c>
      <c r="BX37" s="327">
        <v>0</v>
      </c>
      <c r="BY37" s="330">
        <v>7353</v>
      </c>
      <c r="BZ37" s="331">
        <v>7353</v>
      </c>
      <c r="CA37" s="326">
        <v>0</v>
      </c>
      <c r="CB37" s="327">
        <v>0</v>
      </c>
      <c r="CC37" s="328">
        <v>0</v>
      </c>
      <c r="CD37" s="329">
        <v>0</v>
      </c>
      <c r="CE37" s="327">
        <v>0</v>
      </c>
      <c r="CF37" s="327">
        <v>0</v>
      </c>
      <c r="CG37" s="327">
        <v>0</v>
      </c>
      <c r="CH37" s="327">
        <v>8305</v>
      </c>
      <c r="CI37" s="327">
        <v>0</v>
      </c>
      <c r="CJ37" s="330">
        <v>8305</v>
      </c>
      <c r="CK37" s="331">
        <v>8305</v>
      </c>
      <c r="CL37" s="326">
        <v>0</v>
      </c>
      <c r="CM37" s="327">
        <v>0</v>
      </c>
      <c r="CN37" s="328">
        <v>0</v>
      </c>
      <c r="CO37" s="329">
        <v>0</v>
      </c>
      <c r="CP37" s="327">
        <v>0</v>
      </c>
      <c r="CQ37" s="327">
        <v>0</v>
      </c>
      <c r="CR37" s="327">
        <v>0</v>
      </c>
      <c r="CS37" s="327">
        <v>0</v>
      </c>
      <c r="CT37" s="327">
        <v>0</v>
      </c>
      <c r="CU37" s="330">
        <v>0</v>
      </c>
      <c r="CV37" s="331">
        <v>0</v>
      </c>
      <c r="CW37" s="326">
        <v>0</v>
      </c>
      <c r="CX37" s="327">
        <v>0</v>
      </c>
      <c r="CY37" s="328">
        <v>0</v>
      </c>
      <c r="CZ37" s="332"/>
      <c r="DA37" s="327">
        <v>0</v>
      </c>
      <c r="DB37" s="327">
        <v>0</v>
      </c>
      <c r="DC37" s="327">
        <v>0</v>
      </c>
      <c r="DD37" s="327">
        <v>0</v>
      </c>
      <c r="DE37" s="327">
        <v>0</v>
      </c>
      <c r="DF37" s="330">
        <v>0</v>
      </c>
      <c r="DG37" s="331">
        <v>0</v>
      </c>
      <c r="DH37" s="326">
        <v>0</v>
      </c>
      <c r="DI37" s="327">
        <v>0</v>
      </c>
      <c r="DJ37" s="328">
        <v>0</v>
      </c>
      <c r="DK37" s="329">
        <v>0</v>
      </c>
      <c r="DL37" s="327">
        <v>10325</v>
      </c>
      <c r="DM37" s="327">
        <v>12989</v>
      </c>
      <c r="DN37" s="327">
        <v>100214</v>
      </c>
      <c r="DO37" s="327">
        <v>236467</v>
      </c>
      <c r="DP37" s="327">
        <v>211220</v>
      </c>
      <c r="DQ37" s="330">
        <v>571215</v>
      </c>
      <c r="DR37" s="333">
        <v>571215</v>
      </c>
      <c r="DS37" s="326">
        <v>0</v>
      </c>
      <c r="DT37" s="327">
        <v>0</v>
      </c>
      <c r="DU37" s="328">
        <v>0</v>
      </c>
      <c r="DV37" s="332"/>
      <c r="DW37" s="327">
        <v>0</v>
      </c>
      <c r="DX37" s="327">
        <v>0</v>
      </c>
      <c r="DY37" s="327">
        <v>94953</v>
      </c>
      <c r="DZ37" s="327">
        <v>221200</v>
      </c>
      <c r="EA37" s="327">
        <v>210786</v>
      </c>
      <c r="EB37" s="330">
        <v>526939</v>
      </c>
      <c r="EC37" s="331">
        <v>526939</v>
      </c>
      <c r="ED37" s="326">
        <v>0</v>
      </c>
      <c r="EE37" s="327">
        <v>0</v>
      </c>
      <c r="EF37" s="328">
        <v>0</v>
      </c>
      <c r="EG37" s="332"/>
      <c r="EH37" s="327">
        <v>837</v>
      </c>
      <c r="EI37" s="327">
        <v>1302</v>
      </c>
      <c r="EJ37" s="327">
        <v>1085</v>
      </c>
      <c r="EK37" s="327">
        <v>12555</v>
      </c>
      <c r="EL37" s="327">
        <v>434</v>
      </c>
      <c r="EM37" s="330">
        <v>16213</v>
      </c>
      <c r="EN37" s="331">
        <v>16213</v>
      </c>
      <c r="EO37" s="326">
        <v>0</v>
      </c>
      <c r="EP37" s="327">
        <v>0</v>
      </c>
      <c r="EQ37" s="328">
        <v>0</v>
      </c>
      <c r="ER37" s="332"/>
      <c r="ES37" s="327">
        <v>0</v>
      </c>
      <c r="ET37" s="327">
        <v>0</v>
      </c>
      <c r="EU37" s="327">
        <v>0</v>
      </c>
      <c r="EV37" s="327">
        <v>0</v>
      </c>
      <c r="EW37" s="327">
        <v>0</v>
      </c>
      <c r="EX37" s="330">
        <v>0</v>
      </c>
      <c r="EY37" s="331">
        <v>0</v>
      </c>
      <c r="EZ37" s="326">
        <v>0</v>
      </c>
      <c r="FA37" s="327">
        <v>0</v>
      </c>
      <c r="FB37" s="328">
        <v>0</v>
      </c>
      <c r="FC37" s="332"/>
      <c r="FD37" s="327">
        <v>0</v>
      </c>
      <c r="FE37" s="327">
        <v>11687</v>
      </c>
      <c r="FF37" s="327">
        <v>0</v>
      </c>
      <c r="FG37" s="327">
        <v>217</v>
      </c>
      <c r="FH37" s="327">
        <v>0</v>
      </c>
      <c r="FI37" s="330">
        <v>11904</v>
      </c>
      <c r="FJ37" s="331">
        <v>11904</v>
      </c>
      <c r="FK37" s="326">
        <v>0</v>
      </c>
      <c r="FL37" s="327">
        <v>0</v>
      </c>
      <c r="FM37" s="328">
        <v>0</v>
      </c>
      <c r="FN37" s="332"/>
      <c r="FO37" s="327">
        <v>0</v>
      </c>
      <c r="FP37" s="327">
        <v>0</v>
      </c>
      <c r="FQ37" s="327">
        <v>0</v>
      </c>
      <c r="FR37" s="327">
        <v>0</v>
      </c>
      <c r="FS37" s="327">
        <v>0</v>
      </c>
      <c r="FT37" s="330">
        <v>0</v>
      </c>
      <c r="FU37" s="331">
        <v>0</v>
      </c>
      <c r="FV37" s="326">
        <v>0</v>
      </c>
      <c r="FW37" s="327">
        <v>0</v>
      </c>
      <c r="FX37" s="328">
        <v>0</v>
      </c>
      <c r="FY37" s="329">
        <v>0</v>
      </c>
      <c r="FZ37" s="327">
        <v>9488</v>
      </c>
      <c r="GA37" s="327">
        <v>0</v>
      </c>
      <c r="GB37" s="327">
        <v>4176</v>
      </c>
      <c r="GC37" s="327">
        <v>2425</v>
      </c>
      <c r="GD37" s="327">
        <v>0</v>
      </c>
      <c r="GE37" s="330">
        <v>16089</v>
      </c>
      <c r="GF37" s="331">
        <v>16089</v>
      </c>
      <c r="GG37" s="326">
        <v>0</v>
      </c>
      <c r="GH37" s="327">
        <v>0</v>
      </c>
      <c r="GI37" s="328">
        <v>0</v>
      </c>
      <c r="GJ37" s="329">
        <v>0</v>
      </c>
      <c r="GK37" s="327">
        <v>0</v>
      </c>
      <c r="GL37" s="327">
        <v>0</v>
      </c>
      <c r="GM37" s="327">
        <v>0</v>
      </c>
      <c r="GN37" s="327">
        <v>70</v>
      </c>
      <c r="GO37" s="327">
        <v>0</v>
      </c>
      <c r="GP37" s="330">
        <v>70</v>
      </c>
      <c r="GQ37" s="331">
        <v>70</v>
      </c>
      <c r="GR37" s="326">
        <v>0</v>
      </c>
      <c r="GS37" s="327">
        <v>0</v>
      </c>
      <c r="GT37" s="328">
        <v>0</v>
      </c>
      <c r="GU37" s="329">
        <v>0</v>
      </c>
      <c r="GV37" s="327">
        <v>0</v>
      </c>
      <c r="GW37" s="327">
        <v>0</v>
      </c>
      <c r="GX37" s="327">
        <v>0</v>
      </c>
      <c r="GY37" s="327">
        <v>0</v>
      </c>
      <c r="GZ37" s="327">
        <v>0</v>
      </c>
      <c r="HA37" s="330">
        <v>0</v>
      </c>
      <c r="HB37" s="331">
        <v>0</v>
      </c>
      <c r="HC37" s="326">
        <v>0</v>
      </c>
      <c r="HD37" s="327">
        <v>0</v>
      </c>
      <c r="HE37" s="328">
        <v>0</v>
      </c>
      <c r="HF37" s="332"/>
      <c r="HG37" s="327">
        <v>0</v>
      </c>
      <c r="HH37" s="327">
        <v>0</v>
      </c>
      <c r="HI37" s="327">
        <v>0</v>
      </c>
      <c r="HJ37" s="327">
        <v>0</v>
      </c>
      <c r="HK37" s="327">
        <v>0</v>
      </c>
      <c r="HL37" s="330">
        <v>0</v>
      </c>
      <c r="HM37" s="331">
        <v>0</v>
      </c>
      <c r="HN37" s="326">
        <v>0</v>
      </c>
      <c r="HO37" s="327">
        <v>0</v>
      </c>
      <c r="HP37" s="328">
        <v>0</v>
      </c>
      <c r="HQ37" s="329">
        <v>0</v>
      </c>
      <c r="HR37" s="327">
        <v>92043</v>
      </c>
      <c r="HS37" s="327">
        <v>138384</v>
      </c>
      <c r="HT37" s="327">
        <v>258129</v>
      </c>
      <c r="HU37" s="327">
        <v>502932</v>
      </c>
      <c r="HV37" s="327">
        <v>388515</v>
      </c>
      <c r="HW37" s="330">
        <v>1380003</v>
      </c>
      <c r="HX37" s="331">
        <v>1380003</v>
      </c>
    </row>
    <row r="38" spans="1:232" ht="16.5" customHeight="1" x14ac:dyDescent="0.2">
      <c r="A38" s="324" t="s">
        <v>35</v>
      </c>
      <c r="B38" s="326">
        <v>0</v>
      </c>
      <c r="C38" s="327">
        <v>10840</v>
      </c>
      <c r="D38" s="328">
        <v>10840</v>
      </c>
      <c r="E38" s="329">
        <v>0</v>
      </c>
      <c r="F38" s="327">
        <v>296952</v>
      </c>
      <c r="G38" s="327">
        <v>442711</v>
      </c>
      <c r="H38" s="327">
        <v>683338</v>
      </c>
      <c r="I38" s="327">
        <v>863431</v>
      </c>
      <c r="J38" s="327">
        <v>478703</v>
      </c>
      <c r="K38" s="330">
        <v>2765135</v>
      </c>
      <c r="L38" s="331">
        <v>2775975</v>
      </c>
      <c r="M38" s="326">
        <v>0</v>
      </c>
      <c r="N38" s="327">
        <v>0</v>
      </c>
      <c r="O38" s="328">
        <v>0</v>
      </c>
      <c r="P38" s="332"/>
      <c r="Q38" s="327">
        <v>24180</v>
      </c>
      <c r="R38" s="327">
        <v>34410</v>
      </c>
      <c r="S38" s="327">
        <v>298995</v>
      </c>
      <c r="T38" s="327">
        <v>548025</v>
      </c>
      <c r="U38" s="327">
        <v>303075</v>
      </c>
      <c r="V38" s="330">
        <v>1208685</v>
      </c>
      <c r="W38" s="331">
        <v>1208685</v>
      </c>
      <c r="X38" s="326">
        <v>0</v>
      </c>
      <c r="Y38" s="327">
        <v>0</v>
      </c>
      <c r="Z38" s="328">
        <v>0</v>
      </c>
      <c r="AA38" s="332"/>
      <c r="AB38" s="327">
        <v>183910</v>
      </c>
      <c r="AC38" s="327">
        <v>386265</v>
      </c>
      <c r="AD38" s="327">
        <v>242185</v>
      </c>
      <c r="AE38" s="327">
        <v>207790</v>
      </c>
      <c r="AF38" s="327">
        <v>32705</v>
      </c>
      <c r="AG38" s="330">
        <v>1052855</v>
      </c>
      <c r="AH38" s="331">
        <v>1052855</v>
      </c>
      <c r="AI38" s="326">
        <v>0</v>
      </c>
      <c r="AJ38" s="327">
        <v>0</v>
      </c>
      <c r="AK38" s="328">
        <v>0</v>
      </c>
      <c r="AL38" s="332"/>
      <c r="AM38" s="327">
        <v>0</v>
      </c>
      <c r="AN38" s="327">
        <v>0</v>
      </c>
      <c r="AO38" s="327">
        <v>0</v>
      </c>
      <c r="AP38" s="327">
        <v>0</v>
      </c>
      <c r="AQ38" s="327">
        <v>0</v>
      </c>
      <c r="AR38" s="330">
        <v>0</v>
      </c>
      <c r="AS38" s="331">
        <v>0</v>
      </c>
      <c r="AT38" s="326">
        <v>0</v>
      </c>
      <c r="AU38" s="327">
        <v>0</v>
      </c>
      <c r="AV38" s="328">
        <v>0</v>
      </c>
      <c r="AW38" s="332"/>
      <c r="AX38" s="327">
        <v>73470</v>
      </c>
      <c r="AY38" s="327">
        <v>0</v>
      </c>
      <c r="AZ38" s="327">
        <v>73625</v>
      </c>
      <c r="BA38" s="327">
        <v>95635</v>
      </c>
      <c r="BB38" s="327">
        <v>139035</v>
      </c>
      <c r="BC38" s="330">
        <v>381765</v>
      </c>
      <c r="BD38" s="331">
        <v>381765</v>
      </c>
      <c r="BE38" s="326">
        <v>0</v>
      </c>
      <c r="BF38" s="327">
        <v>0</v>
      </c>
      <c r="BG38" s="328">
        <v>0</v>
      </c>
      <c r="BH38" s="332"/>
      <c r="BI38" s="327">
        <v>0</v>
      </c>
      <c r="BJ38" s="327">
        <v>0</v>
      </c>
      <c r="BK38" s="327">
        <v>0</v>
      </c>
      <c r="BL38" s="327">
        <v>0</v>
      </c>
      <c r="BM38" s="327">
        <v>0</v>
      </c>
      <c r="BN38" s="330">
        <v>0</v>
      </c>
      <c r="BO38" s="331">
        <v>0</v>
      </c>
      <c r="BP38" s="326">
        <v>0</v>
      </c>
      <c r="BQ38" s="327">
        <v>0</v>
      </c>
      <c r="BR38" s="328">
        <v>0</v>
      </c>
      <c r="BS38" s="329">
        <v>0</v>
      </c>
      <c r="BT38" s="327">
        <v>15392</v>
      </c>
      <c r="BU38" s="327">
        <v>22036</v>
      </c>
      <c r="BV38" s="327">
        <v>68533</v>
      </c>
      <c r="BW38" s="327">
        <v>11981</v>
      </c>
      <c r="BX38" s="327">
        <v>3888</v>
      </c>
      <c r="BY38" s="330">
        <v>121830</v>
      </c>
      <c r="BZ38" s="331">
        <v>121830</v>
      </c>
      <c r="CA38" s="326">
        <v>0</v>
      </c>
      <c r="CB38" s="327">
        <v>10840</v>
      </c>
      <c r="CC38" s="328">
        <v>10840</v>
      </c>
      <c r="CD38" s="329">
        <v>0</v>
      </c>
      <c r="CE38" s="327">
        <v>0</v>
      </c>
      <c r="CF38" s="327">
        <v>0</v>
      </c>
      <c r="CG38" s="327">
        <v>0</v>
      </c>
      <c r="CH38" s="327">
        <v>0</v>
      </c>
      <c r="CI38" s="327">
        <v>0</v>
      </c>
      <c r="CJ38" s="330">
        <v>0</v>
      </c>
      <c r="CK38" s="331">
        <v>10840</v>
      </c>
      <c r="CL38" s="326">
        <v>0</v>
      </c>
      <c r="CM38" s="327">
        <v>0</v>
      </c>
      <c r="CN38" s="328">
        <v>0</v>
      </c>
      <c r="CO38" s="329">
        <v>0</v>
      </c>
      <c r="CP38" s="327">
        <v>0</v>
      </c>
      <c r="CQ38" s="327">
        <v>0</v>
      </c>
      <c r="CR38" s="327">
        <v>0</v>
      </c>
      <c r="CS38" s="327">
        <v>0</v>
      </c>
      <c r="CT38" s="327">
        <v>0</v>
      </c>
      <c r="CU38" s="330">
        <v>0</v>
      </c>
      <c r="CV38" s="331">
        <v>0</v>
      </c>
      <c r="CW38" s="326">
        <v>0</v>
      </c>
      <c r="CX38" s="327">
        <v>0</v>
      </c>
      <c r="CY38" s="328">
        <v>0</v>
      </c>
      <c r="CZ38" s="332"/>
      <c r="DA38" s="327">
        <v>0</v>
      </c>
      <c r="DB38" s="327">
        <v>0</v>
      </c>
      <c r="DC38" s="327">
        <v>0</v>
      </c>
      <c r="DD38" s="327">
        <v>0</v>
      </c>
      <c r="DE38" s="327">
        <v>0</v>
      </c>
      <c r="DF38" s="330">
        <v>0</v>
      </c>
      <c r="DG38" s="331">
        <v>0</v>
      </c>
      <c r="DH38" s="326">
        <v>0</v>
      </c>
      <c r="DI38" s="327">
        <v>91</v>
      </c>
      <c r="DJ38" s="328">
        <v>91</v>
      </c>
      <c r="DK38" s="329">
        <v>0</v>
      </c>
      <c r="DL38" s="327">
        <v>65461</v>
      </c>
      <c r="DM38" s="327">
        <v>91004</v>
      </c>
      <c r="DN38" s="327">
        <v>459252</v>
      </c>
      <c r="DO38" s="327">
        <v>540104</v>
      </c>
      <c r="DP38" s="327">
        <v>340673</v>
      </c>
      <c r="DQ38" s="330">
        <v>1496494</v>
      </c>
      <c r="DR38" s="333">
        <v>1496585</v>
      </c>
      <c r="DS38" s="326">
        <v>0</v>
      </c>
      <c r="DT38" s="327">
        <v>0</v>
      </c>
      <c r="DU38" s="328">
        <v>0</v>
      </c>
      <c r="DV38" s="332"/>
      <c r="DW38" s="327">
        <v>15035</v>
      </c>
      <c r="DX38" s="327">
        <v>30070</v>
      </c>
      <c r="DY38" s="327">
        <v>363969</v>
      </c>
      <c r="DZ38" s="327">
        <v>481257</v>
      </c>
      <c r="EA38" s="327">
        <v>293368</v>
      </c>
      <c r="EB38" s="330">
        <v>1183699</v>
      </c>
      <c r="EC38" s="331">
        <v>1183699</v>
      </c>
      <c r="ED38" s="326">
        <v>0</v>
      </c>
      <c r="EE38" s="327">
        <v>0</v>
      </c>
      <c r="EF38" s="328">
        <v>0</v>
      </c>
      <c r="EG38" s="332"/>
      <c r="EH38" s="327">
        <v>23807</v>
      </c>
      <c r="EI38" s="327">
        <v>18118</v>
      </c>
      <c r="EJ38" s="327">
        <v>13486</v>
      </c>
      <c r="EK38" s="327">
        <v>2916</v>
      </c>
      <c r="EL38" s="327">
        <v>217</v>
      </c>
      <c r="EM38" s="330">
        <v>58544</v>
      </c>
      <c r="EN38" s="331">
        <v>58544</v>
      </c>
      <c r="EO38" s="326">
        <v>0</v>
      </c>
      <c r="EP38" s="327">
        <v>0</v>
      </c>
      <c r="EQ38" s="328">
        <v>0</v>
      </c>
      <c r="ER38" s="332"/>
      <c r="ES38" s="327">
        <v>0</v>
      </c>
      <c r="ET38" s="327">
        <v>0</v>
      </c>
      <c r="EU38" s="327">
        <v>0</v>
      </c>
      <c r="EV38" s="327">
        <v>0</v>
      </c>
      <c r="EW38" s="327">
        <v>0</v>
      </c>
      <c r="EX38" s="330">
        <v>0</v>
      </c>
      <c r="EY38" s="331">
        <v>0</v>
      </c>
      <c r="EZ38" s="326">
        <v>0</v>
      </c>
      <c r="FA38" s="327">
        <v>0</v>
      </c>
      <c r="FB38" s="328">
        <v>0</v>
      </c>
      <c r="FC38" s="332"/>
      <c r="FD38" s="327">
        <v>12338</v>
      </c>
      <c r="FE38" s="327">
        <v>0</v>
      </c>
      <c r="FF38" s="327">
        <v>23591</v>
      </c>
      <c r="FG38" s="327">
        <v>23591</v>
      </c>
      <c r="FH38" s="327">
        <v>35929</v>
      </c>
      <c r="FI38" s="330">
        <v>95449</v>
      </c>
      <c r="FJ38" s="331">
        <v>95449</v>
      </c>
      <c r="FK38" s="326">
        <v>0</v>
      </c>
      <c r="FL38" s="327">
        <v>0</v>
      </c>
      <c r="FM38" s="328">
        <v>0</v>
      </c>
      <c r="FN38" s="332"/>
      <c r="FO38" s="327">
        <v>0</v>
      </c>
      <c r="FP38" s="327">
        <v>0</v>
      </c>
      <c r="FQ38" s="327">
        <v>0</v>
      </c>
      <c r="FR38" s="327">
        <v>0</v>
      </c>
      <c r="FS38" s="327">
        <v>0</v>
      </c>
      <c r="FT38" s="330">
        <v>0</v>
      </c>
      <c r="FU38" s="331">
        <v>0</v>
      </c>
      <c r="FV38" s="326">
        <v>0</v>
      </c>
      <c r="FW38" s="327">
        <v>0</v>
      </c>
      <c r="FX38" s="328">
        <v>0</v>
      </c>
      <c r="FY38" s="329">
        <v>0</v>
      </c>
      <c r="FZ38" s="327">
        <v>14281</v>
      </c>
      <c r="GA38" s="327">
        <v>42816</v>
      </c>
      <c r="GB38" s="327">
        <v>58206</v>
      </c>
      <c r="GC38" s="327">
        <v>32340</v>
      </c>
      <c r="GD38" s="327">
        <v>11159</v>
      </c>
      <c r="GE38" s="330">
        <v>158802</v>
      </c>
      <c r="GF38" s="331">
        <v>158802</v>
      </c>
      <c r="GG38" s="326">
        <v>0</v>
      </c>
      <c r="GH38" s="327">
        <v>91</v>
      </c>
      <c r="GI38" s="328">
        <v>91</v>
      </c>
      <c r="GJ38" s="329">
        <v>0</v>
      </c>
      <c r="GK38" s="327">
        <v>0</v>
      </c>
      <c r="GL38" s="327">
        <v>0</v>
      </c>
      <c r="GM38" s="327">
        <v>0</v>
      </c>
      <c r="GN38" s="327">
        <v>0</v>
      </c>
      <c r="GO38" s="327">
        <v>0</v>
      </c>
      <c r="GP38" s="330">
        <v>0</v>
      </c>
      <c r="GQ38" s="331">
        <v>91</v>
      </c>
      <c r="GR38" s="326">
        <v>0</v>
      </c>
      <c r="GS38" s="327">
        <v>0</v>
      </c>
      <c r="GT38" s="328">
        <v>0</v>
      </c>
      <c r="GU38" s="329">
        <v>0</v>
      </c>
      <c r="GV38" s="327">
        <v>0</v>
      </c>
      <c r="GW38" s="327">
        <v>0</v>
      </c>
      <c r="GX38" s="327">
        <v>0</v>
      </c>
      <c r="GY38" s="327">
        <v>0</v>
      </c>
      <c r="GZ38" s="327">
        <v>0</v>
      </c>
      <c r="HA38" s="330">
        <v>0</v>
      </c>
      <c r="HB38" s="331">
        <v>0</v>
      </c>
      <c r="HC38" s="326">
        <v>0</v>
      </c>
      <c r="HD38" s="327">
        <v>0</v>
      </c>
      <c r="HE38" s="328">
        <v>0</v>
      </c>
      <c r="HF38" s="332"/>
      <c r="HG38" s="327">
        <v>0</v>
      </c>
      <c r="HH38" s="327">
        <v>0</v>
      </c>
      <c r="HI38" s="327">
        <v>0</v>
      </c>
      <c r="HJ38" s="327">
        <v>0</v>
      </c>
      <c r="HK38" s="327">
        <v>0</v>
      </c>
      <c r="HL38" s="330">
        <v>0</v>
      </c>
      <c r="HM38" s="331">
        <v>0</v>
      </c>
      <c r="HN38" s="326">
        <v>0</v>
      </c>
      <c r="HO38" s="327">
        <v>10931</v>
      </c>
      <c r="HP38" s="328">
        <v>10931</v>
      </c>
      <c r="HQ38" s="329">
        <v>0</v>
      </c>
      <c r="HR38" s="327">
        <v>362413</v>
      </c>
      <c r="HS38" s="327">
        <v>533715</v>
      </c>
      <c r="HT38" s="327">
        <v>1142590</v>
      </c>
      <c r="HU38" s="327">
        <v>1403535</v>
      </c>
      <c r="HV38" s="327">
        <v>819376</v>
      </c>
      <c r="HW38" s="330">
        <v>4261629</v>
      </c>
      <c r="HX38" s="331">
        <v>4272560</v>
      </c>
    </row>
    <row r="39" spans="1:232" ht="16.5" customHeight="1" x14ac:dyDescent="0.2">
      <c r="A39" s="324" t="s">
        <v>36</v>
      </c>
      <c r="B39" s="326">
        <v>0</v>
      </c>
      <c r="C39" s="327">
        <v>0</v>
      </c>
      <c r="D39" s="328">
        <v>0</v>
      </c>
      <c r="E39" s="329">
        <v>0</v>
      </c>
      <c r="F39" s="327">
        <v>335837</v>
      </c>
      <c r="G39" s="327">
        <v>257415</v>
      </c>
      <c r="H39" s="327">
        <v>1053490</v>
      </c>
      <c r="I39" s="327">
        <v>948152</v>
      </c>
      <c r="J39" s="327">
        <v>844780</v>
      </c>
      <c r="K39" s="330">
        <v>3439674</v>
      </c>
      <c r="L39" s="331">
        <v>3439674</v>
      </c>
      <c r="M39" s="326">
        <v>0</v>
      </c>
      <c r="N39" s="327">
        <v>0</v>
      </c>
      <c r="O39" s="328">
        <v>0</v>
      </c>
      <c r="P39" s="332"/>
      <c r="Q39" s="327">
        <v>0</v>
      </c>
      <c r="R39" s="327">
        <v>32705</v>
      </c>
      <c r="S39" s="327">
        <v>695170</v>
      </c>
      <c r="T39" s="327">
        <v>796565</v>
      </c>
      <c r="U39" s="327">
        <v>653997</v>
      </c>
      <c r="V39" s="330">
        <v>2178437</v>
      </c>
      <c r="W39" s="331">
        <v>2178437</v>
      </c>
      <c r="X39" s="326">
        <v>0</v>
      </c>
      <c r="Y39" s="327">
        <v>0</v>
      </c>
      <c r="Z39" s="328">
        <v>0</v>
      </c>
      <c r="AA39" s="332"/>
      <c r="AB39" s="327">
        <v>313907</v>
      </c>
      <c r="AC39" s="327">
        <v>197525</v>
      </c>
      <c r="AD39" s="327">
        <v>312855</v>
      </c>
      <c r="AE39" s="327">
        <v>106702</v>
      </c>
      <c r="AF39" s="327">
        <v>169572</v>
      </c>
      <c r="AG39" s="330">
        <v>1100561</v>
      </c>
      <c r="AH39" s="331">
        <v>1100561</v>
      </c>
      <c r="AI39" s="326">
        <v>0</v>
      </c>
      <c r="AJ39" s="327">
        <v>0</v>
      </c>
      <c r="AK39" s="328">
        <v>0</v>
      </c>
      <c r="AL39" s="332"/>
      <c r="AM39" s="327">
        <v>0</v>
      </c>
      <c r="AN39" s="327">
        <v>0</v>
      </c>
      <c r="AO39" s="327">
        <v>0</v>
      </c>
      <c r="AP39" s="327">
        <v>0</v>
      </c>
      <c r="AQ39" s="327">
        <v>0</v>
      </c>
      <c r="AR39" s="330">
        <v>0</v>
      </c>
      <c r="AS39" s="331">
        <v>0</v>
      </c>
      <c r="AT39" s="326">
        <v>0</v>
      </c>
      <c r="AU39" s="327">
        <v>0</v>
      </c>
      <c r="AV39" s="328">
        <v>0</v>
      </c>
      <c r="AW39" s="332"/>
      <c r="AX39" s="327">
        <v>0</v>
      </c>
      <c r="AY39" s="327">
        <v>0</v>
      </c>
      <c r="AZ39" s="327">
        <v>0</v>
      </c>
      <c r="BA39" s="327">
        <v>29660</v>
      </c>
      <c r="BB39" s="327">
        <v>0</v>
      </c>
      <c r="BC39" s="330">
        <v>29660</v>
      </c>
      <c r="BD39" s="331">
        <v>29660</v>
      </c>
      <c r="BE39" s="326">
        <v>0</v>
      </c>
      <c r="BF39" s="327">
        <v>0</v>
      </c>
      <c r="BG39" s="328">
        <v>0</v>
      </c>
      <c r="BH39" s="332"/>
      <c r="BI39" s="327">
        <v>0</v>
      </c>
      <c r="BJ39" s="327">
        <v>0</v>
      </c>
      <c r="BK39" s="327">
        <v>0</v>
      </c>
      <c r="BL39" s="327">
        <v>0</v>
      </c>
      <c r="BM39" s="327">
        <v>0</v>
      </c>
      <c r="BN39" s="330">
        <v>0</v>
      </c>
      <c r="BO39" s="331">
        <v>0</v>
      </c>
      <c r="BP39" s="326">
        <v>0</v>
      </c>
      <c r="BQ39" s="327">
        <v>0</v>
      </c>
      <c r="BR39" s="328">
        <v>0</v>
      </c>
      <c r="BS39" s="329">
        <v>0</v>
      </c>
      <c r="BT39" s="327">
        <v>21930</v>
      </c>
      <c r="BU39" s="327">
        <v>23520</v>
      </c>
      <c r="BV39" s="327">
        <v>45465</v>
      </c>
      <c r="BW39" s="327">
        <v>15225</v>
      </c>
      <c r="BX39" s="327">
        <v>21211</v>
      </c>
      <c r="BY39" s="330">
        <v>127351</v>
      </c>
      <c r="BZ39" s="331">
        <v>127351</v>
      </c>
      <c r="CA39" s="326">
        <v>0</v>
      </c>
      <c r="CB39" s="327">
        <v>0</v>
      </c>
      <c r="CC39" s="328">
        <v>0</v>
      </c>
      <c r="CD39" s="329">
        <v>0</v>
      </c>
      <c r="CE39" s="327">
        <v>0</v>
      </c>
      <c r="CF39" s="327">
        <v>3665</v>
      </c>
      <c r="CG39" s="327">
        <v>0</v>
      </c>
      <c r="CH39" s="327">
        <v>0</v>
      </c>
      <c r="CI39" s="327">
        <v>0</v>
      </c>
      <c r="CJ39" s="330">
        <v>3665</v>
      </c>
      <c r="CK39" s="331">
        <v>3665</v>
      </c>
      <c r="CL39" s="326">
        <v>0</v>
      </c>
      <c r="CM39" s="327">
        <v>0</v>
      </c>
      <c r="CN39" s="328">
        <v>0</v>
      </c>
      <c r="CO39" s="329">
        <v>0</v>
      </c>
      <c r="CP39" s="327">
        <v>0</v>
      </c>
      <c r="CQ39" s="327">
        <v>0</v>
      </c>
      <c r="CR39" s="327">
        <v>0</v>
      </c>
      <c r="CS39" s="327">
        <v>0</v>
      </c>
      <c r="CT39" s="327">
        <v>0</v>
      </c>
      <c r="CU39" s="330">
        <v>0</v>
      </c>
      <c r="CV39" s="331">
        <v>0</v>
      </c>
      <c r="CW39" s="326">
        <v>0</v>
      </c>
      <c r="CX39" s="327">
        <v>0</v>
      </c>
      <c r="CY39" s="328">
        <v>0</v>
      </c>
      <c r="CZ39" s="332"/>
      <c r="DA39" s="327">
        <v>0</v>
      </c>
      <c r="DB39" s="327">
        <v>0</v>
      </c>
      <c r="DC39" s="327">
        <v>0</v>
      </c>
      <c r="DD39" s="327">
        <v>0</v>
      </c>
      <c r="DE39" s="327">
        <v>0</v>
      </c>
      <c r="DF39" s="330">
        <v>0</v>
      </c>
      <c r="DG39" s="331">
        <v>0</v>
      </c>
      <c r="DH39" s="326">
        <v>0</v>
      </c>
      <c r="DI39" s="327">
        <v>0</v>
      </c>
      <c r="DJ39" s="328">
        <v>0</v>
      </c>
      <c r="DK39" s="329">
        <v>0</v>
      </c>
      <c r="DL39" s="327">
        <v>36838</v>
      </c>
      <c r="DM39" s="327">
        <v>103403</v>
      </c>
      <c r="DN39" s="327">
        <v>874793</v>
      </c>
      <c r="DO39" s="327">
        <v>1177685</v>
      </c>
      <c r="DP39" s="327">
        <v>997843</v>
      </c>
      <c r="DQ39" s="330">
        <v>3190562</v>
      </c>
      <c r="DR39" s="333">
        <v>3190562</v>
      </c>
      <c r="DS39" s="326">
        <v>0</v>
      </c>
      <c r="DT39" s="327">
        <v>0</v>
      </c>
      <c r="DU39" s="328">
        <v>0</v>
      </c>
      <c r="DV39" s="332"/>
      <c r="DW39" s="327">
        <v>0</v>
      </c>
      <c r="DX39" s="327">
        <v>15035</v>
      </c>
      <c r="DY39" s="327">
        <v>771922</v>
      </c>
      <c r="DZ39" s="327">
        <v>1121748</v>
      </c>
      <c r="EA39" s="327">
        <v>976905</v>
      </c>
      <c r="EB39" s="330">
        <v>2885610</v>
      </c>
      <c r="EC39" s="331">
        <v>2885610</v>
      </c>
      <c r="ED39" s="326">
        <v>0</v>
      </c>
      <c r="EE39" s="327">
        <v>0</v>
      </c>
      <c r="EF39" s="328">
        <v>0</v>
      </c>
      <c r="EG39" s="332"/>
      <c r="EH39" s="327">
        <v>14683</v>
      </c>
      <c r="EI39" s="327">
        <v>25733</v>
      </c>
      <c r="EJ39" s="327">
        <v>14680</v>
      </c>
      <c r="EK39" s="327">
        <v>24180</v>
      </c>
      <c r="EL39" s="327">
        <v>2254</v>
      </c>
      <c r="EM39" s="330">
        <v>81530</v>
      </c>
      <c r="EN39" s="331">
        <v>81530</v>
      </c>
      <c r="EO39" s="326">
        <v>0</v>
      </c>
      <c r="EP39" s="327">
        <v>0</v>
      </c>
      <c r="EQ39" s="328">
        <v>0</v>
      </c>
      <c r="ER39" s="332"/>
      <c r="ES39" s="327">
        <v>0</v>
      </c>
      <c r="ET39" s="327">
        <v>0</v>
      </c>
      <c r="EU39" s="327">
        <v>0</v>
      </c>
      <c r="EV39" s="327">
        <v>0</v>
      </c>
      <c r="EW39" s="327">
        <v>0</v>
      </c>
      <c r="EX39" s="330">
        <v>0</v>
      </c>
      <c r="EY39" s="331">
        <v>0</v>
      </c>
      <c r="EZ39" s="326">
        <v>0</v>
      </c>
      <c r="FA39" s="327">
        <v>0</v>
      </c>
      <c r="FB39" s="328">
        <v>0</v>
      </c>
      <c r="FC39" s="332"/>
      <c r="FD39" s="327">
        <v>0</v>
      </c>
      <c r="FE39" s="327">
        <v>0</v>
      </c>
      <c r="FF39" s="327">
        <v>0</v>
      </c>
      <c r="FG39" s="327">
        <v>651</v>
      </c>
      <c r="FH39" s="327">
        <v>0</v>
      </c>
      <c r="FI39" s="330">
        <v>651</v>
      </c>
      <c r="FJ39" s="331">
        <v>651</v>
      </c>
      <c r="FK39" s="326">
        <v>0</v>
      </c>
      <c r="FL39" s="327">
        <v>0</v>
      </c>
      <c r="FM39" s="328">
        <v>0</v>
      </c>
      <c r="FN39" s="332"/>
      <c r="FO39" s="327">
        <v>0</v>
      </c>
      <c r="FP39" s="327">
        <v>0</v>
      </c>
      <c r="FQ39" s="327">
        <v>0</v>
      </c>
      <c r="FR39" s="327">
        <v>0</v>
      </c>
      <c r="FS39" s="327">
        <v>0</v>
      </c>
      <c r="FT39" s="330">
        <v>0</v>
      </c>
      <c r="FU39" s="331">
        <v>0</v>
      </c>
      <c r="FV39" s="326">
        <v>0</v>
      </c>
      <c r="FW39" s="327">
        <v>0</v>
      </c>
      <c r="FX39" s="328">
        <v>0</v>
      </c>
      <c r="FY39" s="329">
        <v>0</v>
      </c>
      <c r="FZ39" s="327">
        <v>22155</v>
      </c>
      <c r="GA39" s="327">
        <v>54333</v>
      </c>
      <c r="GB39" s="327">
        <v>88191</v>
      </c>
      <c r="GC39" s="327">
        <v>31106</v>
      </c>
      <c r="GD39" s="327">
        <v>18684</v>
      </c>
      <c r="GE39" s="330">
        <v>214469</v>
      </c>
      <c r="GF39" s="331">
        <v>214469</v>
      </c>
      <c r="GG39" s="326">
        <v>0</v>
      </c>
      <c r="GH39" s="327">
        <v>0</v>
      </c>
      <c r="GI39" s="328">
        <v>0</v>
      </c>
      <c r="GJ39" s="329">
        <v>0</v>
      </c>
      <c r="GK39" s="327">
        <v>0</v>
      </c>
      <c r="GL39" s="327">
        <v>8302</v>
      </c>
      <c r="GM39" s="327">
        <v>0</v>
      </c>
      <c r="GN39" s="327">
        <v>0</v>
      </c>
      <c r="GO39" s="327">
        <v>0</v>
      </c>
      <c r="GP39" s="330">
        <v>8302</v>
      </c>
      <c r="GQ39" s="331">
        <v>8302</v>
      </c>
      <c r="GR39" s="326">
        <v>0</v>
      </c>
      <c r="GS39" s="327">
        <v>0</v>
      </c>
      <c r="GT39" s="328">
        <v>0</v>
      </c>
      <c r="GU39" s="329">
        <v>0</v>
      </c>
      <c r="GV39" s="327">
        <v>0</v>
      </c>
      <c r="GW39" s="327">
        <v>0</v>
      </c>
      <c r="GX39" s="327">
        <v>0</v>
      </c>
      <c r="GY39" s="327">
        <v>0</v>
      </c>
      <c r="GZ39" s="327">
        <v>0</v>
      </c>
      <c r="HA39" s="330">
        <v>0</v>
      </c>
      <c r="HB39" s="331">
        <v>0</v>
      </c>
      <c r="HC39" s="326">
        <v>0</v>
      </c>
      <c r="HD39" s="327">
        <v>0</v>
      </c>
      <c r="HE39" s="328">
        <v>0</v>
      </c>
      <c r="HF39" s="332"/>
      <c r="HG39" s="327">
        <v>0</v>
      </c>
      <c r="HH39" s="327">
        <v>0</v>
      </c>
      <c r="HI39" s="327">
        <v>0</v>
      </c>
      <c r="HJ39" s="327">
        <v>0</v>
      </c>
      <c r="HK39" s="327">
        <v>0</v>
      </c>
      <c r="HL39" s="330">
        <v>0</v>
      </c>
      <c r="HM39" s="331">
        <v>0</v>
      </c>
      <c r="HN39" s="326">
        <v>0</v>
      </c>
      <c r="HO39" s="327">
        <v>0</v>
      </c>
      <c r="HP39" s="328">
        <v>0</v>
      </c>
      <c r="HQ39" s="329">
        <v>0</v>
      </c>
      <c r="HR39" s="327">
        <v>372675</v>
      </c>
      <c r="HS39" s="327">
        <v>360818</v>
      </c>
      <c r="HT39" s="327">
        <v>1928283</v>
      </c>
      <c r="HU39" s="327">
        <v>2125837</v>
      </c>
      <c r="HV39" s="327">
        <v>1842623</v>
      </c>
      <c r="HW39" s="330">
        <v>6630236</v>
      </c>
      <c r="HX39" s="331">
        <v>6630236</v>
      </c>
    </row>
    <row r="40" spans="1:232" ht="16.5" customHeight="1" thickBot="1" x14ac:dyDescent="0.25">
      <c r="A40" s="325" t="s">
        <v>37</v>
      </c>
      <c r="B40" s="334">
        <v>0</v>
      </c>
      <c r="C40" s="335">
        <v>0</v>
      </c>
      <c r="D40" s="336">
        <v>0</v>
      </c>
      <c r="E40" s="337">
        <v>0</v>
      </c>
      <c r="F40" s="335">
        <v>2290</v>
      </c>
      <c r="G40" s="335">
        <v>1020</v>
      </c>
      <c r="H40" s="335">
        <v>48620</v>
      </c>
      <c r="I40" s="335">
        <v>37975</v>
      </c>
      <c r="J40" s="335">
        <v>35340</v>
      </c>
      <c r="K40" s="338">
        <v>125245</v>
      </c>
      <c r="L40" s="339">
        <v>125245</v>
      </c>
      <c r="M40" s="334">
        <v>0</v>
      </c>
      <c r="N40" s="335">
        <v>0</v>
      </c>
      <c r="O40" s="336">
        <v>0</v>
      </c>
      <c r="P40" s="340"/>
      <c r="Q40" s="335">
        <v>0</v>
      </c>
      <c r="R40" s="335">
        <v>0</v>
      </c>
      <c r="S40" s="335">
        <v>43160</v>
      </c>
      <c r="T40" s="335">
        <v>37975</v>
      </c>
      <c r="U40" s="335">
        <v>35340</v>
      </c>
      <c r="V40" s="338">
        <v>116475</v>
      </c>
      <c r="W40" s="339">
        <v>116475</v>
      </c>
      <c r="X40" s="334">
        <v>0</v>
      </c>
      <c r="Y40" s="335">
        <v>0</v>
      </c>
      <c r="Z40" s="336">
        <v>0</v>
      </c>
      <c r="AA40" s="340"/>
      <c r="AB40" s="335">
        <v>0</v>
      </c>
      <c r="AC40" s="335">
        <v>765</v>
      </c>
      <c r="AD40" s="335">
        <v>2635</v>
      </c>
      <c r="AE40" s="335">
        <v>0</v>
      </c>
      <c r="AF40" s="335">
        <v>0</v>
      </c>
      <c r="AG40" s="338">
        <v>3400</v>
      </c>
      <c r="AH40" s="339">
        <v>3400</v>
      </c>
      <c r="AI40" s="334">
        <v>0</v>
      </c>
      <c r="AJ40" s="335">
        <v>0</v>
      </c>
      <c r="AK40" s="336">
        <v>0</v>
      </c>
      <c r="AL40" s="340"/>
      <c r="AM40" s="335">
        <v>0</v>
      </c>
      <c r="AN40" s="335">
        <v>0</v>
      </c>
      <c r="AO40" s="335">
        <v>0</v>
      </c>
      <c r="AP40" s="335">
        <v>0</v>
      </c>
      <c r="AQ40" s="335">
        <v>0</v>
      </c>
      <c r="AR40" s="338">
        <v>0</v>
      </c>
      <c r="AS40" s="339">
        <v>0</v>
      </c>
      <c r="AT40" s="334">
        <v>0</v>
      </c>
      <c r="AU40" s="335">
        <v>0</v>
      </c>
      <c r="AV40" s="336">
        <v>0</v>
      </c>
      <c r="AW40" s="340"/>
      <c r="AX40" s="335">
        <v>0</v>
      </c>
      <c r="AY40" s="335">
        <v>0</v>
      </c>
      <c r="AZ40" s="335">
        <v>0</v>
      </c>
      <c r="BA40" s="335">
        <v>0</v>
      </c>
      <c r="BB40" s="335">
        <v>0</v>
      </c>
      <c r="BC40" s="338">
        <v>0</v>
      </c>
      <c r="BD40" s="339">
        <v>0</v>
      </c>
      <c r="BE40" s="334">
        <v>0</v>
      </c>
      <c r="BF40" s="335">
        <v>0</v>
      </c>
      <c r="BG40" s="336">
        <v>0</v>
      </c>
      <c r="BH40" s="340"/>
      <c r="BI40" s="335">
        <v>0</v>
      </c>
      <c r="BJ40" s="335">
        <v>0</v>
      </c>
      <c r="BK40" s="335">
        <v>0</v>
      </c>
      <c r="BL40" s="335">
        <v>0</v>
      </c>
      <c r="BM40" s="335">
        <v>0</v>
      </c>
      <c r="BN40" s="338">
        <v>0</v>
      </c>
      <c r="BO40" s="339">
        <v>0</v>
      </c>
      <c r="BP40" s="334">
        <v>0</v>
      </c>
      <c r="BQ40" s="335">
        <v>0</v>
      </c>
      <c r="BR40" s="336">
        <v>0</v>
      </c>
      <c r="BS40" s="337">
        <v>0</v>
      </c>
      <c r="BT40" s="335">
        <v>0</v>
      </c>
      <c r="BU40" s="335">
        <v>255</v>
      </c>
      <c r="BV40" s="335">
        <v>600</v>
      </c>
      <c r="BW40" s="335">
        <v>0</v>
      </c>
      <c r="BX40" s="335">
        <v>0</v>
      </c>
      <c r="BY40" s="338">
        <v>855</v>
      </c>
      <c r="BZ40" s="339">
        <v>855</v>
      </c>
      <c r="CA40" s="334">
        <v>0</v>
      </c>
      <c r="CB40" s="335">
        <v>0</v>
      </c>
      <c r="CC40" s="336">
        <v>0</v>
      </c>
      <c r="CD40" s="337">
        <v>0</v>
      </c>
      <c r="CE40" s="335">
        <v>2290</v>
      </c>
      <c r="CF40" s="335">
        <v>0</v>
      </c>
      <c r="CG40" s="335">
        <v>2225</v>
      </c>
      <c r="CH40" s="335">
        <v>0</v>
      </c>
      <c r="CI40" s="335">
        <v>0</v>
      </c>
      <c r="CJ40" s="338">
        <v>4515</v>
      </c>
      <c r="CK40" s="339">
        <v>4515</v>
      </c>
      <c r="CL40" s="334">
        <v>0</v>
      </c>
      <c r="CM40" s="335">
        <v>0</v>
      </c>
      <c r="CN40" s="336">
        <v>0</v>
      </c>
      <c r="CO40" s="337">
        <v>0</v>
      </c>
      <c r="CP40" s="335">
        <v>0</v>
      </c>
      <c r="CQ40" s="335">
        <v>0</v>
      </c>
      <c r="CR40" s="335">
        <v>0</v>
      </c>
      <c r="CS40" s="335">
        <v>0</v>
      </c>
      <c r="CT40" s="335">
        <v>0</v>
      </c>
      <c r="CU40" s="338">
        <v>0</v>
      </c>
      <c r="CV40" s="339">
        <v>0</v>
      </c>
      <c r="CW40" s="334">
        <v>0</v>
      </c>
      <c r="CX40" s="335">
        <v>0</v>
      </c>
      <c r="CY40" s="336">
        <v>0</v>
      </c>
      <c r="CZ40" s="340"/>
      <c r="DA40" s="335">
        <v>0</v>
      </c>
      <c r="DB40" s="335">
        <v>0</v>
      </c>
      <c r="DC40" s="335">
        <v>0</v>
      </c>
      <c r="DD40" s="335">
        <v>0</v>
      </c>
      <c r="DE40" s="335">
        <v>0</v>
      </c>
      <c r="DF40" s="338">
        <v>0</v>
      </c>
      <c r="DG40" s="339">
        <v>0</v>
      </c>
      <c r="DH40" s="334">
        <v>0</v>
      </c>
      <c r="DI40" s="335">
        <v>0</v>
      </c>
      <c r="DJ40" s="336">
        <v>0</v>
      </c>
      <c r="DK40" s="337">
        <v>0</v>
      </c>
      <c r="DL40" s="335">
        <v>754</v>
      </c>
      <c r="DM40" s="335">
        <v>1116</v>
      </c>
      <c r="DN40" s="335">
        <v>95324</v>
      </c>
      <c r="DO40" s="335">
        <v>66836</v>
      </c>
      <c r="DP40" s="335">
        <v>30070</v>
      </c>
      <c r="DQ40" s="338">
        <v>194100</v>
      </c>
      <c r="DR40" s="341">
        <v>194100</v>
      </c>
      <c r="DS40" s="334">
        <v>0</v>
      </c>
      <c r="DT40" s="335">
        <v>0</v>
      </c>
      <c r="DU40" s="336">
        <v>0</v>
      </c>
      <c r="DV40" s="340"/>
      <c r="DW40" s="335">
        <v>0</v>
      </c>
      <c r="DX40" s="335">
        <v>0</v>
      </c>
      <c r="DY40" s="335">
        <v>94102</v>
      </c>
      <c r="DZ40" s="335">
        <v>66836</v>
      </c>
      <c r="EA40" s="335">
        <v>30070</v>
      </c>
      <c r="EB40" s="338">
        <v>191008</v>
      </c>
      <c r="EC40" s="339">
        <v>191008</v>
      </c>
      <c r="ED40" s="334">
        <v>0</v>
      </c>
      <c r="EE40" s="335">
        <v>0</v>
      </c>
      <c r="EF40" s="336">
        <v>0</v>
      </c>
      <c r="EG40" s="340"/>
      <c r="EH40" s="335">
        <v>0</v>
      </c>
      <c r="EI40" s="335">
        <v>63</v>
      </c>
      <c r="EJ40" s="335">
        <v>217</v>
      </c>
      <c r="EK40" s="335">
        <v>0</v>
      </c>
      <c r="EL40" s="335">
        <v>0</v>
      </c>
      <c r="EM40" s="338">
        <v>280</v>
      </c>
      <c r="EN40" s="339">
        <v>280</v>
      </c>
      <c r="EO40" s="334">
        <v>0</v>
      </c>
      <c r="EP40" s="335">
        <v>0</v>
      </c>
      <c r="EQ40" s="336">
        <v>0</v>
      </c>
      <c r="ER40" s="340"/>
      <c r="ES40" s="335">
        <v>0</v>
      </c>
      <c r="ET40" s="335">
        <v>0</v>
      </c>
      <c r="EU40" s="335">
        <v>0</v>
      </c>
      <c r="EV40" s="335">
        <v>0</v>
      </c>
      <c r="EW40" s="335">
        <v>0</v>
      </c>
      <c r="EX40" s="338">
        <v>0</v>
      </c>
      <c r="EY40" s="339">
        <v>0</v>
      </c>
      <c r="EZ40" s="334">
        <v>0</v>
      </c>
      <c r="FA40" s="335">
        <v>0</v>
      </c>
      <c r="FB40" s="336">
        <v>0</v>
      </c>
      <c r="FC40" s="340"/>
      <c r="FD40" s="335">
        <v>0</v>
      </c>
      <c r="FE40" s="335">
        <v>0</v>
      </c>
      <c r="FF40" s="335">
        <v>0</v>
      </c>
      <c r="FG40" s="335">
        <v>0</v>
      </c>
      <c r="FH40" s="335">
        <v>0</v>
      </c>
      <c r="FI40" s="338">
        <v>0</v>
      </c>
      <c r="FJ40" s="339">
        <v>0</v>
      </c>
      <c r="FK40" s="334">
        <v>0</v>
      </c>
      <c r="FL40" s="335">
        <v>0</v>
      </c>
      <c r="FM40" s="336">
        <v>0</v>
      </c>
      <c r="FN40" s="340"/>
      <c r="FO40" s="335">
        <v>0</v>
      </c>
      <c r="FP40" s="335">
        <v>0</v>
      </c>
      <c r="FQ40" s="335">
        <v>0</v>
      </c>
      <c r="FR40" s="335">
        <v>0</v>
      </c>
      <c r="FS40" s="335">
        <v>0</v>
      </c>
      <c r="FT40" s="338">
        <v>0</v>
      </c>
      <c r="FU40" s="339">
        <v>0</v>
      </c>
      <c r="FV40" s="334">
        <v>0</v>
      </c>
      <c r="FW40" s="335">
        <v>0</v>
      </c>
      <c r="FX40" s="336">
        <v>0</v>
      </c>
      <c r="FY40" s="337">
        <v>0</v>
      </c>
      <c r="FZ40" s="335">
        <v>0</v>
      </c>
      <c r="GA40" s="335">
        <v>1053</v>
      </c>
      <c r="GB40" s="335">
        <v>970</v>
      </c>
      <c r="GC40" s="335">
        <v>0</v>
      </c>
      <c r="GD40" s="335">
        <v>0</v>
      </c>
      <c r="GE40" s="338">
        <v>2023</v>
      </c>
      <c r="GF40" s="339">
        <v>2023</v>
      </c>
      <c r="GG40" s="334">
        <v>0</v>
      </c>
      <c r="GH40" s="335">
        <v>0</v>
      </c>
      <c r="GI40" s="336">
        <v>0</v>
      </c>
      <c r="GJ40" s="337">
        <v>0</v>
      </c>
      <c r="GK40" s="335">
        <v>754</v>
      </c>
      <c r="GL40" s="335">
        <v>0</v>
      </c>
      <c r="GM40" s="335">
        <v>35</v>
      </c>
      <c r="GN40" s="335">
        <v>0</v>
      </c>
      <c r="GO40" s="335">
        <v>0</v>
      </c>
      <c r="GP40" s="338">
        <v>789</v>
      </c>
      <c r="GQ40" s="339">
        <v>789</v>
      </c>
      <c r="GR40" s="334">
        <v>0</v>
      </c>
      <c r="GS40" s="335">
        <v>0</v>
      </c>
      <c r="GT40" s="336">
        <v>0</v>
      </c>
      <c r="GU40" s="337">
        <v>0</v>
      </c>
      <c r="GV40" s="335">
        <v>0</v>
      </c>
      <c r="GW40" s="335">
        <v>0</v>
      </c>
      <c r="GX40" s="335">
        <v>0</v>
      </c>
      <c r="GY40" s="335">
        <v>0</v>
      </c>
      <c r="GZ40" s="335">
        <v>0</v>
      </c>
      <c r="HA40" s="338">
        <v>0</v>
      </c>
      <c r="HB40" s="339">
        <v>0</v>
      </c>
      <c r="HC40" s="334">
        <v>0</v>
      </c>
      <c r="HD40" s="335">
        <v>0</v>
      </c>
      <c r="HE40" s="336">
        <v>0</v>
      </c>
      <c r="HF40" s="340"/>
      <c r="HG40" s="335">
        <v>0</v>
      </c>
      <c r="HH40" s="335">
        <v>0</v>
      </c>
      <c r="HI40" s="335">
        <v>0</v>
      </c>
      <c r="HJ40" s="335">
        <v>0</v>
      </c>
      <c r="HK40" s="335">
        <v>0</v>
      </c>
      <c r="HL40" s="338">
        <v>0</v>
      </c>
      <c r="HM40" s="339">
        <v>0</v>
      </c>
      <c r="HN40" s="334">
        <v>0</v>
      </c>
      <c r="HO40" s="335">
        <v>0</v>
      </c>
      <c r="HP40" s="336">
        <v>0</v>
      </c>
      <c r="HQ40" s="337">
        <v>0</v>
      </c>
      <c r="HR40" s="335">
        <v>3044</v>
      </c>
      <c r="HS40" s="335">
        <v>2136</v>
      </c>
      <c r="HT40" s="335">
        <v>143944</v>
      </c>
      <c r="HU40" s="335">
        <v>104811</v>
      </c>
      <c r="HV40" s="335">
        <v>65410</v>
      </c>
      <c r="HW40" s="338">
        <v>319345</v>
      </c>
      <c r="HX40" s="339">
        <v>319345</v>
      </c>
    </row>
    <row r="41" spans="1:232" x14ac:dyDescent="0.2">
      <c r="A41" s="1" t="s">
        <v>84</v>
      </c>
    </row>
  </sheetData>
  <mergeCells count="88">
    <mergeCell ref="HC4:HM4"/>
    <mergeCell ref="DH3:HM3"/>
    <mergeCell ref="EO4:EY4"/>
    <mergeCell ref="FK4:FU4"/>
    <mergeCell ref="HN3:HX4"/>
    <mergeCell ref="ED4:EN4"/>
    <mergeCell ref="FV4:GF4"/>
    <mergeCell ref="GG4:GQ4"/>
    <mergeCell ref="GR4:HB4"/>
    <mergeCell ref="CW4:DG4"/>
    <mergeCell ref="B3:DG3"/>
    <mergeCell ref="EZ4:FJ4"/>
    <mergeCell ref="DH4:DR4"/>
    <mergeCell ref="DS4:EC4"/>
    <mergeCell ref="B4:L4"/>
    <mergeCell ref="M4:W4"/>
    <mergeCell ref="X4:AH4"/>
    <mergeCell ref="AI4:AS4"/>
    <mergeCell ref="BE4:BO4"/>
    <mergeCell ref="AT4:BD4"/>
    <mergeCell ref="B5:D5"/>
    <mergeCell ref="E5:K5"/>
    <mergeCell ref="L5:L6"/>
    <mergeCell ref="M5:O5"/>
    <mergeCell ref="P5:V5"/>
    <mergeCell ref="F1:G1"/>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P5:BR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CW5:CY5"/>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FC5:FI5"/>
    <mergeCell ref="FJ5:FJ6"/>
    <mergeCell ref="HB5:HB6"/>
    <mergeCell ref="HN5:HP5"/>
    <mergeCell ref="HQ5:HW5"/>
    <mergeCell ref="HX5:HX6"/>
    <mergeCell ref="GF5:GF6"/>
    <mergeCell ref="GG5:GI5"/>
    <mergeCell ref="GJ5:GP5"/>
    <mergeCell ref="GQ5:GQ6"/>
    <mergeCell ref="GR5:GT5"/>
    <mergeCell ref="GU5:HA5"/>
    <mergeCell ref="HC5:HE5"/>
    <mergeCell ref="HF5:HL5"/>
    <mergeCell ref="HM5:HM6"/>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3" max="1048575" man="1"/>
    <brk id="56" max="1048575" man="1"/>
    <brk id="78" max="1048575" man="1"/>
    <brk id="111" max="1048575" man="1"/>
    <brk id="133" max="1048575" man="1"/>
    <brk id="166" max="1048575" man="1"/>
    <brk id="188" max="1048575" man="1"/>
    <brk id="221"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466">
        <f>第１表!F2</f>
        <v>4</v>
      </c>
      <c r="F1" s="466"/>
      <c r="G1" s="283">
        <f>第１表!G2</f>
        <v>2</v>
      </c>
      <c r="H1" s="465">
        <f>G1</f>
        <v>2</v>
      </c>
      <c r="I1" s="465"/>
    </row>
    <row r="2" spans="1:298" ht="16.5" customHeight="1" thickBot="1" x14ac:dyDescent="0.25">
      <c r="A2" s="20" t="s">
        <v>132</v>
      </c>
    </row>
    <row r="3" spans="1:298" ht="22.5" customHeight="1" thickBot="1" x14ac:dyDescent="0.25">
      <c r="A3" s="452" t="s">
        <v>38</v>
      </c>
      <c r="B3" s="447" t="s">
        <v>96</v>
      </c>
      <c r="C3" s="447"/>
      <c r="D3" s="447"/>
      <c r="E3" s="447"/>
      <c r="F3" s="447"/>
      <c r="G3" s="447"/>
      <c r="H3" s="447"/>
      <c r="I3" s="447"/>
      <c r="J3" s="447"/>
      <c r="K3" s="447"/>
      <c r="L3" s="447"/>
      <c r="M3" s="447"/>
      <c r="N3" s="447"/>
      <c r="O3" s="447"/>
      <c r="P3" s="447"/>
      <c r="Q3" s="447"/>
      <c r="R3" s="447"/>
      <c r="S3" s="447"/>
      <c r="T3" s="447"/>
      <c r="U3" s="447"/>
      <c r="V3" s="447"/>
      <c r="W3" s="447"/>
      <c r="X3" s="447"/>
      <c r="Y3" s="447"/>
      <c r="Z3" s="447"/>
      <c r="AA3" s="447"/>
      <c r="AB3" s="447"/>
      <c r="AC3" s="447"/>
      <c r="AD3" s="447"/>
      <c r="AE3" s="447"/>
      <c r="AF3" s="447"/>
      <c r="AG3" s="447"/>
      <c r="AH3" s="447"/>
      <c r="AI3" s="447"/>
      <c r="AJ3" s="447"/>
      <c r="AK3" s="447"/>
      <c r="AL3" s="447"/>
      <c r="AM3" s="447"/>
      <c r="AN3" s="447"/>
      <c r="AO3" s="447"/>
      <c r="AP3" s="447"/>
      <c r="AQ3" s="447"/>
      <c r="AR3" s="447"/>
      <c r="AS3" s="447"/>
      <c r="AT3" s="447"/>
      <c r="AU3" s="447"/>
      <c r="AV3" s="447"/>
      <c r="AW3" s="447"/>
      <c r="AX3" s="447"/>
      <c r="AY3" s="447"/>
      <c r="AZ3" s="447"/>
      <c r="BA3" s="447"/>
      <c r="BB3" s="447"/>
      <c r="BC3" s="447"/>
      <c r="BD3" s="447"/>
      <c r="BE3" s="447"/>
      <c r="BF3" s="447"/>
      <c r="BG3" s="447"/>
      <c r="BH3" s="447"/>
      <c r="BI3" s="447"/>
      <c r="BJ3" s="447"/>
      <c r="BK3" s="447"/>
      <c r="BL3" s="447"/>
      <c r="BM3" s="447"/>
      <c r="BN3" s="447"/>
      <c r="BO3" s="447"/>
      <c r="BP3" s="447"/>
      <c r="BQ3" s="447"/>
      <c r="BR3" s="447"/>
      <c r="BS3" s="447"/>
      <c r="BT3" s="447"/>
      <c r="BU3" s="447"/>
      <c r="BV3" s="447"/>
      <c r="BW3" s="447"/>
      <c r="BX3" s="447"/>
      <c r="BY3" s="447"/>
      <c r="BZ3" s="447"/>
      <c r="CA3" s="447"/>
      <c r="CB3" s="447"/>
      <c r="CC3" s="447"/>
      <c r="CD3" s="447"/>
      <c r="CE3" s="447"/>
      <c r="CF3" s="447"/>
      <c r="CG3" s="447"/>
      <c r="CH3" s="447"/>
      <c r="CI3" s="447"/>
      <c r="CJ3" s="447"/>
      <c r="CK3" s="447"/>
      <c r="CL3" s="447"/>
      <c r="CM3" s="447"/>
      <c r="CN3" s="447"/>
      <c r="CO3" s="447"/>
      <c r="CP3" s="447"/>
      <c r="CQ3" s="447"/>
      <c r="CR3" s="447"/>
      <c r="CS3" s="447"/>
      <c r="CT3" s="447"/>
      <c r="CU3" s="447"/>
      <c r="CV3" s="448"/>
      <c r="CW3" s="447" t="s">
        <v>103</v>
      </c>
      <c r="CX3" s="447"/>
      <c r="CY3" s="447"/>
      <c r="CZ3" s="447"/>
      <c r="DA3" s="447"/>
      <c r="DB3" s="447"/>
      <c r="DC3" s="447"/>
      <c r="DD3" s="447"/>
      <c r="DE3" s="447"/>
      <c r="DF3" s="447"/>
      <c r="DG3" s="447"/>
      <c r="DH3" s="447"/>
      <c r="DI3" s="447"/>
      <c r="DJ3" s="447"/>
      <c r="DK3" s="447"/>
      <c r="DL3" s="447"/>
      <c r="DM3" s="447"/>
      <c r="DN3" s="447"/>
      <c r="DO3" s="447"/>
      <c r="DP3" s="447"/>
      <c r="DQ3" s="447"/>
      <c r="DR3" s="447"/>
      <c r="DS3" s="447"/>
      <c r="DT3" s="447"/>
      <c r="DU3" s="447"/>
      <c r="DV3" s="447"/>
      <c r="DW3" s="447"/>
      <c r="DX3" s="447"/>
      <c r="DY3" s="447"/>
      <c r="DZ3" s="447"/>
      <c r="EA3" s="447"/>
      <c r="EB3" s="447"/>
      <c r="EC3" s="447"/>
      <c r="ED3" s="447"/>
      <c r="EE3" s="447"/>
      <c r="EF3" s="447"/>
      <c r="EG3" s="447"/>
      <c r="EH3" s="447"/>
      <c r="EI3" s="447"/>
      <c r="EJ3" s="447"/>
      <c r="EK3" s="447"/>
      <c r="EL3" s="447"/>
      <c r="EM3" s="447"/>
      <c r="EN3" s="447"/>
      <c r="EO3" s="447"/>
      <c r="EP3" s="447"/>
      <c r="EQ3" s="447"/>
      <c r="ER3" s="447"/>
      <c r="ES3" s="447"/>
      <c r="ET3" s="447"/>
      <c r="EU3" s="447"/>
      <c r="EV3" s="447"/>
      <c r="EW3" s="447"/>
      <c r="EX3" s="447"/>
      <c r="EY3" s="447"/>
      <c r="EZ3" s="447"/>
      <c r="FA3" s="447"/>
      <c r="FB3" s="447"/>
      <c r="FC3" s="447"/>
      <c r="FD3" s="447"/>
      <c r="FE3" s="447"/>
      <c r="FF3" s="447"/>
      <c r="FG3" s="447"/>
      <c r="FH3" s="447"/>
      <c r="FI3" s="447"/>
      <c r="FJ3" s="447"/>
      <c r="FK3" s="447"/>
      <c r="FL3" s="447"/>
      <c r="FM3" s="447"/>
      <c r="FN3" s="447"/>
      <c r="FO3" s="447"/>
      <c r="FP3" s="447"/>
      <c r="FQ3" s="447"/>
      <c r="FR3" s="447"/>
      <c r="FS3" s="447"/>
      <c r="FT3" s="447"/>
      <c r="FU3" s="447"/>
      <c r="FV3" s="447"/>
      <c r="FW3" s="447"/>
      <c r="FX3" s="447"/>
      <c r="FY3" s="447"/>
      <c r="FZ3" s="447"/>
      <c r="GA3" s="447"/>
      <c r="GB3" s="447"/>
      <c r="GC3" s="447"/>
      <c r="GD3" s="447"/>
      <c r="GE3" s="447"/>
      <c r="GF3" s="447"/>
      <c r="GG3" s="447"/>
      <c r="GH3" s="447"/>
      <c r="GI3" s="447"/>
      <c r="GJ3" s="447"/>
      <c r="GK3" s="447"/>
      <c r="GL3" s="447"/>
      <c r="GM3" s="447"/>
      <c r="GN3" s="447"/>
      <c r="GO3" s="447"/>
      <c r="GP3" s="447"/>
      <c r="GQ3" s="448"/>
      <c r="GR3" s="447" t="s">
        <v>104</v>
      </c>
      <c r="GS3" s="447"/>
      <c r="GT3" s="447"/>
      <c r="GU3" s="447"/>
      <c r="GV3" s="447"/>
      <c r="GW3" s="447"/>
      <c r="GX3" s="447"/>
      <c r="GY3" s="447"/>
      <c r="GZ3" s="447"/>
      <c r="HA3" s="447"/>
      <c r="HB3" s="447"/>
      <c r="HC3" s="447"/>
      <c r="HD3" s="447"/>
      <c r="HE3" s="447"/>
      <c r="HF3" s="447"/>
      <c r="HG3" s="447"/>
      <c r="HH3" s="447"/>
      <c r="HI3" s="447"/>
      <c r="HJ3" s="447"/>
      <c r="HK3" s="447"/>
      <c r="HL3" s="447"/>
      <c r="HM3" s="447"/>
      <c r="HN3" s="447"/>
      <c r="HO3" s="447"/>
      <c r="HP3" s="447"/>
      <c r="HQ3" s="447"/>
      <c r="HR3" s="447"/>
      <c r="HS3" s="447"/>
      <c r="HT3" s="447"/>
      <c r="HU3" s="447"/>
      <c r="HV3" s="447"/>
      <c r="HW3" s="447"/>
      <c r="HX3" s="447"/>
      <c r="HY3" s="447"/>
      <c r="HZ3" s="447"/>
      <c r="IA3" s="447"/>
      <c r="IB3" s="447"/>
      <c r="IC3" s="447"/>
      <c r="ID3" s="447"/>
      <c r="IE3" s="447"/>
      <c r="IF3" s="447"/>
      <c r="IG3" s="447"/>
      <c r="IH3" s="447"/>
      <c r="II3" s="447"/>
      <c r="IJ3" s="447"/>
      <c r="IK3" s="447"/>
      <c r="IL3" s="447"/>
      <c r="IM3" s="447"/>
      <c r="IN3" s="447"/>
      <c r="IO3" s="447"/>
      <c r="IP3" s="447"/>
      <c r="IQ3" s="447"/>
      <c r="IR3" s="447"/>
      <c r="IS3" s="447"/>
      <c r="IT3" s="447"/>
      <c r="IU3" s="447"/>
      <c r="IV3" s="447"/>
      <c r="IW3" s="447"/>
      <c r="IX3" s="447"/>
      <c r="IY3" s="447"/>
      <c r="IZ3" s="447"/>
      <c r="JA3" s="447"/>
      <c r="JB3" s="447"/>
      <c r="JC3" s="447"/>
      <c r="JD3" s="447"/>
      <c r="JE3" s="447"/>
      <c r="JF3" s="447"/>
      <c r="JG3" s="447"/>
      <c r="JH3" s="447"/>
      <c r="JI3" s="447"/>
      <c r="JJ3" s="447"/>
      <c r="JK3" s="447"/>
      <c r="JL3" s="447"/>
      <c r="JM3" s="447"/>
      <c r="JN3" s="447"/>
      <c r="JO3" s="447"/>
      <c r="JP3" s="447"/>
      <c r="JQ3" s="447"/>
      <c r="JR3" s="447"/>
      <c r="JS3" s="447"/>
      <c r="JT3" s="447"/>
      <c r="JU3" s="447"/>
      <c r="JV3" s="447"/>
      <c r="JW3" s="447"/>
      <c r="JX3" s="447"/>
      <c r="JY3" s="447"/>
      <c r="JZ3" s="447"/>
      <c r="KA3" s="447"/>
      <c r="KB3" s="447"/>
      <c r="KC3" s="447"/>
      <c r="KD3" s="447"/>
      <c r="KE3" s="447"/>
      <c r="KF3" s="447"/>
      <c r="KG3" s="447"/>
      <c r="KH3" s="447"/>
      <c r="KI3" s="447"/>
      <c r="KJ3" s="447"/>
      <c r="KK3" s="447"/>
      <c r="KL3" s="448"/>
    </row>
    <row r="4" spans="1:298" ht="27.75" customHeight="1" thickBot="1" x14ac:dyDescent="0.25">
      <c r="A4" s="464"/>
      <c r="B4" s="449" t="s">
        <v>39</v>
      </c>
      <c r="C4" s="450"/>
      <c r="D4" s="450"/>
      <c r="E4" s="450"/>
      <c r="F4" s="450"/>
      <c r="G4" s="450"/>
      <c r="H4" s="450"/>
      <c r="I4" s="450"/>
      <c r="J4" s="450"/>
      <c r="K4" s="450"/>
      <c r="L4" s="450"/>
      <c r="M4" s="450"/>
      <c r="N4" s="450"/>
      <c r="O4" s="450"/>
      <c r="P4" s="450"/>
      <c r="Q4" s="450"/>
      <c r="R4" s="450"/>
      <c r="S4" s="450"/>
      <c r="T4" s="450"/>
      <c r="U4" s="450"/>
      <c r="V4" s="450"/>
      <c r="W4" s="450"/>
      <c r="X4" s="450"/>
      <c r="Y4" s="450"/>
      <c r="Z4" s="450"/>
      <c r="AA4" s="450"/>
      <c r="AB4" s="450"/>
      <c r="AC4" s="450"/>
      <c r="AD4" s="450"/>
      <c r="AE4" s="450"/>
      <c r="AF4" s="450"/>
      <c r="AG4" s="450"/>
      <c r="AH4" s="450"/>
      <c r="AI4" s="450"/>
      <c r="AJ4" s="450"/>
      <c r="AK4" s="450"/>
      <c r="AL4" s="450"/>
      <c r="AM4" s="450"/>
      <c r="AN4" s="450"/>
      <c r="AO4" s="450"/>
      <c r="AP4" s="450"/>
      <c r="AQ4" s="450"/>
      <c r="AR4" s="450"/>
      <c r="AS4" s="450"/>
      <c r="AT4" s="450"/>
      <c r="AU4" s="450"/>
      <c r="AV4" s="450"/>
      <c r="AW4" s="450"/>
      <c r="AX4" s="450"/>
      <c r="AY4" s="450"/>
      <c r="AZ4" s="450"/>
      <c r="BA4" s="450"/>
      <c r="BB4" s="450"/>
      <c r="BC4" s="450"/>
      <c r="BD4" s="450"/>
      <c r="BE4" s="450"/>
      <c r="BF4" s="450"/>
      <c r="BG4" s="450"/>
      <c r="BH4" s="450"/>
      <c r="BI4" s="450"/>
      <c r="BJ4" s="450"/>
      <c r="BK4" s="450"/>
      <c r="BL4" s="450"/>
      <c r="BM4" s="450"/>
      <c r="BN4" s="450"/>
      <c r="BO4" s="450"/>
      <c r="BP4" s="450"/>
      <c r="BQ4" s="450"/>
      <c r="BR4" s="450"/>
      <c r="BS4" s="450"/>
      <c r="BT4" s="450"/>
      <c r="BU4" s="450"/>
      <c r="BV4" s="450"/>
      <c r="BW4" s="450"/>
      <c r="BX4" s="450"/>
      <c r="BY4" s="450"/>
      <c r="BZ4" s="451"/>
      <c r="CA4" s="452" t="s">
        <v>40</v>
      </c>
      <c r="CB4" s="453"/>
      <c r="CC4" s="453"/>
      <c r="CD4" s="453"/>
      <c r="CE4" s="453"/>
      <c r="CF4" s="453"/>
      <c r="CG4" s="453"/>
      <c r="CH4" s="453"/>
      <c r="CI4" s="453"/>
      <c r="CJ4" s="453"/>
      <c r="CK4" s="454"/>
      <c r="CL4" s="452" t="s">
        <v>41</v>
      </c>
      <c r="CM4" s="453"/>
      <c r="CN4" s="453"/>
      <c r="CO4" s="453"/>
      <c r="CP4" s="453"/>
      <c r="CQ4" s="453"/>
      <c r="CR4" s="453"/>
      <c r="CS4" s="453"/>
      <c r="CT4" s="453"/>
      <c r="CU4" s="453"/>
      <c r="CV4" s="454"/>
      <c r="CW4" s="449" t="s">
        <v>39</v>
      </c>
      <c r="CX4" s="450"/>
      <c r="CY4" s="450"/>
      <c r="CZ4" s="450"/>
      <c r="DA4" s="450"/>
      <c r="DB4" s="450"/>
      <c r="DC4" s="450"/>
      <c r="DD4" s="450"/>
      <c r="DE4" s="450"/>
      <c r="DF4" s="450"/>
      <c r="DG4" s="450"/>
      <c r="DH4" s="450"/>
      <c r="DI4" s="450"/>
      <c r="DJ4" s="450"/>
      <c r="DK4" s="450"/>
      <c r="DL4" s="450"/>
      <c r="DM4" s="450"/>
      <c r="DN4" s="450"/>
      <c r="DO4" s="450"/>
      <c r="DP4" s="450"/>
      <c r="DQ4" s="450"/>
      <c r="DR4" s="450"/>
      <c r="DS4" s="450"/>
      <c r="DT4" s="450"/>
      <c r="DU4" s="450"/>
      <c r="DV4" s="450"/>
      <c r="DW4" s="450"/>
      <c r="DX4" s="450"/>
      <c r="DY4" s="450"/>
      <c r="DZ4" s="450"/>
      <c r="EA4" s="450"/>
      <c r="EB4" s="450"/>
      <c r="EC4" s="450"/>
      <c r="ED4" s="450"/>
      <c r="EE4" s="450"/>
      <c r="EF4" s="450"/>
      <c r="EG4" s="450"/>
      <c r="EH4" s="450"/>
      <c r="EI4" s="450"/>
      <c r="EJ4" s="450"/>
      <c r="EK4" s="450"/>
      <c r="EL4" s="450"/>
      <c r="EM4" s="450"/>
      <c r="EN4" s="450"/>
      <c r="EO4" s="450"/>
      <c r="EP4" s="450"/>
      <c r="EQ4" s="450"/>
      <c r="ER4" s="450"/>
      <c r="ES4" s="450"/>
      <c r="ET4" s="450"/>
      <c r="EU4" s="450"/>
      <c r="EV4" s="450"/>
      <c r="EW4" s="450"/>
      <c r="EX4" s="450"/>
      <c r="EY4" s="450"/>
      <c r="EZ4" s="450"/>
      <c r="FA4" s="450"/>
      <c r="FB4" s="450"/>
      <c r="FC4" s="450"/>
      <c r="FD4" s="450"/>
      <c r="FE4" s="450"/>
      <c r="FF4" s="450"/>
      <c r="FG4" s="450"/>
      <c r="FH4" s="450"/>
      <c r="FI4" s="450"/>
      <c r="FJ4" s="450"/>
      <c r="FK4" s="450"/>
      <c r="FL4" s="450"/>
      <c r="FM4" s="450"/>
      <c r="FN4" s="450"/>
      <c r="FO4" s="450"/>
      <c r="FP4" s="450"/>
      <c r="FQ4" s="450"/>
      <c r="FR4" s="450"/>
      <c r="FS4" s="450"/>
      <c r="FT4" s="450"/>
      <c r="FU4" s="451"/>
      <c r="FV4" s="452" t="s">
        <v>40</v>
      </c>
      <c r="FW4" s="453"/>
      <c r="FX4" s="453"/>
      <c r="FY4" s="453"/>
      <c r="FZ4" s="453"/>
      <c r="GA4" s="453"/>
      <c r="GB4" s="453"/>
      <c r="GC4" s="453"/>
      <c r="GD4" s="453"/>
      <c r="GE4" s="453"/>
      <c r="GF4" s="454"/>
      <c r="GG4" s="452" t="s">
        <v>41</v>
      </c>
      <c r="GH4" s="453"/>
      <c r="GI4" s="453"/>
      <c r="GJ4" s="453"/>
      <c r="GK4" s="453"/>
      <c r="GL4" s="453"/>
      <c r="GM4" s="453"/>
      <c r="GN4" s="453"/>
      <c r="GO4" s="453"/>
      <c r="GP4" s="453"/>
      <c r="GQ4" s="454"/>
      <c r="GR4" s="449" t="s">
        <v>39</v>
      </c>
      <c r="GS4" s="450"/>
      <c r="GT4" s="450"/>
      <c r="GU4" s="450"/>
      <c r="GV4" s="450"/>
      <c r="GW4" s="450"/>
      <c r="GX4" s="450"/>
      <c r="GY4" s="450"/>
      <c r="GZ4" s="450"/>
      <c r="HA4" s="450"/>
      <c r="HB4" s="450"/>
      <c r="HC4" s="450"/>
      <c r="HD4" s="450"/>
      <c r="HE4" s="450"/>
      <c r="HF4" s="450"/>
      <c r="HG4" s="450"/>
      <c r="HH4" s="450"/>
      <c r="HI4" s="450"/>
      <c r="HJ4" s="450"/>
      <c r="HK4" s="450"/>
      <c r="HL4" s="450"/>
      <c r="HM4" s="450"/>
      <c r="HN4" s="450"/>
      <c r="HO4" s="450"/>
      <c r="HP4" s="450"/>
      <c r="HQ4" s="450"/>
      <c r="HR4" s="450"/>
      <c r="HS4" s="450"/>
      <c r="HT4" s="450"/>
      <c r="HU4" s="450"/>
      <c r="HV4" s="450"/>
      <c r="HW4" s="450"/>
      <c r="HX4" s="450"/>
      <c r="HY4" s="450"/>
      <c r="HZ4" s="450"/>
      <c r="IA4" s="450"/>
      <c r="IB4" s="450"/>
      <c r="IC4" s="450"/>
      <c r="ID4" s="450"/>
      <c r="IE4" s="450"/>
      <c r="IF4" s="450"/>
      <c r="IG4" s="450"/>
      <c r="IH4" s="450"/>
      <c r="II4" s="450"/>
      <c r="IJ4" s="450"/>
      <c r="IK4" s="450"/>
      <c r="IL4" s="450"/>
      <c r="IM4" s="450"/>
      <c r="IN4" s="450"/>
      <c r="IO4" s="450"/>
      <c r="IP4" s="450"/>
      <c r="IQ4" s="450"/>
      <c r="IR4" s="450"/>
      <c r="IS4" s="450"/>
      <c r="IT4" s="450"/>
      <c r="IU4" s="450"/>
      <c r="IV4" s="450"/>
      <c r="IW4" s="450"/>
      <c r="IX4" s="450"/>
      <c r="IY4" s="450"/>
      <c r="IZ4" s="450"/>
      <c r="JA4" s="450"/>
      <c r="JB4" s="450"/>
      <c r="JC4" s="450"/>
      <c r="JD4" s="450"/>
      <c r="JE4" s="450"/>
      <c r="JF4" s="450"/>
      <c r="JG4" s="450"/>
      <c r="JH4" s="450"/>
      <c r="JI4" s="450"/>
      <c r="JJ4" s="450"/>
      <c r="JK4" s="450"/>
      <c r="JL4" s="450"/>
      <c r="JM4" s="450"/>
      <c r="JN4" s="450"/>
      <c r="JO4" s="450"/>
      <c r="JP4" s="451"/>
      <c r="JQ4" s="452" t="s">
        <v>40</v>
      </c>
      <c r="JR4" s="453"/>
      <c r="JS4" s="453"/>
      <c r="JT4" s="453"/>
      <c r="JU4" s="453"/>
      <c r="JV4" s="453"/>
      <c r="JW4" s="453"/>
      <c r="JX4" s="453"/>
      <c r="JY4" s="453"/>
      <c r="JZ4" s="453"/>
      <c r="KA4" s="454"/>
      <c r="KB4" s="452" t="s">
        <v>41</v>
      </c>
      <c r="KC4" s="453"/>
      <c r="KD4" s="453"/>
      <c r="KE4" s="453"/>
      <c r="KF4" s="453"/>
      <c r="KG4" s="453"/>
      <c r="KH4" s="453"/>
      <c r="KI4" s="453"/>
      <c r="KJ4" s="453"/>
      <c r="KK4" s="453"/>
      <c r="KL4" s="454"/>
    </row>
    <row r="5" spans="1:298" ht="27.75" customHeight="1" thickBot="1" x14ac:dyDescent="0.25">
      <c r="A5" s="458"/>
      <c r="B5" s="458"/>
      <c r="C5" s="459"/>
      <c r="D5" s="459"/>
      <c r="E5" s="459"/>
      <c r="F5" s="459"/>
      <c r="G5" s="459"/>
      <c r="H5" s="459"/>
      <c r="I5" s="459"/>
      <c r="J5" s="459"/>
      <c r="K5" s="459"/>
      <c r="L5" s="460"/>
      <c r="M5" s="461" t="s">
        <v>97</v>
      </c>
      <c r="N5" s="462"/>
      <c r="O5" s="462"/>
      <c r="P5" s="462"/>
      <c r="Q5" s="462"/>
      <c r="R5" s="462"/>
      <c r="S5" s="462"/>
      <c r="T5" s="462"/>
      <c r="U5" s="462"/>
      <c r="V5" s="462"/>
      <c r="W5" s="463"/>
      <c r="X5" s="461" t="s">
        <v>98</v>
      </c>
      <c r="Y5" s="462"/>
      <c r="Z5" s="462"/>
      <c r="AA5" s="462"/>
      <c r="AB5" s="462"/>
      <c r="AC5" s="462"/>
      <c r="AD5" s="462"/>
      <c r="AE5" s="462"/>
      <c r="AF5" s="462"/>
      <c r="AG5" s="462"/>
      <c r="AH5" s="463"/>
      <c r="AI5" s="461" t="s">
        <v>99</v>
      </c>
      <c r="AJ5" s="462"/>
      <c r="AK5" s="462"/>
      <c r="AL5" s="462"/>
      <c r="AM5" s="462"/>
      <c r="AN5" s="462"/>
      <c r="AO5" s="462"/>
      <c r="AP5" s="462"/>
      <c r="AQ5" s="462"/>
      <c r="AR5" s="462"/>
      <c r="AS5" s="463"/>
      <c r="AT5" s="461" t="s">
        <v>100</v>
      </c>
      <c r="AU5" s="462"/>
      <c r="AV5" s="462"/>
      <c r="AW5" s="462"/>
      <c r="AX5" s="462"/>
      <c r="AY5" s="462"/>
      <c r="AZ5" s="462"/>
      <c r="BA5" s="462"/>
      <c r="BB5" s="462"/>
      <c r="BC5" s="462"/>
      <c r="BD5" s="463"/>
      <c r="BE5" s="461" t="s">
        <v>101</v>
      </c>
      <c r="BF5" s="462"/>
      <c r="BG5" s="462"/>
      <c r="BH5" s="462"/>
      <c r="BI5" s="462"/>
      <c r="BJ5" s="462"/>
      <c r="BK5" s="462"/>
      <c r="BL5" s="462"/>
      <c r="BM5" s="462"/>
      <c r="BN5" s="462"/>
      <c r="BO5" s="463"/>
      <c r="BP5" s="461" t="s">
        <v>102</v>
      </c>
      <c r="BQ5" s="462"/>
      <c r="BR5" s="462"/>
      <c r="BS5" s="462"/>
      <c r="BT5" s="462"/>
      <c r="BU5" s="462"/>
      <c r="BV5" s="462"/>
      <c r="BW5" s="462"/>
      <c r="BX5" s="462"/>
      <c r="BY5" s="462"/>
      <c r="BZ5" s="463"/>
      <c r="CA5" s="455"/>
      <c r="CB5" s="456"/>
      <c r="CC5" s="456"/>
      <c r="CD5" s="456"/>
      <c r="CE5" s="456"/>
      <c r="CF5" s="456"/>
      <c r="CG5" s="456"/>
      <c r="CH5" s="456"/>
      <c r="CI5" s="456"/>
      <c r="CJ5" s="456"/>
      <c r="CK5" s="457"/>
      <c r="CL5" s="455"/>
      <c r="CM5" s="456"/>
      <c r="CN5" s="456"/>
      <c r="CO5" s="456"/>
      <c r="CP5" s="456"/>
      <c r="CQ5" s="456"/>
      <c r="CR5" s="456"/>
      <c r="CS5" s="456"/>
      <c r="CT5" s="456"/>
      <c r="CU5" s="456"/>
      <c r="CV5" s="457"/>
      <c r="CW5" s="458"/>
      <c r="CX5" s="459"/>
      <c r="CY5" s="459"/>
      <c r="CZ5" s="459"/>
      <c r="DA5" s="459"/>
      <c r="DB5" s="459"/>
      <c r="DC5" s="459"/>
      <c r="DD5" s="459"/>
      <c r="DE5" s="459"/>
      <c r="DF5" s="459"/>
      <c r="DG5" s="460"/>
      <c r="DH5" s="461" t="s">
        <v>97</v>
      </c>
      <c r="DI5" s="462"/>
      <c r="DJ5" s="462"/>
      <c r="DK5" s="462"/>
      <c r="DL5" s="462"/>
      <c r="DM5" s="462"/>
      <c r="DN5" s="462"/>
      <c r="DO5" s="462"/>
      <c r="DP5" s="462"/>
      <c r="DQ5" s="462"/>
      <c r="DR5" s="463"/>
      <c r="DS5" s="461" t="s">
        <v>98</v>
      </c>
      <c r="DT5" s="462"/>
      <c r="DU5" s="462"/>
      <c r="DV5" s="462"/>
      <c r="DW5" s="462"/>
      <c r="DX5" s="462"/>
      <c r="DY5" s="462"/>
      <c r="DZ5" s="462"/>
      <c r="EA5" s="462"/>
      <c r="EB5" s="462"/>
      <c r="EC5" s="463"/>
      <c r="ED5" s="461" t="s">
        <v>99</v>
      </c>
      <c r="EE5" s="462"/>
      <c r="EF5" s="462"/>
      <c r="EG5" s="462"/>
      <c r="EH5" s="462"/>
      <c r="EI5" s="462"/>
      <c r="EJ5" s="462"/>
      <c r="EK5" s="462"/>
      <c r="EL5" s="462"/>
      <c r="EM5" s="462"/>
      <c r="EN5" s="463"/>
      <c r="EO5" s="461" t="s">
        <v>100</v>
      </c>
      <c r="EP5" s="462"/>
      <c r="EQ5" s="462"/>
      <c r="ER5" s="462"/>
      <c r="ES5" s="462"/>
      <c r="ET5" s="462"/>
      <c r="EU5" s="462"/>
      <c r="EV5" s="462"/>
      <c r="EW5" s="462"/>
      <c r="EX5" s="462"/>
      <c r="EY5" s="463"/>
      <c r="EZ5" s="461" t="s">
        <v>101</v>
      </c>
      <c r="FA5" s="462"/>
      <c r="FB5" s="462"/>
      <c r="FC5" s="462"/>
      <c r="FD5" s="462"/>
      <c r="FE5" s="462"/>
      <c r="FF5" s="462"/>
      <c r="FG5" s="462"/>
      <c r="FH5" s="462"/>
      <c r="FI5" s="462"/>
      <c r="FJ5" s="463"/>
      <c r="FK5" s="461" t="s">
        <v>102</v>
      </c>
      <c r="FL5" s="462"/>
      <c r="FM5" s="462"/>
      <c r="FN5" s="462"/>
      <c r="FO5" s="462"/>
      <c r="FP5" s="462"/>
      <c r="FQ5" s="462"/>
      <c r="FR5" s="462"/>
      <c r="FS5" s="462"/>
      <c r="FT5" s="462"/>
      <c r="FU5" s="463"/>
      <c r="FV5" s="455"/>
      <c r="FW5" s="456"/>
      <c r="FX5" s="456"/>
      <c r="FY5" s="456"/>
      <c r="FZ5" s="456"/>
      <c r="GA5" s="456"/>
      <c r="GB5" s="456"/>
      <c r="GC5" s="456"/>
      <c r="GD5" s="456"/>
      <c r="GE5" s="456"/>
      <c r="GF5" s="457"/>
      <c r="GG5" s="455"/>
      <c r="GH5" s="456"/>
      <c r="GI5" s="456"/>
      <c r="GJ5" s="456"/>
      <c r="GK5" s="456"/>
      <c r="GL5" s="456"/>
      <c r="GM5" s="456"/>
      <c r="GN5" s="456"/>
      <c r="GO5" s="456"/>
      <c r="GP5" s="456"/>
      <c r="GQ5" s="457"/>
      <c r="GR5" s="458"/>
      <c r="GS5" s="459"/>
      <c r="GT5" s="459"/>
      <c r="GU5" s="459"/>
      <c r="GV5" s="459"/>
      <c r="GW5" s="459"/>
      <c r="GX5" s="459"/>
      <c r="GY5" s="459"/>
      <c r="GZ5" s="459"/>
      <c r="HA5" s="459"/>
      <c r="HB5" s="460"/>
      <c r="HC5" s="461" t="s">
        <v>97</v>
      </c>
      <c r="HD5" s="462"/>
      <c r="HE5" s="462"/>
      <c r="HF5" s="462"/>
      <c r="HG5" s="462"/>
      <c r="HH5" s="462"/>
      <c r="HI5" s="462"/>
      <c r="HJ5" s="462"/>
      <c r="HK5" s="462"/>
      <c r="HL5" s="462"/>
      <c r="HM5" s="463"/>
      <c r="HN5" s="461" t="s">
        <v>98</v>
      </c>
      <c r="HO5" s="462"/>
      <c r="HP5" s="462"/>
      <c r="HQ5" s="462"/>
      <c r="HR5" s="462"/>
      <c r="HS5" s="462"/>
      <c r="HT5" s="462"/>
      <c r="HU5" s="462"/>
      <c r="HV5" s="462"/>
      <c r="HW5" s="462"/>
      <c r="HX5" s="463"/>
      <c r="HY5" s="461" t="s">
        <v>99</v>
      </c>
      <c r="HZ5" s="462"/>
      <c r="IA5" s="462"/>
      <c r="IB5" s="462"/>
      <c r="IC5" s="462"/>
      <c r="ID5" s="462"/>
      <c r="IE5" s="462"/>
      <c r="IF5" s="462"/>
      <c r="IG5" s="462"/>
      <c r="IH5" s="462"/>
      <c r="II5" s="463"/>
      <c r="IJ5" s="461" t="s">
        <v>100</v>
      </c>
      <c r="IK5" s="462"/>
      <c r="IL5" s="462"/>
      <c r="IM5" s="462"/>
      <c r="IN5" s="462"/>
      <c r="IO5" s="462"/>
      <c r="IP5" s="462"/>
      <c r="IQ5" s="462"/>
      <c r="IR5" s="462"/>
      <c r="IS5" s="462"/>
      <c r="IT5" s="463"/>
      <c r="IU5" s="461" t="s">
        <v>101</v>
      </c>
      <c r="IV5" s="462"/>
      <c r="IW5" s="462"/>
      <c r="IX5" s="462"/>
      <c r="IY5" s="462"/>
      <c r="IZ5" s="462"/>
      <c r="JA5" s="462"/>
      <c r="JB5" s="462"/>
      <c r="JC5" s="462"/>
      <c r="JD5" s="462"/>
      <c r="JE5" s="463"/>
      <c r="JF5" s="461" t="s">
        <v>102</v>
      </c>
      <c r="JG5" s="462"/>
      <c r="JH5" s="462"/>
      <c r="JI5" s="462"/>
      <c r="JJ5" s="462"/>
      <c r="JK5" s="462"/>
      <c r="JL5" s="462"/>
      <c r="JM5" s="462"/>
      <c r="JN5" s="462"/>
      <c r="JO5" s="462"/>
      <c r="JP5" s="463"/>
      <c r="JQ5" s="455"/>
      <c r="JR5" s="456"/>
      <c r="JS5" s="456"/>
      <c r="JT5" s="456"/>
      <c r="JU5" s="456"/>
      <c r="JV5" s="456"/>
      <c r="JW5" s="456"/>
      <c r="JX5" s="456"/>
      <c r="JY5" s="456"/>
      <c r="JZ5" s="456"/>
      <c r="KA5" s="457"/>
      <c r="KB5" s="455"/>
      <c r="KC5" s="456"/>
      <c r="KD5" s="456"/>
      <c r="KE5" s="456"/>
      <c r="KF5" s="456"/>
      <c r="KG5" s="456"/>
      <c r="KH5" s="456"/>
      <c r="KI5" s="456"/>
      <c r="KJ5" s="456"/>
      <c r="KK5" s="456"/>
      <c r="KL5" s="457"/>
    </row>
    <row r="6" spans="1:298" ht="44.25" customHeight="1" thickBot="1" x14ac:dyDescent="0.25">
      <c r="A6" s="349" t="s">
        <v>42</v>
      </c>
      <c r="B6" s="51" t="s">
        <v>43</v>
      </c>
      <c r="C6" s="47" t="s">
        <v>44</v>
      </c>
      <c r="D6" s="48" t="s">
        <v>45</v>
      </c>
      <c r="E6" s="52" t="s">
        <v>46</v>
      </c>
      <c r="F6" s="47" t="s">
        <v>47</v>
      </c>
      <c r="G6" s="47" t="s">
        <v>48</v>
      </c>
      <c r="H6" s="47" t="s">
        <v>49</v>
      </c>
      <c r="I6" s="47" t="s">
        <v>50</v>
      </c>
      <c r="J6" s="47" t="s">
        <v>51</v>
      </c>
      <c r="K6" s="48" t="s">
        <v>45</v>
      </c>
      <c r="L6" s="53" t="s">
        <v>52</v>
      </c>
      <c r="M6" s="397" t="s">
        <v>43</v>
      </c>
      <c r="N6" s="398" t="s">
        <v>44</v>
      </c>
      <c r="O6" s="399" t="s">
        <v>45</v>
      </c>
      <c r="P6" s="400" t="s">
        <v>46</v>
      </c>
      <c r="Q6" s="398" t="s">
        <v>47</v>
      </c>
      <c r="R6" s="398" t="s">
        <v>48</v>
      </c>
      <c r="S6" s="398" t="s">
        <v>49</v>
      </c>
      <c r="T6" s="398" t="s">
        <v>50</v>
      </c>
      <c r="U6" s="398" t="s">
        <v>51</v>
      </c>
      <c r="V6" s="399" t="s">
        <v>45</v>
      </c>
      <c r="W6" s="396" t="s">
        <v>52</v>
      </c>
      <c r="X6" s="397" t="s">
        <v>43</v>
      </c>
      <c r="Y6" s="398" t="s">
        <v>44</v>
      </c>
      <c r="Z6" s="399" t="s">
        <v>45</v>
      </c>
      <c r="AA6" s="400" t="s">
        <v>46</v>
      </c>
      <c r="AB6" s="398" t="s">
        <v>47</v>
      </c>
      <c r="AC6" s="398" t="s">
        <v>48</v>
      </c>
      <c r="AD6" s="398" t="s">
        <v>49</v>
      </c>
      <c r="AE6" s="398" t="s">
        <v>50</v>
      </c>
      <c r="AF6" s="398" t="s">
        <v>51</v>
      </c>
      <c r="AG6" s="399" t="s">
        <v>45</v>
      </c>
      <c r="AH6" s="401" t="s">
        <v>52</v>
      </c>
      <c r="AI6" s="397" t="s">
        <v>43</v>
      </c>
      <c r="AJ6" s="398" t="s">
        <v>44</v>
      </c>
      <c r="AK6" s="399" t="s">
        <v>45</v>
      </c>
      <c r="AL6" s="400" t="s">
        <v>46</v>
      </c>
      <c r="AM6" s="398" t="s">
        <v>47</v>
      </c>
      <c r="AN6" s="398" t="s">
        <v>48</v>
      </c>
      <c r="AO6" s="398" t="s">
        <v>49</v>
      </c>
      <c r="AP6" s="398" t="s">
        <v>50</v>
      </c>
      <c r="AQ6" s="398" t="s">
        <v>51</v>
      </c>
      <c r="AR6" s="399" t="s">
        <v>45</v>
      </c>
      <c r="AS6" s="401" t="s">
        <v>52</v>
      </c>
      <c r="AT6" s="397" t="s">
        <v>43</v>
      </c>
      <c r="AU6" s="398" t="s">
        <v>44</v>
      </c>
      <c r="AV6" s="399" t="s">
        <v>45</v>
      </c>
      <c r="AW6" s="400" t="s">
        <v>46</v>
      </c>
      <c r="AX6" s="398" t="s">
        <v>47</v>
      </c>
      <c r="AY6" s="398" t="s">
        <v>48</v>
      </c>
      <c r="AZ6" s="398" t="s">
        <v>49</v>
      </c>
      <c r="BA6" s="398" t="s">
        <v>50</v>
      </c>
      <c r="BB6" s="398" t="s">
        <v>51</v>
      </c>
      <c r="BC6" s="399" t="s">
        <v>45</v>
      </c>
      <c r="BD6" s="401" t="s">
        <v>52</v>
      </c>
      <c r="BE6" s="397" t="s">
        <v>43</v>
      </c>
      <c r="BF6" s="398" t="s">
        <v>44</v>
      </c>
      <c r="BG6" s="399" t="s">
        <v>45</v>
      </c>
      <c r="BH6" s="400" t="s">
        <v>46</v>
      </c>
      <c r="BI6" s="398" t="s">
        <v>47</v>
      </c>
      <c r="BJ6" s="398" t="s">
        <v>48</v>
      </c>
      <c r="BK6" s="398" t="s">
        <v>49</v>
      </c>
      <c r="BL6" s="398" t="s">
        <v>50</v>
      </c>
      <c r="BM6" s="398" t="s">
        <v>51</v>
      </c>
      <c r="BN6" s="399" t="s">
        <v>45</v>
      </c>
      <c r="BO6" s="401" t="s">
        <v>52</v>
      </c>
      <c r="BP6" s="397" t="s">
        <v>43</v>
      </c>
      <c r="BQ6" s="398" t="s">
        <v>44</v>
      </c>
      <c r="BR6" s="399" t="s">
        <v>45</v>
      </c>
      <c r="BS6" s="400" t="s">
        <v>46</v>
      </c>
      <c r="BT6" s="398" t="s">
        <v>47</v>
      </c>
      <c r="BU6" s="398" t="s">
        <v>48</v>
      </c>
      <c r="BV6" s="398" t="s">
        <v>49</v>
      </c>
      <c r="BW6" s="398" t="s">
        <v>50</v>
      </c>
      <c r="BX6" s="398" t="s">
        <v>51</v>
      </c>
      <c r="BY6" s="399" t="s">
        <v>45</v>
      </c>
      <c r="BZ6" s="401" t="s">
        <v>52</v>
      </c>
      <c r="CA6" s="397" t="s">
        <v>43</v>
      </c>
      <c r="CB6" s="398" t="s">
        <v>44</v>
      </c>
      <c r="CC6" s="399" t="s">
        <v>45</v>
      </c>
      <c r="CD6" s="400" t="s">
        <v>46</v>
      </c>
      <c r="CE6" s="398" t="s">
        <v>47</v>
      </c>
      <c r="CF6" s="398" t="s">
        <v>48</v>
      </c>
      <c r="CG6" s="398" t="s">
        <v>49</v>
      </c>
      <c r="CH6" s="398" t="s">
        <v>50</v>
      </c>
      <c r="CI6" s="398" t="s">
        <v>51</v>
      </c>
      <c r="CJ6" s="399" t="s">
        <v>45</v>
      </c>
      <c r="CK6" s="401" t="s">
        <v>52</v>
      </c>
      <c r="CL6" s="397" t="s">
        <v>43</v>
      </c>
      <c r="CM6" s="398" t="s">
        <v>44</v>
      </c>
      <c r="CN6" s="399" t="s">
        <v>45</v>
      </c>
      <c r="CO6" s="400" t="s">
        <v>46</v>
      </c>
      <c r="CP6" s="398" t="s">
        <v>47</v>
      </c>
      <c r="CQ6" s="398" t="s">
        <v>48</v>
      </c>
      <c r="CR6" s="398" t="s">
        <v>49</v>
      </c>
      <c r="CS6" s="398" t="s">
        <v>50</v>
      </c>
      <c r="CT6" s="398" t="s">
        <v>51</v>
      </c>
      <c r="CU6" s="399" t="s">
        <v>45</v>
      </c>
      <c r="CV6" s="401" t="s">
        <v>52</v>
      </c>
      <c r="CW6" s="51" t="s">
        <v>43</v>
      </c>
      <c r="CX6" s="47" t="s">
        <v>44</v>
      </c>
      <c r="CY6" s="48" t="s">
        <v>45</v>
      </c>
      <c r="CZ6" s="52" t="s">
        <v>46</v>
      </c>
      <c r="DA6" s="47" t="s">
        <v>47</v>
      </c>
      <c r="DB6" s="47" t="s">
        <v>48</v>
      </c>
      <c r="DC6" s="47" t="s">
        <v>49</v>
      </c>
      <c r="DD6" s="47" t="s">
        <v>50</v>
      </c>
      <c r="DE6" s="47" t="s">
        <v>51</v>
      </c>
      <c r="DF6" s="48" t="s">
        <v>45</v>
      </c>
      <c r="DG6" s="53" t="s">
        <v>52</v>
      </c>
      <c r="DH6" s="397" t="s">
        <v>43</v>
      </c>
      <c r="DI6" s="398" t="s">
        <v>44</v>
      </c>
      <c r="DJ6" s="399" t="s">
        <v>45</v>
      </c>
      <c r="DK6" s="400" t="s">
        <v>46</v>
      </c>
      <c r="DL6" s="398" t="s">
        <v>47</v>
      </c>
      <c r="DM6" s="398" t="s">
        <v>48</v>
      </c>
      <c r="DN6" s="398" t="s">
        <v>49</v>
      </c>
      <c r="DO6" s="398" t="s">
        <v>50</v>
      </c>
      <c r="DP6" s="398" t="s">
        <v>51</v>
      </c>
      <c r="DQ6" s="399" t="s">
        <v>45</v>
      </c>
      <c r="DR6" s="401" t="s">
        <v>52</v>
      </c>
      <c r="DS6" s="397" t="s">
        <v>43</v>
      </c>
      <c r="DT6" s="398" t="s">
        <v>44</v>
      </c>
      <c r="DU6" s="399" t="s">
        <v>45</v>
      </c>
      <c r="DV6" s="400" t="s">
        <v>46</v>
      </c>
      <c r="DW6" s="398" t="s">
        <v>47</v>
      </c>
      <c r="DX6" s="398" t="s">
        <v>48</v>
      </c>
      <c r="DY6" s="398" t="s">
        <v>49</v>
      </c>
      <c r="DZ6" s="398" t="s">
        <v>50</v>
      </c>
      <c r="EA6" s="398" t="s">
        <v>51</v>
      </c>
      <c r="EB6" s="399" t="s">
        <v>45</v>
      </c>
      <c r="EC6" s="401" t="s">
        <v>52</v>
      </c>
      <c r="ED6" s="397" t="s">
        <v>43</v>
      </c>
      <c r="EE6" s="398" t="s">
        <v>44</v>
      </c>
      <c r="EF6" s="399" t="s">
        <v>45</v>
      </c>
      <c r="EG6" s="400" t="s">
        <v>46</v>
      </c>
      <c r="EH6" s="398" t="s">
        <v>47</v>
      </c>
      <c r="EI6" s="398" t="s">
        <v>48</v>
      </c>
      <c r="EJ6" s="398" t="s">
        <v>49</v>
      </c>
      <c r="EK6" s="398" t="s">
        <v>50</v>
      </c>
      <c r="EL6" s="398" t="s">
        <v>51</v>
      </c>
      <c r="EM6" s="399" t="s">
        <v>45</v>
      </c>
      <c r="EN6" s="401" t="s">
        <v>52</v>
      </c>
      <c r="EO6" s="397" t="s">
        <v>43</v>
      </c>
      <c r="EP6" s="398" t="s">
        <v>44</v>
      </c>
      <c r="EQ6" s="399" t="s">
        <v>45</v>
      </c>
      <c r="ER6" s="400" t="s">
        <v>46</v>
      </c>
      <c r="ES6" s="398" t="s">
        <v>47</v>
      </c>
      <c r="ET6" s="398" t="s">
        <v>48</v>
      </c>
      <c r="EU6" s="398" t="s">
        <v>49</v>
      </c>
      <c r="EV6" s="398" t="s">
        <v>50</v>
      </c>
      <c r="EW6" s="398" t="s">
        <v>51</v>
      </c>
      <c r="EX6" s="399" t="s">
        <v>45</v>
      </c>
      <c r="EY6" s="401" t="s">
        <v>52</v>
      </c>
      <c r="EZ6" s="397" t="s">
        <v>43</v>
      </c>
      <c r="FA6" s="398" t="s">
        <v>44</v>
      </c>
      <c r="FB6" s="399" t="s">
        <v>45</v>
      </c>
      <c r="FC6" s="400" t="s">
        <v>46</v>
      </c>
      <c r="FD6" s="398" t="s">
        <v>47</v>
      </c>
      <c r="FE6" s="398" t="s">
        <v>48</v>
      </c>
      <c r="FF6" s="398" t="s">
        <v>49</v>
      </c>
      <c r="FG6" s="398" t="s">
        <v>50</v>
      </c>
      <c r="FH6" s="398" t="s">
        <v>51</v>
      </c>
      <c r="FI6" s="399" t="s">
        <v>45</v>
      </c>
      <c r="FJ6" s="401" t="s">
        <v>52</v>
      </c>
      <c r="FK6" s="397" t="s">
        <v>43</v>
      </c>
      <c r="FL6" s="398" t="s">
        <v>44</v>
      </c>
      <c r="FM6" s="399" t="s">
        <v>45</v>
      </c>
      <c r="FN6" s="400" t="s">
        <v>46</v>
      </c>
      <c r="FO6" s="398" t="s">
        <v>47</v>
      </c>
      <c r="FP6" s="398" t="s">
        <v>48</v>
      </c>
      <c r="FQ6" s="398" t="s">
        <v>49</v>
      </c>
      <c r="FR6" s="398" t="s">
        <v>50</v>
      </c>
      <c r="FS6" s="398" t="s">
        <v>51</v>
      </c>
      <c r="FT6" s="399" t="s">
        <v>45</v>
      </c>
      <c r="FU6" s="401" t="s">
        <v>52</v>
      </c>
      <c r="FV6" s="397" t="s">
        <v>43</v>
      </c>
      <c r="FW6" s="398" t="s">
        <v>44</v>
      </c>
      <c r="FX6" s="399" t="s">
        <v>45</v>
      </c>
      <c r="FY6" s="400" t="s">
        <v>46</v>
      </c>
      <c r="FZ6" s="398" t="s">
        <v>47</v>
      </c>
      <c r="GA6" s="398" t="s">
        <v>48</v>
      </c>
      <c r="GB6" s="398" t="s">
        <v>49</v>
      </c>
      <c r="GC6" s="398" t="s">
        <v>50</v>
      </c>
      <c r="GD6" s="398" t="s">
        <v>51</v>
      </c>
      <c r="GE6" s="399" t="s">
        <v>45</v>
      </c>
      <c r="GF6" s="401" t="s">
        <v>52</v>
      </c>
      <c r="GG6" s="397" t="s">
        <v>43</v>
      </c>
      <c r="GH6" s="398" t="s">
        <v>44</v>
      </c>
      <c r="GI6" s="399" t="s">
        <v>45</v>
      </c>
      <c r="GJ6" s="400" t="s">
        <v>46</v>
      </c>
      <c r="GK6" s="398" t="s">
        <v>47</v>
      </c>
      <c r="GL6" s="398" t="s">
        <v>48</v>
      </c>
      <c r="GM6" s="398" t="s">
        <v>49</v>
      </c>
      <c r="GN6" s="398" t="s">
        <v>50</v>
      </c>
      <c r="GO6" s="398" t="s">
        <v>51</v>
      </c>
      <c r="GP6" s="399" t="s">
        <v>45</v>
      </c>
      <c r="GQ6" s="401" t="s">
        <v>52</v>
      </c>
      <c r="GR6" s="51" t="s">
        <v>43</v>
      </c>
      <c r="GS6" s="47" t="s">
        <v>44</v>
      </c>
      <c r="GT6" s="48" t="s">
        <v>45</v>
      </c>
      <c r="GU6" s="52" t="s">
        <v>46</v>
      </c>
      <c r="GV6" s="47" t="s">
        <v>47</v>
      </c>
      <c r="GW6" s="47" t="s">
        <v>48</v>
      </c>
      <c r="GX6" s="47" t="s">
        <v>49</v>
      </c>
      <c r="GY6" s="47" t="s">
        <v>50</v>
      </c>
      <c r="GZ6" s="47" t="s">
        <v>51</v>
      </c>
      <c r="HA6" s="48" t="s">
        <v>45</v>
      </c>
      <c r="HB6" s="53" t="s">
        <v>52</v>
      </c>
      <c r="HC6" s="397" t="s">
        <v>43</v>
      </c>
      <c r="HD6" s="398" t="s">
        <v>44</v>
      </c>
      <c r="HE6" s="399" t="s">
        <v>45</v>
      </c>
      <c r="HF6" s="400" t="s">
        <v>46</v>
      </c>
      <c r="HG6" s="398" t="s">
        <v>47</v>
      </c>
      <c r="HH6" s="398" t="s">
        <v>48</v>
      </c>
      <c r="HI6" s="398" t="s">
        <v>49</v>
      </c>
      <c r="HJ6" s="398" t="s">
        <v>50</v>
      </c>
      <c r="HK6" s="398" t="s">
        <v>51</v>
      </c>
      <c r="HL6" s="399" t="s">
        <v>45</v>
      </c>
      <c r="HM6" s="401" t="s">
        <v>52</v>
      </c>
      <c r="HN6" s="397" t="s">
        <v>43</v>
      </c>
      <c r="HO6" s="398" t="s">
        <v>44</v>
      </c>
      <c r="HP6" s="399" t="s">
        <v>45</v>
      </c>
      <c r="HQ6" s="400" t="s">
        <v>46</v>
      </c>
      <c r="HR6" s="398" t="s">
        <v>47</v>
      </c>
      <c r="HS6" s="398" t="s">
        <v>48</v>
      </c>
      <c r="HT6" s="398" t="s">
        <v>49</v>
      </c>
      <c r="HU6" s="398" t="s">
        <v>50</v>
      </c>
      <c r="HV6" s="398" t="s">
        <v>51</v>
      </c>
      <c r="HW6" s="399" t="s">
        <v>45</v>
      </c>
      <c r="HX6" s="401" t="s">
        <v>52</v>
      </c>
      <c r="HY6" s="397" t="s">
        <v>43</v>
      </c>
      <c r="HZ6" s="398" t="s">
        <v>44</v>
      </c>
      <c r="IA6" s="399" t="s">
        <v>45</v>
      </c>
      <c r="IB6" s="400" t="s">
        <v>46</v>
      </c>
      <c r="IC6" s="398" t="s">
        <v>47</v>
      </c>
      <c r="ID6" s="398" t="s">
        <v>48</v>
      </c>
      <c r="IE6" s="398" t="s">
        <v>49</v>
      </c>
      <c r="IF6" s="398" t="s">
        <v>50</v>
      </c>
      <c r="IG6" s="398" t="s">
        <v>51</v>
      </c>
      <c r="IH6" s="399" t="s">
        <v>45</v>
      </c>
      <c r="II6" s="401" t="s">
        <v>52</v>
      </c>
      <c r="IJ6" s="397" t="s">
        <v>43</v>
      </c>
      <c r="IK6" s="398" t="s">
        <v>44</v>
      </c>
      <c r="IL6" s="399" t="s">
        <v>45</v>
      </c>
      <c r="IM6" s="400" t="s">
        <v>46</v>
      </c>
      <c r="IN6" s="398" t="s">
        <v>47</v>
      </c>
      <c r="IO6" s="398" t="s">
        <v>48</v>
      </c>
      <c r="IP6" s="398" t="s">
        <v>49</v>
      </c>
      <c r="IQ6" s="398" t="s">
        <v>50</v>
      </c>
      <c r="IR6" s="398" t="s">
        <v>51</v>
      </c>
      <c r="IS6" s="399" t="s">
        <v>45</v>
      </c>
      <c r="IT6" s="401" t="s">
        <v>52</v>
      </c>
      <c r="IU6" s="397" t="s">
        <v>43</v>
      </c>
      <c r="IV6" s="398" t="s">
        <v>44</v>
      </c>
      <c r="IW6" s="399" t="s">
        <v>45</v>
      </c>
      <c r="IX6" s="400" t="s">
        <v>46</v>
      </c>
      <c r="IY6" s="398" t="s">
        <v>47</v>
      </c>
      <c r="IZ6" s="398" t="s">
        <v>48</v>
      </c>
      <c r="JA6" s="398" t="s">
        <v>49</v>
      </c>
      <c r="JB6" s="398" t="s">
        <v>50</v>
      </c>
      <c r="JC6" s="398" t="s">
        <v>51</v>
      </c>
      <c r="JD6" s="399" t="s">
        <v>45</v>
      </c>
      <c r="JE6" s="401" t="s">
        <v>52</v>
      </c>
      <c r="JF6" s="397" t="s">
        <v>43</v>
      </c>
      <c r="JG6" s="398" t="s">
        <v>44</v>
      </c>
      <c r="JH6" s="399" t="s">
        <v>45</v>
      </c>
      <c r="JI6" s="400" t="s">
        <v>46</v>
      </c>
      <c r="JJ6" s="398" t="s">
        <v>47</v>
      </c>
      <c r="JK6" s="398" t="s">
        <v>48</v>
      </c>
      <c r="JL6" s="398" t="s">
        <v>49</v>
      </c>
      <c r="JM6" s="398" t="s">
        <v>50</v>
      </c>
      <c r="JN6" s="398" t="s">
        <v>51</v>
      </c>
      <c r="JO6" s="399" t="s">
        <v>45</v>
      </c>
      <c r="JP6" s="401" t="s">
        <v>52</v>
      </c>
      <c r="JQ6" s="397" t="s">
        <v>43</v>
      </c>
      <c r="JR6" s="398" t="s">
        <v>44</v>
      </c>
      <c r="JS6" s="399" t="s">
        <v>45</v>
      </c>
      <c r="JT6" s="400" t="s">
        <v>46</v>
      </c>
      <c r="JU6" s="398" t="s">
        <v>47</v>
      </c>
      <c r="JV6" s="398" t="s">
        <v>48</v>
      </c>
      <c r="JW6" s="398" t="s">
        <v>49</v>
      </c>
      <c r="JX6" s="398" t="s">
        <v>50</v>
      </c>
      <c r="JY6" s="398" t="s">
        <v>51</v>
      </c>
      <c r="JZ6" s="399" t="s">
        <v>45</v>
      </c>
      <c r="KA6" s="401" t="s">
        <v>52</v>
      </c>
      <c r="KB6" s="397" t="s">
        <v>43</v>
      </c>
      <c r="KC6" s="398" t="s">
        <v>44</v>
      </c>
      <c r="KD6" s="399" t="s">
        <v>45</v>
      </c>
      <c r="KE6" s="400" t="s">
        <v>46</v>
      </c>
      <c r="KF6" s="398" t="s">
        <v>47</v>
      </c>
      <c r="KG6" s="398" t="s">
        <v>48</v>
      </c>
      <c r="KH6" s="398" t="s">
        <v>49</v>
      </c>
      <c r="KI6" s="398" t="s">
        <v>50</v>
      </c>
      <c r="KJ6" s="398" t="s">
        <v>51</v>
      </c>
      <c r="KK6" s="399" t="s">
        <v>45</v>
      </c>
      <c r="KL6" s="401" t="s">
        <v>52</v>
      </c>
    </row>
    <row r="7" spans="1:298" ht="19.5" customHeight="1" x14ac:dyDescent="0.2">
      <c r="A7" s="129" t="s">
        <v>4</v>
      </c>
      <c r="B7" s="346">
        <v>4393</v>
      </c>
      <c r="C7" s="79">
        <v>4039</v>
      </c>
      <c r="D7" s="80">
        <v>8432</v>
      </c>
      <c r="E7" s="273"/>
      <c r="F7" s="79">
        <v>5883</v>
      </c>
      <c r="G7" s="79">
        <v>5286</v>
      </c>
      <c r="H7" s="79">
        <v>3533</v>
      </c>
      <c r="I7" s="79">
        <v>2913</v>
      </c>
      <c r="J7" s="79">
        <v>1610</v>
      </c>
      <c r="K7" s="81">
        <v>19225</v>
      </c>
      <c r="L7" s="82">
        <v>27657</v>
      </c>
      <c r="M7" s="67">
        <v>57</v>
      </c>
      <c r="N7" s="68">
        <v>65</v>
      </c>
      <c r="O7" s="69">
        <v>122</v>
      </c>
      <c r="P7" s="273"/>
      <c r="Q7" s="68">
        <v>80</v>
      </c>
      <c r="R7" s="68">
        <v>115</v>
      </c>
      <c r="S7" s="68">
        <v>49</v>
      </c>
      <c r="T7" s="68">
        <v>53</v>
      </c>
      <c r="U7" s="68">
        <v>42</v>
      </c>
      <c r="V7" s="69">
        <v>339</v>
      </c>
      <c r="W7" s="70">
        <v>461</v>
      </c>
      <c r="X7" s="67">
        <v>180</v>
      </c>
      <c r="Y7" s="68">
        <v>195</v>
      </c>
      <c r="Z7" s="69">
        <v>375</v>
      </c>
      <c r="AA7" s="276"/>
      <c r="AB7" s="68">
        <v>240</v>
      </c>
      <c r="AC7" s="68">
        <v>251</v>
      </c>
      <c r="AD7" s="68">
        <v>169</v>
      </c>
      <c r="AE7" s="68">
        <v>148</v>
      </c>
      <c r="AF7" s="68">
        <v>113</v>
      </c>
      <c r="AG7" s="69">
        <v>921</v>
      </c>
      <c r="AH7" s="70">
        <v>1296</v>
      </c>
      <c r="AI7" s="67">
        <v>362</v>
      </c>
      <c r="AJ7" s="68">
        <v>344</v>
      </c>
      <c r="AK7" s="69">
        <v>706</v>
      </c>
      <c r="AL7" s="276"/>
      <c r="AM7" s="68">
        <v>435</v>
      </c>
      <c r="AN7" s="68">
        <v>413</v>
      </c>
      <c r="AO7" s="68">
        <v>263</v>
      </c>
      <c r="AP7" s="68">
        <v>208</v>
      </c>
      <c r="AQ7" s="68">
        <v>157</v>
      </c>
      <c r="AR7" s="69">
        <v>1476</v>
      </c>
      <c r="AS7" s="70">
        <v>2182</v>
      </c>
      <c r="AT7" s="67">
        <v>926</v>
      </c>
      <c r="AU7" s="68">
        <v>788</v>
      </c>
      <c r="AV7" s="69">
        <v>1714</v>
      </c>
      <c r="AW7" s="276"/>
      <c r="AX7" s="68">
        <v>1140</v>
      </c>
      <c r="AY7" s="68">
        <v>970</v>
      </c>
      <c r="AZ7" s="68">
        <v>584</v>
      </c>
      <c r="BA7" s="68">
        <v>465</v>
      </c>
      <c r="BB7" s="68">
        <v>315</v>
      </c>
      <c r="BC7" s="69">
        <v>3474</v>
      </c>
      <c r="BD7" s="70">
        <v>5188</v>
      </c>
      <c r="BE7" s="67">
        <v>1597</v>
      </c>
      <c r="BF7" s="68">
        <v>1388</v>
      </c>
      <c r="BG7" s="69">
        <v>2985</v>
      </c>
      <c r="BH7" s="276"/>
      <c r="BI7" s="68">
        <v>2036</v>
      </c>
      <c r="BJ7" s="68">
        <v>1662</v>
      </c>
      <c r="BK7" s="68">
        <v>1108</v>
      </c>
      <c r="BL7" s="68">
        <v>881</v>
      </c>
      <c r="BM7" s="68">
        <v>457</v>
      </c>
      <c r="BN7" s="69">
        <v>6144</v>
      </c>
      <c r="BO7" s="70">
        <v>9129</v>
      </c>
      <c r="BP7" s="67">
        <v>1271</v>
      </c>
      <c r="BQ7" s="68">
        <v>1259</v>
      </c>
      <c r="BR7" s="69">
        <v>2530</v>
      </c>
      <c r="BS7" s="276"/>
      <c r="BT7" s="68">
        <v>1952</v>
      </c>
      <c r="BU7" s="68">
        <v>1875</v>
      </c>
      <c r="BV7" s="68">
        <v>1360</v>
      </c>
      <c r="BW7" s="68">
        <v>1158</v>
      </c>
      <c r="BX7" s="68">
        <v>526</v>
      </c>
      <c r="BY7" s="69">
        <v>6871</v>
      </c>
      <c r="BZ7" s="70">
        <v>9401</v>
      </c>
      <c r="CA7" s="67">
        <v>0</v>
      </c>
      <c r="CB7" s="68">
        <v>0</v>
      </c>
      <c r="CC7" s="69">
        <v>0</v>
      </c>
      <c r="CD7" s="276"/>
      <c r="CE7" s="68">
        <v>0</v>
      </c>
      <c r="CF7" s="68">
        <v>0</v>
      </c>
      <c r="CG7" s="68">
        <v>0</v>
      </c>
      <c r="CH7" s="68">
        <v>0</v>
      </c>
      <c r="CI7" s="68">
        <v>0</v>
      </c>
      <c r="CJ7" s="69">
        <v>0</v>
      </c>
      <c r="CK7" s="70">
        <v>0</v>
      </c>
      <c r="CL7" s="67">
        <v>4393</v>
      </c>
      <c r="CM7" s="68">
        <v>4039</v>
      </c>
      <c r="CN7" s="69">
        <v>8432</v>
      </c>
      <c r="CO7" s="276"/>
      <c r="CP7" s="68">
        <v>5883</v>
      </c>
      <c r="CQ7" s="68">
        <v>5286</v>
      </c>
      <c r="CR7" s="68">
        <v>3533</v>
      </c>
      <c r="CS7" s="68">
        <v>2913</v>
      </c>
      <c r="CT7" s="68">
        <v>1610</v>
      </c>
      <c r="CU7" s="69">
        <v>19225</v>
      </c>
      <c r="CV7" s="70">
        <v>27657</v>
      </c>
      <c r="CW7" s="126">
        <v>613</v>
      </c>
      <c r="CX7" s="79">
        <v>648</v>
      </c>
      <c r="CY7" s="80">
        <v>1261</v>
      </c>
      <c r="CZ7" s="273"/>
      <c r="DA7" s="79">
        <v>805</v>
      </c>
      <c r="DB7" s="79">
        <v>753</v>
      </c>
      <c r="DC7" s="79">
        <v>542</v>
      </c>
      <c r="DD7" s="79">
        <v>519</v>
      </c>
      <c r="DE7" s="79">
        <v>354</v>
      </c>
      <c r="DF7" s="81">
        <v>2973</v>
      </c>
      <c r="DG7" s="82">
        <v>4234</v>
      </c>
      <c r="DH7" s="67">
        <v>10</v>
      </c>
      <c r="DI7" s="68">
        <v>16</v>
      </c>
      <c r="DJ7" s="69">
        <v>26</v>
      </c>
      <c r="DK7" s="276"/>
      <c r="DL7" s="68">
        <v>11</v>
      </c>
      <c r="DM7" s="68">
        <v>15</v>
      </c>
      <c r="DN7" s="68">
        <v>10</v>
      </c>
      <c r="DO7" s="68">
        <v>5</v>
      </c>
      <c r="DP7" s="68">
        <v>5</v>
      </c>
      <c r="DQ7" s="69">
        <v>46</v>
      </c>
      <c r="DR7" s="70">
        <v>72</v>
      </c>
      <c r="DS7" s="67">
        <v>45</v>
      </c>
      <c r="DT7" s="68">
        <v>56</v>
      </c>
      <c r="DU7" s="69">
        <v>101</v>
      </c>
      <c r="DV7" s="276"/>
      <c r="DW7" s="68">
        <v>33</v>
      </c>
      <c r="DX7" s="68">
        <v>28</v>
      </c>
      <c r="DY7" s="68">
        <v>12</v>
      </c>
      <c r="DZ7" s="68">
        <v>20</v>
      </c>
      <c r="EA7" s="68">
        <v>13</v>
      </c>
      <c r="EB7" s="69">
        <v>106</v>
      </c>
      <c r="EC7" s="70">
        <v>207</v>
      </c>
      <c r="ED7" s="67">
        <v>70</v>
      </c>
      <c r="EE7" s="68">
        <v>75</v>
      </c>
      <c r="EF7" s="69">
        <v>145</v>
      </c>
      <c r="EG7" s="276"/>
      <c r="EH7" s="68">
        <v>73</v>
      </c>
      <c r="EI7" s="68">
        <v>56</v>
      </c>
      <c r="EJ7" s="68">
        <v>35</v>
      </c>
      <c r="EK7" s="68">
        <v>26</v>
      </c>
      <c r="EL7" s="68">
        <v>21</v>
      </c>
      <c r="EM7" s="69">
        <v>211</v>
      </c>
      <c r="EN7" s="70">
        <v>356</v>
      </c>
      <c r="EO7" s="67">
        <v>174</v>
      </c>
      <c r="EP7" s="68">
        <v>163</v>
      </c>
      <c r="EQ7" s="69">
        <v>337</v>
      </c>
      <c r="ER7" s="276"/>
      <c r="ES7" s="68">
        <v>142</v>
      </c>
      <c r="ET7" s="68">
        <v>107</v>
      </c>
      <c r="EU7" s="68">
        <v>83</v>
      </c>
      <c r="EV7" s="68">
        <v>70</v>
      </c>
      <c r="EW7" s="68">
        <v>48</v>
      </c>
      <c r="EX7" s="69">
        <v>450</v>
      </c>
      <c r="EY7" s="70">
        <v>787</v>
      </c>
      <c r="EZ7" s="67">
        <v>184</v>
      </c>
      <c r="FA7" s="68">
        <v>183</v>
      </c>
      <c r="FB7" s="69">
        <v>367</v>
      </c>
      <c r="FC7" s="276"/>
      <c r="FD7" s="68">
        <v>252</v>
      </c>
      <c r="FE7" s="68">
        <v>208</v>
      </c>
      <c r="FF7" s="68">
        <v>134</v>
      </c>
      <c r="FG7" s="68">
        <v>129</v>
      </c>
      <c r="FH7" s="68">
        <v>90</v>
      </c>
      <c r="FI7" s="69">
        <v>813</v>
      </c>
      <c r="FJ7" s="70">
        <v>1180</v>
      </c>
      <c r="FK7" s="67">
        <v>130</v>
      </c>
      <c r="FL7" s="68">
        <v>155</v>
      </c>
      <c r="FM7" s="69">
        <v>285</v>
      </c>
      <c r="FN7" s="276"/>
      <c r="FO7" s="68">
        <v>294</v>
      </c>
      <c r="FP7" s="68">
        <v>339</v>
      </c>
      <c r="FQ7" s="68">
        <v>268</v>
      </c>
      <c r="FR7" s="68">
        <v>269</v>
      </c>
      <c r="FS7" s="68">
        <v>177</v>
      </c>
      <c r="FT7" s="69">
        <v>1347</v>
      </c>
      <c r="FU7" s="70">
        <v>1632</v>
      </c>
      <c r="FV7" s="67">
        <v>0</v>
      </c>
      <c r="FW7" s="68">
        <v>0</v>
      </c>
      <c r="FX7" s="69">
        <v>0</v>
      </c>
      <c r="FY7" s="276"/>
      <c r="FZ7" s="68">
        <v>0</v>
      </c>
      <c r="GA7" s="68">
        <v>0</v>
      </c>
      <c r="GB7" s="68">
        <v>0</v>
      </c>
      <c r="GC7" s="68">
        <v>0</v>
      </c>
      <c r="GD7" s="68">
        <v>0</v>
      </c>
      <c r="GE7" s="69">
        <v>0</v>
      </c>
      <c r="GF7" s="70">
        <v>0</v>
      </c>
      <c r="GG7" s="67">
        <v>613</v>
      </c>
      <c r="GH7" s="68">
        <v>648</v>
      </c>
      <c r="GI7" s="69">
        <v>1261</v>
      </c>
      <c r="GJ7" s="276"/>
      <c r="GK7" s="68">
        <v>805</v>
      </c>
      <c r="GL7" s="68">
        <v>753</v>
      </c>
      <c r="GM7" s="68">
        <v>542</v>
      </c>
      <c r="GN7" s="68">
        <v>519</v>
      </c>
      <c r="GO7" s="68">
        <v>354</v>
      </c>
      <c r="GP7" s="69">
        <v>2973</v>
      </c>
      <c r="GQ7" s="70">
        <v>4234</v>
      </c>
      <c r="GR7" s="126">
        <v>5006</v>
      </c>
      <c r="GS7" s="79">
        <v>4687</v>
      </c>
      <c r="GT7" s="80">
        <v>9693</v>
      </c>
      <c r="GU7" s="273"/>
      <c r="GV7" s="79">
        <v>6688</v>
      </c>
      <c r="GW7" s="79">
        <v>6039</v>
      </c>
      <c r="GX7" s="79">
        <v>4075</v>
      </c>
      <c r="GY7" s="79">
        <v>3432</v>
      </c>
      <c r="GZ7" s="79">
        <v>1964</v>
      </c>
      <c r="HA7" s="81">
        <v>22198</v>
      </c>
      <c r="HB7" s="82">
        <v>31891</v>
      </c>
      <c r="HC7" s="67">
        <v>67</v>
      </c>
      <c r="HD7" s="68">
        <v>81</v>
      </c>
      <c r="HE7" s="69">
        <v>148</v>
      </c>
      <c r="HF7" s="276"/>
      <c r="HG7" s="68">
        <v>91</v>
      </c>
      <c r="HH7" s="68">
        <v>130</v>
      </c>
      <c r="HI7" s="68">
        <v>59</v>
      </c>
      <c r="HJ7" s="68">
        <v>58</v>
      </c>
      <c r="HK7" s="68">
        <v>47</v>
      </c>
      <c r="HL7" s="69">
        <v>385</v>
      </c>
      <c r="HM7" s="70">
        <v>533</v>
      </c>
      <c r="HN7" s="67">
        <v>225</v>
      </c>
      <c r="HO7" s="68">
        <v>251</v>
      </c>
      <c r="HP7" s="69">
        <v>476</v>
      </c>
      <c r="HQ7" s="276"/>
      <c r="HR7" s="68">
        <v>273</v>
      </c>
      <c r="HS7" s="68">
        <v>279</v>
      </c>
      <c r="HT7" s="68">
        <v>181</v>
      </c>
      <c r="HU7" s="68">
        <v>168</v>
      </c>
      <c r="HV7" s="68">
        <v>126</v>
      </c>
      <c r="HW7" s="69">
        <v>1027</v>
      </c>
      <c r="HX7" s="70">
        <v>1503</v>
      </c>
      <c r="HY7" s="67">
        <v>432</v>
      </c>
      <c r="HZ7" s="68">
        <v>419</v>
      </c>
      <c r="IA7" s="69">
        <v>851</v>
      </c>
      <c r="IB7" s="276"/>
      <c r="IC7" s="68">
        <v>508</v>
      </c>
      <c r="ID7" s="68">
        <v>469</v>
      </c>
      <c r="IE7" s="68">
        <v>298</v>
      </c>
      <c r="IF7" s="68">
        <v>234</v>
      </c>
      <c r="IG7" s="68">
        <v>178</v>
      </c>
      <c r="IH7" s="69">
        <v>1687</v>
      </c>
      <c r="II7" s="70">
        <v>2538</v>
      </c>
      <c r="IJ7" s="67">
        <v>1100</v>
      </c>
      <c r="IK7" s="68">
        <v>951</v>
      </c>
      <c r="IL7" s="69">
        <v>2051</v>
      </c>
      <c r="IM7" s="276"/>
      <c r="IN7" s="68">
        <v>1282</v>
      </c>
      <c r="IO7" s="68">
        <v>1077</v>
      </c>
      <c r="IP7" s="68">
        <v>667</v>
      </c>
      <c r="IQ7" s="68">
        <v>535</v>
      </c>
      <c r="IR7" s="68">
        <v>363</v>
      </c>
      <c r="IS7" s="69">
        <v>3924</v>
      </c>
      <c r="IT7" s="70">
        <v>5975</v>
      </c>
      <c r="IU7" s="67">
        <v>1781</v>
      </c>
      <c r="IV7" s="68">
        <v>1571</v>
      </c>
      <c r="IW7" s="69">
        <v>3352</v>
      </c>
      <c r="IX7" s="276"/>
      <c r="IY7" s="68">
        <v>2288</v>
      </c>
      <c r="IZ7" s="68">
        <v>1870</v>
      </c>
      <c r="JA7" s="68">
        <v>1242</v>
      </c>
      <c r="JB7" s="68">
        <v>1010</v>
      </c>
      <c r="JC7" s="68">
        <v>547</v>
      </c>
      <c r="JD7" s="69">
        <v>6957</v>
      </c>
      <c r="JE7" s="70">
        <v>10309</v>
      </c>
      <c r="JF7" s="67">
        <v>1401</v>
      </c>
      <c r="JG7" s="68">
        <v>1414</v>
      </c>
      <c r="JH7" s="69">
        <v>2815</v>
      </c>
      <c r="JI7" s="276"/>
      <c r="JJ7" s="68">
        <v>2246</v>
      </c>
      <c r="JK7" s="68">
        <v>2214</v>
      </c>
      <c r="JL7" s="68">
        <v>1628</v>
      </c>
      <c r="JM7" s="68">
        <v>1427</v>
      </c>
      <c r="JN7" s="68">
        <v>703</v>
      </c>
      <c r="JO7" s="69">
        <v>8218</v>
      </c>
      <c r="JP7" s="70">
        <v>11033</v>
      </c>
      <c r="JQ7" s="67">
        <v>0</v>
      </c>
      <c r="JR7" s="68">
        <v>0</v>
      </c>
      <c r="JS7" s="69">
        <v>0</v>
      </c>
      <c r="JT7" s="276"/>
      <c r="JU7" s="68">
        <v>0</v>
      </c>
      <c r="JV7" s="68">
        <v>0</v>
      </c>
      <c r="JW7" s="68">
        <v>0</v>
      </c>
      <c r="JX7" s="68">
        <v>0</v>
      </c>
      <c r="JY7" s="68">
        <v>0</v>
      </c>
      <c r="JZ7" s="69">
        <v>0</v>
      </c>
      <c r="KA7" s="70">
        <v>0</v>
      </c>
      <c r="KB7" s="67">
        <v>5006</v>
      </c>
      <c r="KC7" s="68">
        <v>4687</v>
      </c>
      <c r="KD7" s="69">
        <v>9693</v>
      </c>
      <c r="KE7" s="276"/>
      <c r="KF7" s="68">
        <v>6688</v>
      </c>
      <c r="KG7" s="68">
        <v>6039</v>
      </c>
      <c r="KH7" s="68">
        <v>4075</v>
      </c>
      <c r="KI7" s="68">
        <v>3432</v>
      </c>
      <c r="KJ7" s="68">
        <v>1964</v>
      </c>
      <c r="KK7" s="69">
        <v>22198</v>
      </c>
      <c r="KL7" s="70">
        <v>31891</v>
      </c>
    </row>
    <row r="8" spans="1:298" ht="19.5" customHeight="1" x14ac:dyDescent="0.2">
      <c r="A8" s="130" t="s">
        <v>5</v>
      </c>
      <c r="B8" s="347">
        <v>1946</v>
      </c>
      <c r="C8" s="83">
        <v>2015</v>
      </c>
      <c r="D8" s="84">
        <v>3961</v>
      </c>
      <c r="E8" s="274"/>
      <c r="F8" s="83">
        <v>2127</v>
      </c>
      <c r="G8" s="83">
        <v>2491</v>
      </c>
      <c r="H8" s="83">
        <v>1614</v>
      </c>
      <c r="I8" s="83">
        <v>1251</v>
      </c>
      <c r="J8" s="83">
        <v>716</v>
      </c>
      <c r="K8" s="85">
        <v>8199</v>
      </c>
      <c r="L8" s="86">
        <v>12160</v>
      </c>
      <c r="M8" s="71">
        <v>21</v>
      </c>
      <c r="N8" s="72">
        <v>31</v>
      </c>
      <c r="O8" s="73">
        <v>52</v>
      </c>
      <c r="P8" s="274"/>
      <c r="Q8" s="72">
        <v>26</v>
      </c>
      <c r="R8" s="72">
        <v>54</v>
      </c>
      <c r="S8" s="72">
        <v>16</v>
      </c>
      <c r="T8" s="72">
        <v>25</v>
      </c>
      <c r="U8" s="72">
        <v>18</v>
      </c>
      <c r="V8" s="73">
        <v>139</v>
      </c>
      <c r="W8" s="74">
        <v>191</v>
      </c>
      <c r="X8" s="71">
        <v>69</v>
      </c>
      <c r="Y8" s="72">
        <v>88</v>
      </c>
      <c r="Z8" s="73">
        <v>157</v>
      </c>
      <c r="AA8" s="277"/>
      <c r="AB8" s="72">
        <v>84</v>
      </c>
      <c r="AC8" s="72">
        <v>116</v>
      </c>
      <c r="AD8" s="72">
        <v>78</v>
      </c>
      <c r="AE8" s="72">
        <v>56</v>
      </c>
      <c r="AF8" s="72">
        <v>52</v>
      </c>
      <c r="AG8" s="73">
        <v>386</v>
      </c>
      <c r="AH8" s="74">
        <v>543</v>
      </c>
      <c r="AI8" s="71">
        <v>142</v>
      </c>
      <c r="AJ8" s="72">
        <v>169</v>
      </c>
      <c r="AK8" s="73">
        <v>311</v>
      </c>
      <c r="AL8" s="277"/>
      <c r="AM8" s="72">
        <v>139</v>
      </c>
      <c r="AN8" s="72">
        <v>184</v>
      </c>
      <c r="AO8" s="72">
        <v>111</v>
      </c>
      <c r="AP8" s="72">
        <v>74</v>
      </c>
      <c r="AQ8" s="72">
        <v>63</v>
      </c>
      <c r="AR8" s="73">
        <v>571</v>
      </c>
      <c r="AS8" s="74">
        <v>882</v>
      </c>
      <c r="AT8" s="71">
        <v>404</v>
      </c>
      <c r="AU8" s="72">
        <v>385</v>
      </c>
      <c r="AV8" s="73">
        <v>789</v>
      </c>
      <c r="AW8" s="277"/>
      <c r="AX8" s="72">
        <v>409</v>
      </c>
      <c r="AY8" s="72">
        <v>410</v>
      </c>
      <c r="AZ8" s="72">
        <v>247</v>
      </c>
      <c r="BA8" s="72">
        <v>205</v>
      </c>
      <c r="BB8" s="72">
        <v>130</v>
      </c>
      <c r="BC8" s="73">
        <v>1401</v>
      </c>
      <c r="BD8" s="74">
        <v>2190</v>
      </c>
      <c r="BE8" s="71">
        <v>757</v>
      </c>
      <c r="BF8" s="72">
        <v>713</v>
      </c>
      <c r="BG8" s="73">
        <v>1470</v>
      </c>
      <c r="BH8" s="277"/>
      <c r="BI8" s="72">
        <v>783</v>
      </c>
      <c r="BJ8" s="72">
        <v>791</v>
      </c>
      <c r="BK8" s="72">
        <v>510</v>
      </c>
      <c r="BL8" s="72">
        <v>376</v>
      </c>
      <c r="BM8" s="72">
        <v>215</v>
      </c>
      <c r="BN8" s="73">
        <v>2675</v>
      </c>
      <c r="BO8" s="74">
        <v>4145</v>
      </c>
      <c r="BP8" s="71">
        <v>553</v>
      </c>
      <c r="BQ8" s="72">
        <v>629</v>
      </c>
      <c r="BR8" s="73">
        <v>1182</v>
      </c>
      <c r="BS8" s="277"/>
      <c r="BT8" s="72">
        <v>686</v>
      </c>
      <c r="BU8" s="72">
        <v>936</v>
      </c>
      <c r="BV8" s="72">
        <v>652</v>
      </c>
      <c r="BW8" s="72">
        <v>515</v>
      </c>
      <c r="BX8" s="72">
        <v>238</v>
      </c>
      <c r="BY8" s="73">
        <v>3027</v>
      </c>
      <c r="BZ8" s="74">
        <v>4209</v>
      </c>
      <c r="CA8" s="71">
        <v>0</v>
      </c>
      <c r="CB8" s="72">
        <v>0</v>
      </c>
      <c r="CC8" s="73">
        <v>0</v>
      </c>
      <c r="CD8" s="277"/>
      <c r="CE8" s="72">
        <v>0</v>
      </c>
      <c r="CF8" s="72">
        <v>0</v>
      </c>
      <c r="CG8" s="72">
        <v>0</v>
      </c>
      <c r="CH8" s="72">
        <v>0</v>
      </c>
      <c r="CI8" s="72">
        <v>0</v>
      </c>
      <c r="CJ8" s="73">
        <v>0</v>
      </c>
      <c r="CK8" s="74">
        <v>0</v>
      </c>
      <c r="CL8" s="71">
        <v>1946</v>
      </c>
      <c r="CM8" s="72">
        <v>2015</v>
      </c>
      <c r="CN8" s="73">
        <v>3961</v>
      </c>
      <c r="CO8" s="277"/>
      <c r="CP8" s="72">
        <v>2127</v>
      </c>
      <c r="CQ8" s="72">
        <v>2491</v>
      </c>
      <c r="CR8" s="72">
        <v>1614</v>
      </c>
      <c r="CS8" s="72">
        <v>1251</v>
      </c>
      <c r="CT8" s="72">
        <v>716</v>
      </c>
      <c r="CU8" s="73">
        <v>8199</v>
      </c>
      <c r="CV8" s="74">
        <v>12160</v>
      </c>
      <c r="CW8" s="127">
        <v>246</v>
      </c>
      <c r="CX8" s="83">
        <v>318</v>
      </c>
      <c r="CY8" s="84">
        <v>564</v>
      </c>
      <c r="CZ8" s="274"/>
      <c r="DA8" s="83">
        <v>309</v>
      </c>
      <c r="DB8" s="83">
        <v>332</v>
      </c>
      <c r="DC8" s="83">
        <v>243</v>
      </c>
      <c r="DD8" s="83">
        <v>236</v>
      </c>
      <c r="DE8" s="83">
        <v>148</v>
      </c>
      <c r="DF8" s="85">
        <v>1268</v>
      </c>
      <c r="DG8" s="86">
        <v>1832</v>
      </c>
      <c r="DH8" s="71">
        <v>5</v>
      </c>
      <c r="DI8" s="72">
        <v>7</v>
      </c>
      <c r="DJ8" s="73">
        <v>12</v>
      </c>
      <c r="DK8" s="277"/>
      <c r="DL8" s="72">
        <v>5</v>
      </c>
      <c r="DM8" s="72">
        <v>10</v>
      </c>
      <c r="DN8" s="72">
        <v>2</v>
      </c>
      <c r="DO8" s="72">
        <v>2</v>
      </c>
      <c r="DP8" s="72">
        <v>0</v>
      </c>
      <c r="DQ8" s="73">
        <v>19</v>
      </c>
      <c r="DR8" s="74">
        <v>31</v>
      </c>
      <c r="DS8" s="71">
        <v>17</v>
      </c>
      <c r="DT8" s="72">
        <v>26</v>
      </c>
      <c r="DU8" s="73">
        <v>43</v>
      </c>
      <c r="DV8" s="277"/>
      <c r="DW8" s="72">
        <v>13</v>
      </c>
      <c r="DX8" s="72">
        <v>9</v>
      </c>
      <c r="DY8" s="72">
        <v>2</v>
      </c>
      <c r="DZ8" s="72">
        <v>9</v>
      </c>
      <c r="EA8" s="72">
        <v>3</v>
      </c>
      <c r="EB8" s="73">
        <v>36</v>
      </c>
      <c r="EC8" s="74">
        <v>79</v>
      </c>
      <c r="ED8" s="71">
        <v>25</v>
      </c>
      <c r="EE8" s="72">
        <v>40</v>
      </c>
      <c r="EF8" s="73">
        <v>65</v>
      </c>
      <c r="EG8" s="277"/>
      <c r="EH8" s="72">
        <v>31</v>
      </c>
      <c r="EI8" s="72">
        <v>25</v>
      </c>
      <c r="EJ8" s="72">
        <v>14</v>
      </c>
      <c r="EK8" s="72">
        <v>14</v>
      </c>
      <c r="EL8" s="72">
        <v>11</v>
      </c>
      <c r="EM8" s="73">
        <v>95</v>
      </c>
      <c r="EN8" s="74">
        <v>160</v>
      </c>
      <c r="EO8" s="71">
        <v>71</v>
      </c>
      <c r="EP8" s="72">
        <v>81</v>
      </c>
      <c r="EQ8" s="73">
        <v>152</v>
      </c>
      <c r="ER8" s="277"/>
      <c r="ES8" s="72">
        <v>60</v>
      </c>
      <c r="ET8" s="72">
        <v>45</v>
      </c>
      <c r="EU8" s="72">
        <v>34</v>
      </c>
      <c r="EV8" s="72">
        <v>34</v>
      </c>
      <c r="EW8" s="72">
        <v>22</v>
      </c>
      <c r="EX8" s="73">
        <v>195</v>
      </c>
      <c r="EY8" s="74">
        <v>347</v>
      </c>
      <c r="EZ8" s="71">
        <v>74</v>
      </c>
      <c r="FA8" s="72">
        <v>88</v>
      </c>
      <c r="FB8" s="73">
        <v>162</v>
      </c>
      <c r="FC8" s="277"/>
      <c r="FD8" s="72">
        <v>92</v>
      </c>
      <c r="FE8" s="72">
        <v>96</v>
      </c>
      <c r="FF8" s="72">
        <v>61</v>
      </c>
      <c r="FG8" s="72">
        <v>57</v>
      </c>
      <c r="FH8" s="72">
        <v>41</v>
      </c>
      <c r="FI8" s="73">
        <v>347</v>
      </c>
      <c r="FJ8" s="74">
        <v>509</v>
      </c>
      <c r="FK8" s="71">
        <v>54</v>
      </c>
      <c r="FL8" s="72">
        <v>76</v>
      </c>
      <c r="FM8" s="73">
        <v>130</v>
      </c>
      <c r="FN8" s="277"/>
      <c r="FO8" s="72">
        <v>108</v>
      </c>
      <c r="FP8" s="72">
        <v>147</v>
      </c>
      <c r="FQ8" s="72">
        <v>130</v>
      </c>
      <c r="FR8" s="72">
        <v>120</v>
      </c>
      <c r="FS8" s="72">
        <v>71</v>
      </c>
      <c r="FT8" s="73">
        <v>576</v>
      </c>
      <c r="FU8" s="74">
        <v>706</v>
      </c>
      <c r="FV8" s="71">
        <v>0</v>
      </c>
      <c r="FW8" s="72">
        <v>0</v>
      </c>
      <c r="FX8" s="73">
        <v>0</v>
      </c>
      <c r="FY8" s="277"/>
      <c r="FZ8" s="72">
        <v>0</v>
      </c>
      <c r="GA8" s="72">
        <v>0</v>
      </c>
      <c r="GB8" s="72">
        <v>0</v>
      </c>
      <c r="GC8" s="72">
        <v>0</v>
      </c>
      <c r="GD8" s="72">
        <v>0</v>
      </c>
      <c r="GE8" s="73">
        <v>0</v>
      </c>
      <c r="GF8" s="74">
        <v>0</v>
      </c>
      <c r="GG8" s="71">
        <v>246</v>
      </c>
      <c r="GH8" s="72">
        <v>318</v>
      </c>
      <c r="GI8" s="73">
        <v>564</v>
      </c>
      <c r="GJ8" s="277"/>
      <c r="GK8" s="72">
        <v>309</v>
      </c>
      <c r="GL8" s="72">
        <v>332</v>
      </c>
      <c r="GM8" s="72">
        <v>243</v>
      </c>
      <c r="GN8" s="72">
        <v>236</v>
      </c>
      <c r="GO8" s="72">
        <v>148</v>
      </c>
      <c r="GP8" s="73">
        <v>1268</v>
      </c>
      <c r="GQ8" s="74">
        <v>1832</v>
      </c>
      <c r="GR8" s="127">
        <v>2192</v>
      </c>
      <c r="GS8" s="83">
        <v>2333</v>
      </c>
      <c r="GT8" s="84">
        <v>4525</v>
      </c>
      <c r="GU8" s="274"/>
      <c r="GV8" s="83">
        <v>2436</v>
      </c>
      <c r="GW8" s="83">
        <v>2823</v>
      </c>
      <c r="GX8" s="83">
        <v>1857</v>
      </c>
      <c r="GY8" s="83">
        <v>1487</v>
      </c>
      <c r="GZ8" s="83">
        <v>864</v>
      </c>
      <c r="HA8" s="85">
        <v>9467</v>
      </c>
      <c r="HB8" s="86">
        <v>13992</v>
      </c>
      <c r="HC8" s="71">
        <v>26</v>
      </c>
      <c r="HD8" s="72">
        <v>38</v>
      </c>
      <c r="HE8" s="73">
        <v>64</v>
      </c>
      <c r="HF8" s="277"/>
      <c r="HG8" s="72">
        <v>31</v>
      </c>
      <c r="HH8" s="72">
        <v>64</v>
      </c>
      <c r="HI8" s="72">
        <v>18</v>
      </c>
      <c r="HJ8" s="72">
        <v>27</v>
      </c>
      <c r="HK8" s="72">
        <v>18</v>
      </c>
      <c r="HL8" s="73">
        <v>158</v>
      </c>
      <c r="HM8" s="74">
        <v>222</v>
      </c>
      <c r="HN8" s="71">
        <v>86</v>
      </c>
      <c r="HO8" s="72">
        <v>114</v>
      </c>
      <c r="HP8" s="73">
        <v>200</v>
      </c>
      <c r="HQ8" s="277"/>
      <c r="HR8" s="72">
        <v>97</v>
      </c>
      <c r="HS8" s="72">
        <v>125</v>
      </c>
      <c r="HT8" s="72">
        <v>80</v>
      </c>
      <c r="HU8" s="72">
        <v>65</v>
      </c>
      <c r="HV8" s="72">
        <v>55</v>
      </c>
      <c r="HW8" s="73">
        <v>422</v>
      </c>
      <c r="HX8" s="74">
        <v>622</v>
      </c>
      <c r="HY8" s="71">
        <v>167</v>
      </c>
      <c r="HZ8" s="72">
        <v>209</v>
      </c>
      <c r="IA8" s="73">
        <v>376</v>
      </c>
      <c r="IB8" s="277"/>
      <c r="IC8" s="72">
        <v>170</v>
      </c>
      <c r="ID8" s="72">
        <v>209</v>
      </c>
      <c r="IE8" s="72">
        <v>125</v>
      </c>
      <c r="IF8" s="72">
        <v>88</v>
      </c>
      <c r="IG8" s="72">
        <v>74</v>
      </c>
      <c r="IH8" s="73">
        <v>666</v>
      </c>
      <c r="II8" s="74">
        <v>1042</v>
      </c>
      <c r="IJ8" s="71">
        <v>475</v>
      </c>
      <c r="IK8" s="72">
        <v>466</v>
      </c>
      <c r="IL8" s="73">
        <v>941</v>
      </c>
      <c r="IM8" s="277"/>
      <c r="IN8" s="72">
        <v>469</v>
      </c>
      <c r="IO8" s="72">
        <v>455</v>
      </c>
      <c r="IP8" s="72">
        <v>281</v>
      </c>
      <c r="IQ8" s="72">
        <v>239</v>
      </c>
      <c r="IR8" s="72">
        <v>152</v>
      </c>
      <c r="IS8" s="73">
        <v>1596</v>
      </c>
      <c r="IT8" s="74">
        <v>2537</v>
      </c>
      <c r="IU8" s="71">
        <v>831</v>
      </c>
      <c r="IV8" s="72">
        <v>801</v>
      </c>
      <c r="IW8" s="73">
        <v>1632</v>
      </c>
      <c r="IX8" s="277"/>
      <c r="IY8" s="72">
        <v>875</v>
      </c>
      <c r="IZ8" s="72">
        <v>887</v>
      </c>
      <c r="JA8" s="72">
        <v>571</v>
      </c>
      <c r="JB8" s="72">
        <v>433</v>
      </c>
      <c r="JC8" s="72">
        <v>256</v>
      </c>
      <c r="JD8" s="73">
        <v>3022</v>
      </c>
      <c r="JE8" s="74">
        <v>4654</v>
      </c>
      <c r="JF8" s="71">
        <v>607</v>
      </c>
      <c r="JG8" s="72">
        <v>705</v>
      </c>
      <c r="JH8" s="73">
        <v>1312</v>
      </c>
      <c r="JI8" s="277"/>
      <c r="JJ8" s="72">
        <v>794</v>
      </c>
      <c r="JK8" s="72">
        <v>1083</v>
      </c>
      <c r="JL8" s="72">
        <v>782</v>
      </c>
      <c r="JM8" s="72">
        <v>635</v>
      </c>
      <c r="JN8" s="72">
        <v>309</v>
      </c>
      <c r="JO8" s="73">
        <v>3603</v>
      </c>
      <c r="JP8" s="74">
        <v>4915</v>
      </c>
      <c r="JQ8" s="71">
        <v>0</v>
      </c>
      <c r="JR8" s="72">
        <v>0</v>
      </c>
      <c r="JS8" s="73">
        <v>0</v>
      </c>
      <c r="JT8" s="277"/>
      <c r="JU8" s="72">
        <v>0</v>
      </c>
      <c r="JV8" s="72">
        <v>0</v>
      </c>
      <c r="JW8" s="72">
        <v>0</v>
      </c>
      <c r="JX8" s="72">
        <v>0</v>
      </c>
      <c r="JY8" s="72">
        <v>0</v>
      </c>
      <c r="JZ8" s="73">
        <v>0</v>
      </c>
      <c r="KA8" s="74">
        <v>0</v>
      </c>
      <c r="KB8" s="71">
        <v>2192</v>
      </c>
      <c r="KC8" s="72">
        <v>2333</v>
      </c>
      <c r="KD8" s="73">
        <v>4525</v>
      </c>
      <c r="KE8" s="277"/>
      <c r="KF8" s="72">
        <v>2436</v>
      </c>
      <c r="KG8" s="72">
        <v>2823</v>
      </c>
      <c r="KH8" s="72">
        <v>1857</v>
      </c>
      <c r="KI8" s="72">
        <v>1487</v>
      </c>
      <c r="KJ8" s="72">
        <v>864</v>
      </c>
      <c r="KK8" s="73">
        <v>9467</v>
      </c>
      <c r="KL8" s="74">
        <v>13992</v>
      </c>
    </row>
    <row r="9" spans="1:298" ht="19.5" customHeight="1" x14ac:dyDescent="0.2">
      <c r="A9" s="130" t="s">
        <v>6</v>
      </c>
      <c r="B9" s="347">
        <v>531</v>
      </c>
      <c r="C9" s="83">
        <v>388</v>
      </c>
      <c r="D9" s="84">
        <v>919</v>
      </c>
      <c r="E9" s="274"/>
      <c r="F9" s="83">
        <v>805</v>
      </c>
      <c r="G9" s="83">
        <v>571</v>
      </c>
      <c r="H9" s="83">
        <v>391</v>
      </c>
      <c r="I9" s="83">
        <v>369</v>
      </c>
      <c r="J9" s="83">
        <v>227</v>
      </c>
      <c r="K9" s="85">
        <v>2363</v>
      </c>
      <c r="L9" s="86">
        <v>3282</v>
      </c>
      <c r="M9" s="71">
        <v>9</v>
      </c>
      <c r="N9" s="72">
        <v>9</v>
      </c>
      <c r="O9" s="73">
        <v>18</v>
      </c>
      <c r="P9" s="274"/>
      <c r="Q9" s="72">
        <v>17</v>
      </c>
      <c r="R9" s="72">
        <v>18</v>
      </c>
      <c r="S9" s="72">
        <v>6</v>
      </c>
      <c r="T9" s="72">
        <v>11</v>
      </c>
      <c r="U9" s="72">
        <v>8</v>
      </c>
      <c r="V9" s="73">
        <v>60</v>
      </c>
      <c r="W9" s="74">
        <v>78</v>
      </c>
      <c r="X9" s="71">
        <v>23</v>
      </c>
      <c r="Y9" s="72">
        <v>17</v>
      </c>
      <c r="Z9" s="73">
        <v>40</v>
      </c>
      <c r="AA9" s="277"/>
      <c r="AB9" s="72">
        <v>41</v>
      </c>
      <c r="AC9" s="72">
        <v>26</v>
      </c>
      <c r="AD9" s="72">
        <v>18</v>
      </c>
      <c r="AE9" s="72">
        <v>26</v>
      </c>
      <c r="AF9" s="72">
        <v>19</v>
      </c>
      <c r="AG9" s="73">
        <v>130</v>
      </c>
      <c r="AH9" s="74">
        <v>170</v>
      </c>
      <c r="AI9" s="71">
        <v>36</v>
      </c>
      <c r="AJ9" s="72">
        <v>35</v>
      </c>
      <c r="AK9" s="73">
        <v>71</v>
      </c>
      <c r="AL9" s="277"/>
      <c r="AM9" s="72">
        <v>56</v>
      </c>
      <c r="AN9" s="72">
        <v>44</v>
      </c>
      <c r="AO9" s="72">
        <v>28</v>
      </c>
      <c r="AP9" s="72">
        <v>22</v>
      </c>
      <c r="AQ9" s="72">
        <v>15</v>
      </c>
      <c r="AR9" s="73">
        <v>165</v>
      </c>
      <c r="AS9" s="74">
        <v>236</v>
      </c>
      <c r="AT9" s="71">
        <v>110</v>
      </c>
      <c r="AU9" s="72">
        <v>57</v>
      </c>
      <c r="AV9" s="73">
        <v>167</v>
      </c>
      <c r="AW9" s="277"/>
      <c r="AX9" s="72">
        <v>135</v>
      </c>
      <c r="AY9" s="72">
        <v>94</v>
      </c>
      <c r="AZ9" s="72">
        <v>67</v>
      </c>
      <c r="BA9" s="72">
        <v>47</v>
      </c>
      <c r="BB9" s="72">
        <v>44</v>
      </c>
      <c r="BC9" s="73">
        <v>387</v>
      </c>
      <c r="BD9" s="74">
        <v>554</v>
      </c>
      <c r="BE9" s="71">
        <v>194</v>
      </c>
      <c r="BF9" s="72">
        <v>138</v>
      </c>
      <c r="BG9" s="73">
        <v>332</v>
      </c>
      <c r="BH9" s="277"/>
      <c r="BI9" s="72">
        <v>266</v>
      </c>
      <c r="BJ9" s="72">
        <v>177</v>
      </c>
      <c r="BK9" s="72">
        <v>121</v>
      </c>
      <c r="BL9" s="72">
        <v>107</v>
      </c>
      <c r="BM9" s="72">
        <v>69</v>
      </c>
      <c r="BN9" s="73">
        <v>740</v>
      </c>
      <c r="BO9" s="74">
        <v>1072</v>
      </c>
      <c r="BP9" s="71">
        <v>159</v>
      </c>
      <c r="BQ9" s="72">
        <v>132</v>
      </c>
      <c r="BR9" s="73">
        <v>291</v>
      </c>
      <c r="BS9" s="277"/>
      <c r="BT9" s="72">
        <v>290</v>
      </c>
      <c r="BU9" s="72">
        <v>212</v>
      </c>
      <c r="BV9" s="72">
        <v>151</v>
      </c>
      <c r="BW9" s="72">
        <v>156</v>
      </c>
      <c r="BX9" s="72">
        <v>72</v>
      </c>
      <c r="BY9" s="73">
        <v>881</v>
      </c>
      <c r="BZ9" s="74">
        <v>1172</v>
      </c>
      <c r="CA9" s="71">
        <v>0</v>
      </c>
      <c r="CB9" s="72">
        <v>0</v>
      </c>
      <c r="CC9" s="73">
        <v>0</v>
      </c>
      <c r="CD9" s="277"/>
      <c r="CE9" s="72">
        <v>0</v>
      </c>
      <c r="CF9" s="72">
        <v>0</v>
      </c>
      <c r="CG9" s="72">
        <v>0</v>
      </c>
      <c r="CH9" s="72">
        <v>0</v>
      </c>
      <c r="CI9" s="72">
        <v>0</v>
      </c>
      <c r="CJ9" s="73">
        <v>0</v>
      </c>
      <c r="CK9" s="74">
        <v>0</v>
      </c>
      <c r="CL9" s="71">
        <v>531</v>
      </c>
      <c r="CM9" s="72">
        <v>388</v>
      </c>
      <c r="CN9" s="73">
        <v>919</v>
      </c>
      <c r="CO9" s="277"/>
      <c r="CP9" s="72">
        <v>805</v>
      </c>
      <c r="CQ9" s="72">
        <v>571</v>
      </c>
      <c r="CR9" s="72">
        <v>391</v>
      </c>
      <c r="CS9" s="72">
        <v>369</v>
      </c>
      <c r="CT9" s="72">
        <v>227</v>
      </c>
      <c r="CU9" s="73">
        <v>2363</v>
      </c>
      <c r="CV9" s="74">
        <v>3282</v>
      </c>
      <c r="CW9" s="127">
        <v>116</v>
      </c>
      <c r="CX9" s="83">
        <v>86</v>
      </c>
      <c r="CY9" s="84">
        <v>202</v>
      </c>
      <c r="CZ9" s="274"/>
      <c r="DA9" s="83">
        <v>106</v>
      </c>
      <c r="DB9" s="83">
        <v>107</v>
      </c>
      <c r="DC9" s="83">
        <v>82</v>
      </c>
      <c r="DD9" s="83">
        <v>79</v>
      </c>
      <c r="DE9" s="83">
        <v>65</v>
      </c>
      <c r="DF9" s="85">
        <v>439</v>
      </c>
      <c r="DG9" s="86">
        <v>641</v>
      </c>
      <c r="DH9" s="71">
        <v>1</v>
      </c>
      <c r="DI9" s="72">
        <v>2</v>
      </c>
      <c r="DJ9" s="73">
        <v>3</v>
      </c>
      <c r="DK9" s="277"/>
      <c r="DL9" s="72">
        <v>0</v>
      </c>
      <c r="DM9" s="72">
        <v>2</v>
      </c>
      <c r="DN9" s="72">
        <v>2</v>
      </c>
      <c r="DO9" s="72">
        <v>2</v>
      </c>
      <c r="DP9" s="72">
        <v>3</v>
      </c>
      <c r="DQ9" s="73">
        <v>9</v>
      </c>
      <c r="DR9" s="74">
        <v>12</v>
      </c>
      <c r="DS9" s="71">
        <v>7</v>
      </c>
      <c r="DT9" s="72">
        <v>9</v>
      </c>
      <c r="DU9" s="73">
        <v>16</v>
      </c>
      <c r="DV9" s="277"/>
      <c r="DW9" s="72">
        <v>3</v>
      </c>
      <c r="DX9" s="72">
        <v>7</v>
      </c>
      <c r="DY9" s="72">
        <v>3</v>
      </c>
      <c r="DZ9" s="72">
        <v>2</v>
      </c>
      <c r="EA9" s="72">
        <v>2</v>
      </c>
      <c r="EB9" s="73">
        <v>17</v>
      </c>
      <c r="EC9" s="74">
        <v>33</v>
      </c>
      <c r="ED9" s="71">
        <v>18</v>
      </c>
      <c r="EE9" s="72">
        <v>5</v>
      </c>
      <c r="EF9" s="73">
        <v>23</v>
      </c>
      <c r="EG9" s="277"/>
      <c r="EH9" s="72">
        <v>8</v>
      </c>
      <c r="EI9" s="72">
        <v>8</v>
      </c>
      <c r="EJ9" s="72">
        <v>4</v>
      </c>
      <c r="EK9" s="72">
        <v>3</v>
      </c>
      <c r="EL9" s="72">
        <v>3</v>
      </c>
      <c r="EM9" s="73">
        <v>26</v>
      </c>
      <c r="EN9" s="74">
        <v>49</v>
      </c>
      <c r="EO9" s="71">
        <v>33</v>
      </c>
      <c r="EP9" s="72">
        <v>27</v>
      </c>
      <c r="EQ9" s="73">
        <v>60</v>
      </c>
      <c r="ER9" s="277"/>
      <c r="ES9" s="72">
        <v>19</v>
      </c>
      <c r="ET9" s="72">
        <v>13</v>
      </c>
      <c r="EU9" s="72">
        <v>18</v>
      </c>
      <c r="EV9" s="72">
        <v>10</v>
      </c>
      <c r="EW9" s="72">
        <v>9</v>
      </c>
      <c r="EX9" s="73">
        <v>69</v>
      </c>
      <c r="EY9" s="74">
        <v>129</v>
      </c>
      <c r="EZ9" s="71">
        <v>37</v>
      </c>
      <c r="FA9" s="72">
        <v>29</v>
      </c>
      <c r="FB9" s="73">
        <v>66</v>
      </c>
      <c r="FC9" s="277"/>
      <c r="FD9" s="72">
        <v>38</v>
      </c>
      <c r="FE9" s="72">
        <v>34</v>
      </c>
      <c r="FF9" s="72">
        <v>22</v>
      </c>
      <c r="FG9" s="72">
        <v>25</v>
      </c>
      <c r="FH9" s="72">
        <v>19</v>
      </c>
      <c r="FI9" s="73">
        <v>138</v>
      </c>
      <c r="FJ9" s="74">
        <v>204</v>
      </c>
      <c r="FK9" s="71">
        <v>20</v>
      </c>
      <c r="FL9" s="72">
        <v>14</v>
      </c>
      <c r="FM9" s="73">
        <v>34</v>
      </c>
      <c r="FN9" s="277"/>
      <c r="FO9" s="72">
        <v>38</v>
      </c>
      <c r="FP9" s="72">
        <v>43</v>
      </c>
      <c r="FQ9" s="72">
        <v>33</v>
      </c>
      <c r="FR9" s="72">
        <v>37</v>
      </c>
      <c r="FS9" s="72">
        <v>29</v>
      </c>
      <c r="FT9" s="73">
        <v>180</v>
      </c>
      <c r="FU9" s="74">
        <v>214</v>
      </c>
      <c r="FV9" s="71">
        <v>0</v>
      </c>
      <c r="FW9" s="72">
        <v>0</v>
      </c>
      <c r="FX9" s="73">
        <v>0</v>
      </c>
      <c r="FY9" s="277"/>
      <c r="FZ9" s="72">
        <v>0</v>
      </c>
      <c r="GA9" s="72">
        <v>0</v>
      </c>
      <c r="GB9" s="72">
        <v>0</v>
      </c>
      <c r="GC9" s="72">
        <v>0</v>
      </c>
      <c r="GD9" s="72">
        <v>0</v>
      </c>
      <c r="GE9" s="73">
        <v>0</v>
      </c>
      <c r="GF9" s="74">
        <v>0</v>
      </c>
      <c r="GG9" s="71">
        <v>116</v>
      </c>
      <c r="GH9" s="72">
        <v>86</v>
      </c>
      <c r="GI9" s="73">
        <v>202</v>
      </c>
      <c r="GJ9" s="277"/>
      <c r="GK9" s="72">
        <v>106</v>
      </c>
      <c r="GL9" s="72">
        <v>107</v>
      </c>
      <c r="GM9" s="72">
        <v>82</v>
      </c>
      <c r="GN9" s="72">
        <v>79</v>
      </c>
      <c r="GO9" s="72">
        <v>65</v>
      </c>
      <c r="GP9" s="73">
        <v>439</v>
      </c>
      <c r="GQ9" s="74">
        <v>641</v>
      </c>
      <c r="GR9" s="127">
        <v>647</v>
      </c>
      <c r="GS9" s="83">
        <v>474</v>
      </c>
      <c r="GT9" s="84">
        <v>1121</v>
      </c>
      <c r="GU9" s="274"/>
      <c r="GV9" s="83">
        <v>911</v>
      </c>
      <c r="GW9" s="83">
        <v>678</v>
      </c>
      <c r="GX9" s="83">
        <v>473</v>
      </c>
      <c r="GY9" s="83">
        <v>448</v>
      </c>
      <c r="GZ9" s="83">
        <v>292</v>
      </c>
      <c r="HA9" s="85">
        <v>2802</v>
      </c>
      <c r="HB9" s="86">
        <v>3923</v>
      </c>
      <c r="HC9" s="71">
        <v>10</v>
      </c>
      <c r="HD9" s="72">
        <v>11</v>
      </c>
      <c r="HE9" s="73">
        <v>21</v>
      </c>
      <c r="HF9" s="277"/>
      <c r="HG9" s="72">
        <v>17</v>
      </c>
      <c r="HH9" s="72">
        <v>20</v>
      </c>
      <c r="HI9" s="72">
        <v>8</v>
      </c>
      <c r="HJ9" s="72">
        <v>13</v>
      </c>
      <c r="HK9" s="72">
        <v>11</v>
      </c>
      <c r="HL9" s="73">
        <v>69</v>
      </c>
      <c r="HM9" s="74">
        <v>90</v>
      </c>
      <c r="HN9" s="71">
        <v>30</v>
      </c>
      <c r="HO9" s="72">
        <v>26</v>
      </c>
      <c r="HP9" s="73">
        <v>56</v>
      </c>
      <c r="HQ9" s="277"/>
      <c r="HR9" s="72">
        <v>44</v>
      </c>
      <c r="HS9" s="72">
        <v>33</v>
      </c>
      <c r="HT9" s="72">
        <v>21</v>
      </c>
      <c r="HU9" s="72">
        <v>28</v>
      </c>
      <c r="HV9" s="72">
        <v>21</v>
      </c>
      <c r="HW9" s="73">
        <v>147</v>
      </c>
      <c r="HX9" s="74">
        <v>203</v>
      </c>
      <c r="HY9" s="71">
        <v>54</v>
      </c>
      <c r="HZ9" s="72">
        <v>40</v>
      </c>
      <c r="IA9" s="73">
        <v>94</v>
      </c>
      <c r="IB9" s="277"/>
      <c r="IC9" s="72">
        <v>64</v>
      </c>
      <c r="ID9" s="72">
        <v>52</v>
      </c>
      <c r="IE9" s="72">
        <v>32</v>
      </c>
      <c r="IF9" s="72">
        <v>25</v>
      </c>
      <c r="IG9" s="72">
        <v>18</v>
      </c>
      <c r="IH9" s="73">
        <v>191</v>
      </c>
      <c r="II9" s="74">
        <v>285</v>
      </c>
      <c r="IJ9" s="71">
        <v>143</v>
      </c>
      <c r="IK9" s="72">
        <v>84</v>
      </c>
      <c r="IL9" s="73">
        <v>227</v>
      </c>
      <c r="IM9" s="277"/>
      <c r="IN9" s="72">
        <v>154</v>
      </c>
      <c r="IO9" s="72">
        <v>107</v>
      </c>
      <c r="IP9" s="72">
        <v>85</v>
      </c>
      <c r="IQ9" s="72">
        <v>57</v>
      </c>
      <c r="IR9" s="72">
        <v>53</v>
      </c>
      <c r="IS9" s="73">
        <v>456</v>
      </c>
      <c r="IT9" s="74">
        <v>683</v>
      </c>
      <c r="IU9" s="71">
        <v>231</v>
      </c>
      <c r="IV9" s="72">
        <v>167</v>
      </c>
      <c r="IW9" s="73">
        <v>398</v>
      </c>
      <c r="IX9" s="277"/>
      <c r="IY9" s="72">
        <v>304</v>
      </c>
      <c r="IZ9" s="72">
        <v>211</v>
      </c>
      <c r="JA9" s="72">
        <v>143</v>
      </c>
      <c r="JB9" s="72">
        <v>132</v>
      </c>
      <c r="JC9" s="72">
        <v>88</v>
      </c>
      <c r="JD9" s="73">
        <v>878</v>
      </c>
      <c r="JE9" s="74">
        <v>1276</v>
      </c>
      <c r="JF9" s="71">
        <v>179</v>
      </c>
      <c r="JG9" s="72">
        <v>146</v>
      </c>
      <c r="JH9" s="73">
        <v>325</v>
      </c>
      <c r="JI9" s="277"/>
      <c r="JJ9" s="72">
        <v>328</v>
      </c>
      <c r="JK9" s="72">
        <v>255</v>
      </c>
      <c r="JL9" s="72">
        <v>184</v>
      </c>
      <c r="JM9" s="72">
        <v>193</v>
      </c>
      <c r="JN9" s="72">
        <v>101</v>
      </c>
      <c r="JO9" s="73">
        <v>1061</v>
      </c>
      <c r="JP9" s="74">
        <v>1386</v>
      </c>
      <c r="JQ9" s="71">
        <v>0</v>
      </c>
      <c r="JR9" s="72">
        <v>0</v>
      </c>
      <c r="JS9" s="73">
        <v>0</v>
      </c>
      <c r="JT9" s="277"/>
      <c r="JU9" s="72">
        <v>0</v>
      </c>
      <c r="JV9" s="72">
        <v>0</v>
      </c>
      <c r="JW9" s="72">
        <v>0</v>
      </c>
      <c r="JX9" s="72">
        <v>0</v>
      </c>
      <c r="JY9" s="72">
        <v>0</v>
      </c>
      <c r="JZ9" s="73">
        <v>0</v>
      </c>
      <c r="KA9" s="74">
        <v>0</v>
      </c>
      <c r="KB9" s="71">
        <v>647</v>
      </c>
      <c r="KC9" s="72">
        <v>474</v>
      </c>
      <c r="KD9" s="73">
        <v>1121</v>
      </c>
      <c r="KE9" s="277"/>
      <c r="KF9" s="72">
        <v>911</v>
      </c>
      <c r="KG9" s="72">
        <v>678</v>
      </c>
      <c r="KH9" s="72">
        <v>473</v>
      </c>
      <c r="KI9" s="72">
        <v>448</v>
      </c>
      <c r="KJ9" s="72">
        <v>292</v>
      </c>
      <c r="KK9" s="73">
        <v>2802</v>
      </c>
      <c r="KL9" s="74">
        <v>3923</v>
      </c>
    </row>
    <row r="10" spans="1:298" ht="19.5" customHeight="1" x14ac:dyDescent="0.2">
      <c r="A10" s="130" t="s">
        <v>14</v>
      </c>
      <c r="B10" s="347">
        <v>292</v>
      </c>
      <c r="C10" s="83">
        <v>320</v>
      </c>
      <c r="D10" s="84">
        <v>612</v>
      </c>
      <c r="E10" s="274"/>
      <c r="F10" s="83">
        <v>427</v>
      </c>
      <c r="G10" s="83">
        <v>379</v>
      </c>
      <c r="H10" s="83">
        <v>263</v>
      </c>
      <c r="I10" s="83">
        <v>219</v>
      </c>
      <c r="J10" s="83">
        <v>130</v>
      </c>
      <c r="K10" s="85">
        <v>1418</v>
      </c>
      <c r="L10" s="86">
        <v>2030</v>
      </c>
      <c r="M10" s="71">
        <v>5</v>
      </c>
      <c r="N10" s="72">
        <v>6</v>
      </c>
      <c r="O10" s="73">
        <v>11</v>
      </c>
      <c r="P10" s="274"/>
      <c r="Q10" s="72">
        <v>4</v>
      </c>
      <c r="R10" s="72">
        <v>5</v>
      </c>
      <c r="S10" s="72">
        <v>6</v>
      </c>
      <c r="T10" s="72">
        <v>3</v>
      </c>
      <c r="U10" s="72">
        <v>4</v>
      </c>
      <c r="V10" s="73">
        <v>22</v>
      </c>
      <c r="W10" s="74">
        <v>33</v>
      </c>
      <c r="X10" s="71">
        <v>13</v>
      </c>
      <c r="Y10" s="72">
        <v>17</v>
      </c>
      <c r="Z10" s="73">
        <v>30</v>
      </c>
      <c r="AA10" s="277"/>
      <c r="AB10" s="72">
        <v>21</v>
      </c>
      <c r="AC10" s="72">
        <v>14</v>
      </c>
      <c r="AD10" s="72">
        <v>19</v>
      </c>
      <c r="AE10" s="72">
        <v>17</v>
      </c>
      <c r="AF10" s="72">
        <v>12</v>
      </c>
      <c r="AG10" s="73">
        <v>83</v>
      </c>
      <c r="AH10" s="74">
        <v>113</v>
      </c>
      <c r="AI10" s="71">
        <v>26</v>
      </c>
      <c r="AJ10" s="72">
        <v>31</v>
      </c>
      <c r="AK10" s="73">
        <v>57</v>
      </c>
      <c r="AL10" s="277"/>
      <c r="AM10" s="72">
        <v>44</v>
      </c>
      <c r="AN10" s="72">
        <v>39</v>
      </c>
      <c r="AO10" s="72">
        <v>18</v>
      </c>
      <c r="AP10" s="72">
        <v>20</v>
      </c>
      <c r="AQ10" s="72">
        <v>15</v>
      </c>
      <c r="AR10" s="73">
        <v>136</v>
      </c>
      <c r="AS10" s="74">
        <v>193</v>
      </c>
      <c r="AT10" s="71">
        <v>67</v>
      </c>
      <c r="AU10" s="72">
        <v>80</v>
      </c>
      <c r="AV10" s="73">
        <v>147</v>
      </c>
      <c r="AW10" s="277"/>
      <c r="AX10" s="72">
        <v>97</v>
      </c>
      <c r="AY10" s="72">
        <v>81</v>
      </c>
      <c r="AZ10" s="72">
        <v>53</v>
      </c>
      <c r="BA10" s="72">
        <v>44</v>
      </c>
      <c r="BB10" s="72">
        <v>18</v>
      </c>
      <c r="BC10" s="73">
        <v>293</v>
      </c>
      <c r="BD10" s="74">
        <v>440</v>
      </c>
      <c r="BE10" s="71">
        <v>97</v>
      </c>
      <c r="BF10" s="72">
        <v>93</v>
      </c>
      <c r="BG10" s="73">
        <v>190</v>
      </c>
      <c r="BH10" s="277"/>
      <c r="BI10" s="72">
        <v>128</v>
      </c>
      <c r="BJ10" s="72">
        <v>131</v>
      </c>
      <c r="BK10" s="72">
        <v>81</v>
      </c>
      <c r="BL10" s="72">
        <v>58</v>
      </c>
      <c r="BM10" s="72">
        <v>43</v>
      </c>
      <c r="BN10" s="73">
        <v>441</v>
      </c>
      <c r="BO10" s="74">
        <v>631</v>
      </c>
      <c r="BP10" s="71">
        <v>84</v>
      </c>
      <c r="BQ10" s="72">
        <v>93</v>
      </c>
      <c r="BR10" s="73">
        <v>177</v>
      </c>
      <c r="BS10" s="277"/>
      <c r="BT10" s="72">
        <v>133</v>
      </c>
      <c r="BU10" s="72">
        <v>109</v>
      </c>
      <c r="BV10" s="72">
        <v>86</v>
      </c>
      <c r="BW10" s="72">
        <v>77</v>
      </c>
      <c r="BX10" s="72">
        <v>38</v>
      </c>
      <c r="BY10" s="73">
        <v>443</v>
      </c>
      <c r="BZ10" s="74">
        <v>620</v>
      </c>
      <c r="CA10" s="71">
        <v>0</v>
      </c>
      <c r="CB10" s="72">
        <v>0</v>
      </c>
      <c r="CC10" s="73">
        <v>0</v>
      </c>
      <c r="CD10" s="277"/>
      <c r="CE10" s="72">
        <v>0</v>
      </c>
      <c r="CF10" s="72">
        <v>0</v>
      </c>
      <c r="CG10" s="72">
        <v>0</v>
      </c>
      <c r="CH10" s="72">
        <v>0</v>
      </c>
      <c r="CI10" s="72">
        <v>0</v>
      </c>
      <c r="CJ10" s="73">
        <v>0</v>
      </c>
      <c r="CK10" s="74">
        <v>0</v>
      </c>
      <c r="CL10" s="71">
        <v>292</v>
      </c>
      <c r="CM10" s="72">
        <v>320</v>
      </c>
      <c r="CN10" s="73">
        <v>612</v>
      </c>
      <c r="CO10" s="277"/>
      <c r="CP10" s="72">
        <v>427</v>
      </c>
      <c r="CQ10" s="72">
        <v>379</v>
      </c>
      <c r="CR10" s="72">
        <v>263</v>
      </c>
      <c r="CS10" s="72">
        <v>219</v>
      </c>
      <c r="CT10" s="72">
        <v>130</v>
      </c>
      <c r="CU10" s="73">
        <v>1418</v>
      </c>
      <c r="CV10" s="74">
        <v>2030</v>
      </c>
      <c r="CW10" s="127">
        <v>35</v>
      </c>
      <c r="CX10" s="83">
        <v>39</v>
      </c>
      <c r="CY10" s="84">
        <v>74</v>
      </c>
      <c r="CZ10" s="274"/>
      <c r="DA10" s="83">
        <v>48</v>
      </c>
      <c r="DB10" s="83">
        <v>43</v>
      </c>
      <c r="DC10" s="83">
        <v>30</v>
      </c>
      <c r="DD10" s="83">
        <v>31</v>
      </c>
      <c r="DE10" s="83">
        <v>16</v>
      </c>
      <c r="DF10" s="85">
        <v>168</v>
      </c>
      <c r="DG10" s="86">
        <v>242</v>
      </c>
      <c r="DH10" s="71">
        <v>0</v>
      </c>
      <c r="DI10" s="72">
        <v>2</v>
      </c>
      <c r="DJ10" s="73">
        <v>2</v>
      </c>
      <c r="DK10" s="277"/>
      <c r="DL10" s="72">
        <v>0</v>
      </c>
      <c r="DM10" s="72">
        <v>0</v>
      </c>
      <c r="DN10" s="72">
        <v>0</v>
      </c>
      <c r="DO10" s="72">
        <v>0</v>
      </c>
      <c r="DP10" s="72">
        <v>0</v>
      </c>
      <c r="DQ10" s="73">
        <v>0</v>
      </c>
      <c r="DR10" s="74">
        <v>2</v>
      </c>
      <c r="DS10" s="71">
        <v>6</v>
      </c>
      <c r="DT10" s="72">
        <v>3</v>
      </c>
      <c r="DU10" s="73">
        <v>9</v>
      </c>
      <c r="DV10" s="277"/>
      <c r="DW10" s="72">
        <v>1</v>
      </c>
      <c r="DX10" s="72">
        <v>0</v>
      </c>
      <c r="DY10" s="72">
        <v>3</v>
      </c>
      <c r="DZ10" s="72">
        <v>1</v>
      </c>
      <c r="EA10" s="72">
        <v>3</v>
      </c>
      <c r="EB10" s="73">
        <v>8</v>
      </c>
      <c r="EC10" s="74">
        <v>17</v>
      </c>
      <c r="ED10" s="71">
        <v>5</v>
      </c>
      <c r="EE10" s="72">
        <v>4</v>
      </c>
      <c r="EF10" s="73">
        <v>9</v>
      </c>
      <c r="EG10" s="277"/>
      <c r="EH10" s="72">
        <v>9</v>
      </c>
      <c r="EI10" s="72">
        <v>3</v>
      </c>
      <c r="EJ10" s="72">
        <v>1</v>
      </c>
      <c r="EK10" s="72">
        <v>4</v>
      </c>
      <c r="EL10" s="72">
        <v>0</v>
      </c>
      <c r="EM10" s="73">
        <v>17</v>
      </c>
      <c r="EN10" s="74">
        <v>26</v>
      </c>
      <c r="EO10" s="71">
        <v>8</v>
      </c>
      <c r="EP10" s="72">
        <v>10</v>
      </c>
      <c r="EQ10" s="73">
        <v>18</v>
      </c>
      <c r="ER10" s="277"/>
      <c r="ES10" s="72">
        <v>6</v>
      </c>
      <c r="ET10" s="72">
        <v>11</v>
      </c>
      <c r="EU10" s="72">
        <v>8</v>
      </c>
      <c r="EV10" s="72">
        <v>6</v>
      </c>
      <c r="EW10" s="72">
        <v>1</v>
      </c>
      <c r="EX10" s="73">
        <v>32</v>
      </c>
      <c r="EY10" s="74">
        <v>50</v>
      </c>
      <c r="EZ10" s="71">
        <v>11</v>
      </c>
      <c r="FA10" s="72">
        <v>9</v>
      </c>
      <c r="FB10" s="73">
        <v>20</v>
      </c>
      <c r="FC10" s="277"/>
      <c r="FD10" s="72">
        <v>12</v>
      </c>
      <c r="FE10" s="72">
        <v>11</v>
      </c>
      <c r="FF10" s="72">
        <v>5</v>
      </c>
      <c r="FG10" s="72">
        <v>6</v>
      </c>
      <c r="FH10" s="72">
        <v>2</v>
      </c>
      <c r="FI10" s="73">
        <v>36</v>
      </c>
      <c r="FJ10" s="74">
        <v>56</v>
      </c>
      <c r="FK10" s="71">
        <v>5</v>
      </c>
      <c r="FL10" s="72">
        <v>11</v>
      </c>
      <c r="FM10" s="73">
        <v>16</v>
      </c>
      <c r="FN10" s="277"/>
      <c r="FO10" s="72">
        <v>20</v>
      </c>
      <c r="FP10" s="72">
        <v>18</v>
      </c>
      <c r="FQ10" s="72">
        <v>13</v>
      </c>
      <c r="FR10" s="72">
        <v>14</v>
      </c>
      <c r="FS10" s="72">
        <v>10</v>
      </c>
      <c r="FT10" s="73">
        <v>75</v>
      </c>
      <c r="FU10" s="74">
        <v>91</v>
      </c>
      <c r="FV10" s="71">
        <v>0</v>
      </c>
      <c r="FW10" s="72">
        <v>0</v>
      </c>
      <c r="FX10" s="73">
        <v>0</v>
      </c>
      <c r="FY10" s="277"/>
      <c r="FZ10" s="72">
        <v>0</v>
      </c>
      <c r="GA10" s="72">
        <v>0</v>
      </c>
      <c r="GB10" s="72">
        <v>0</v>
      </c>
      <c r="GC10" s="72">
        <v>0</v>
      </c>
      <c r="GD10" s="72">
        <v>0</v>
      </c>
      <c r="GE10" s="73">
        <v>0</v>
      </c>
      <c r="GF10" s="74">
        <v>0</v>
      </c>
      <c r="GG10" s="71">
        <v>35</v>
      </c>
      <c r="GH10" s="72">
        <v>39</v>
      </c>
      <c r="GI10" s="73">
        <v>74</v>
      </c>
      <c r="GJ10" s="277"/>
      <c r="GK10" s="72">
        <v>48</v>
      </c>
      <c r="GL10" s="72">
        <v>43</v>
      </c>
      <c r="GM10" s="72">
        <v>30</v>
      </c>
      <c r="GN10" s="72">
        <v>31</v>
      </c>
      <c r="GO10" s="72">
        <v>16</v>
      </c>
      <c r="GP10" s="73">
        <v>168</v>
      </c>
      <c r="GQ10" s="74">
        <v>242</v>
      </c>
      <c r="GR10" s="127">
        <v>327</v>
      </c>
      <c r="GS10" s="83">
        <v>359</v>
      </c>
      <c r="GT10" s="84">
        <v>686</v>
      </c>
      <c r="GU10" s="274"/>
      <c r="GV10" s="83">
        <v>475</v>
      </c>
      <c r="GW10" s="83">
        <v>422</v>
      </c>
      <c r="GX10" s="83">
        <v>293</v>
      </c>
      <c r="GY10" s="83">
        <v>250</v>
      </c>
      <c r="GZ10" s="83">
        <v>146</v>
      </c>
      <c r="HA10" s="85">
        <v>1586</v>
      </c>
      <c r="HB10" s="86">
        <v>2272</v>
      </c>
      <c r="HC10" s="71">
        <v>5</v>
      </c>
      <c r="HD10" s="72">
        <v>8</v>
      </c>
      <c r="HE10" s="73">
        <v>13</v>
      </c>
      <c r="HF10" s="277"/>
      <c r="HG10" s="72">
        <v>4</v>
      </c>
      <c r="HH10" s="72">
        <v>5</v>
      </c>
      <c r="HI10" s="72">
        <v>6</v>
      </c>
      <c r="HJ10" s="72">
        <v>3</v>
      </c>
      <c r="HK10" s="72">
        <v>4</v>
      </c>
      <c r="HL10" s="73">
        <v>22</v>
      </c>
      <c r="HM10" s="74">
        <v>35</v>
      </c>
      <c r="HN10" s="71">
        <v>19</v>
      </c>
      <c r="HO10" s="72">
        <v>20</v>
      </c>
      <c r="HP10" s="73">
        <v>39</v>
      </c>
      <c r="HQ10" s="277"/>
      <c r="HR10" s="72">
        <v>22</v>
      </c>
      <c r="HS10" s="72">
        <v>14</v>
      </c>
      <c r="HT10" s="72">
        <v>22</v>
      </c>
      <c r="HU10" s="72">
        <v>18</v>
      </c>
      <c r="HV10" s="72">
        <v>15</v>
      </c>
      <c r="HW10" s="73">
        <v>91</v>
      </c>
      <c r="HX10" s="74">
        <v>130</v>
      </c>
      <c r="HY10" s="71">
        <v>31</v>
      </c>
      <c r="HZ10" s="72">
        <v>35</v>
      </c>
      <c r="IA10" s="73">
        <v>66</v>
      </c>
      <c r="IB10" s="277"/>
      <c r="IC10" s="72">
        <v>53</v>
      </c>
      <c r="ID10" s="72">
        <v>42</v>
      </c>
      <c r="IE10" s="72">
        <v>19</v>
      </c>
      <c r="IF10" s="72">
        <v>24</v>
      </c>
      <c r="IG10" s="72">
        <v>15</v>
      </c>
      <c r="IH10" s="73">
        <v>153</v>
      </c>
      <c r="II10" s="74">
        <v>219</v>
      </c>
      <c r="IJ10" s="71">
        <v>75</v>
      </c>
      <c r="IK10" s="72">
        <v>90</v>
      </c>
      <c r="IL10" s="73">
        <v>165</v>
      </c>
      <c r="IM10" s="277"/>
      <c r="IN10" s="72">
        <v>103</v>
      </c>
      <c r="IO10" s="72">
        <v>92</v>
      </c>
      <c r="IP10" s="72">
        <v>61</v>
      </c>
      <c r="IQ10" s="72">
        <v>50</v>
      </c>
      <c r="IR10" s="72">
        <v>19</v>
      </c>
      <c r="IS10" s="73">
        <v>325</v>
      </c>
      <c r="IT10" s="74">
        <v>490</v>
      </c>
      <c r="IU10" s="71">
        <v>108</v>
      </c>
      <c r="IV10" s="72">
        <v>102</v>
      </c>
      <c r="IW10" s="73">
        <v>210</v>
      </c>
      <c r="IX10" s="277"/>
      <c r="IY10" s="72">
        <v>140</v>
      </c>
      <c r="IZ10" s="72">
        <v>142</v>
      </c>
      <c r="JA10" s="72">
        <v>86</v>
      </c>
      <c r="JB10" s="72">
        <v>64</v>
      </c>
      <c r="JC10" s="72">
        <v>45</v>
      </c>
      <c r="JD10" s="73">
        <v>477</v>
      </c>
      <c r="JE10" s="74">
        <v>687</v>
      </c>
      <c r="JF10" s="71">
        <v>89</v>
      </c>
      <c r="JG10" s="72">
        <v>104</v>
      </c>
      <c r="JH10" s="73">
        <v>193</v>
      </c>
      <c r="JI10" s="277"/>
      <c r="JJ10" s="72">
        <v>153</v>
      </c>
      <c r="JK10" s="72">
        <v>127</v>
      </c>
      <c r="JL10" s="72">
        <v>99</v>
      </c>
      <c r="JM10" s="72">
        <v>91</v>
      </c>
      <c r="JN10" s="72">
        <v>48</v>
      </c>
      <c r="JO10" s="73">
        <v>518</v>
      </c>
      <c r="JP10" s="74">
        <v>711</v>
      </c>
      <c r="JQ10" s="71">
        <v>0</v>
      </c>
      <c r="JR10" s="72">
        <v>0</v>
      </c>
      <c r="JS10" s="73">
        <v>0</v>
      </c>
      <c r="JT10" s="277"/>
      <c r="JU10" s="72">
        <v>0</v>
      </c>
      <c r="JV10" s="72">
        <v>0</v>
      </c>
      <c r="JW10" s="72">
        <v>0</v>
      </c>
      <c r="JX10" s="72">
        <v>0</v>
      </c>
      <c r="JY10" s="72">
        <v>0</v>
      </c>
      <c r="JZ10" s="73">
        <v>0</v>
      </c>
      <c r="KA10" s="74">
        <v>0</v>
      </c>
      <c r="KB10" s="71">
        <v>327</v>
      </c>
      <c r="KC10" s="72">
        <v>359</v>
      </c>
      <c r="KD10" s="73">
        <v>686</v>
      </c>
      <c r="KE10" s="277"/>
      <c r="KF10" s="72">
        <v>475</v>
      </c>
      <c r="KG10" s="72">
        <v>422</v>
      </c>
      <c r="KH10" s="72">
        <v>293</v>
      </c>
      <c r="KI10" s="72">
        <v>250</v>
      </c>
      <c r="KJ10" s="72">
        <v>146</v>
      </c>
      <c r="KK10" s="73">
        <v>1586</v>
      </c>
      <c r="KL10" s="74">
        <v>2272</v>
      </c>
    </row>
    <row r="11" spans="1:298" ht="19.5" customHeight="1" x14ac:dyDescent="0.2">
      <c r="A11" s="130" t="s">
        <v>7</v>
      </c>
      <c r="B11" s="347">
        <v>254</v>
      </c>
      <c r="C11" s="83">
        <v>174</v>
      </c>
      <c r="D11" s="84">
        <v>428</v>
      </c>
      <c r="E11" s="274"/>
      <c r="F11" s="83">
        <v>513</v>
      </c>
      <c r="G11" s="83">
        <v>353</v>
      </c>
      <c r="H11" s="83">
        <v>228</v>
      </c>
      <c r="I11" s="83">
        <v>192</v>
      </c>
      <c r="J11" s="83">
        <v>83</v>
      </c>
      <c r="K11" s="85">
        <v>1369</v>
      </c>
      <c r="L11" s="86">
        <v>1797</v>
      </c>
      <c r="M11" s="71">
        <v>2</v>
      </c>
      <c r="N11" s="72">
        <v>3</v>
      </c>
      <c r="O11" s="73">
        <v>5</v>
      </c>
      <c r="P11" s="274"/>
      <c r="Q11" s="72">
        <v>2</v>
      </c>
      <c r="R11" s="72">
        <v>12</v>
      </c>
      <c r="S11" s="72">
        <v>6</v>
      </c>
      <c r="T11" s="72">
        <v>3</v>
      </c>
      <c r="U11" s="72">
        <v>1</v>
      </c>
      <c r="V11" s="73">
        <v>24</v>
      </c>
      <c r="W11" s="74">
        <v>29</v>
      </c>
      <c r="X11" s="71">
        <v>14</v>
      </c>
      <c r="Y11" s="72">
        <v>6</v>
      </c>
      <c r="Z11" s="73">
        <v>20</v>
      </c>
      <c r="AA11" s="277"/>
      <c r="AB11" s="72">
        <v>17</v>
      </c>
      <c r="AC11" s="72">
        <v>14</v>
      </c>
      <c r="AD11" s="72">
        <v>10</v>
      </c>
      <c r="AE11" s="72">
        <v>7</v>
      </c>
      <c r="AF11" s="72">
        <v>4</v>
      </c>
      <c r="AG11" s="73">
        <v>52</v>
      </c>
      <c r="AH11" s="74">
        <v>72</v>
      </c>
      <c r="AI11" s="71">
        <v>23</v>
      </c>
      <c r="AJ11" s="72">
        <v>18</v>
      </c>
      <c r="AK11" s="73">
        <v>41</v>
      </c>
      <c r="AL11" s="277"/>
      <c r="AM11" s="72">
        <v>54</v>
      </c>
      <c r="AN11" s="72">
        <v>30</v>
      </c>
      <c r="AO11" s="72">
        <v>19</v>
      </c>
      <c r="AP11" s="72">
        <v>16</v>
      </c>
      <c r="AQ11" s="72">
        <v>10</v>
      </c>
      <c r="AR11" s="73">
        <v>129</v>
      </c>
      <c r="AS11" s="74">
        <v>170</v>
      </c>
      <c r="AT11" s="71">
        <v>55</v>
      </c>
      <c r="AU11" s="72">
        <v>37</v>
      </c>
      <c r="AV11" s="73">
        <v>92</v>
      </c>
      <c r="AW11" s="277"/>
      <c r="AX11" s="72">
        <v>96</v>
      </c>
      <c r="AY11" s="72">
        <v>72</v>
      </c>
      <c r="AZ11" s="72">
        <v>40</v>
      </c>
      <c r="BA11" s="72">
        <v>29</v>
      </c>
      <c r="BB11" s="72">
        <v>22</v>
      </c>
      <c r="BC11" s="73">
        <v>259</v>
      </c>
      <c r="BD11" s="74">
        <v>351</v>
      </c>
      <c r="BE11" s="71">
        <v>94</v>
      </c>
      <c r="BF11" s="72">
        <v>60</v>
      </c>
      <c r="BG11" s="73">
        <v>154</v>
      </c>
      <c r="BH11" s="277"/>
      <c r="BI11" s="72">
        <v>162</v>
      </c>
      <c r="BJ11" s="72">
        <v>97</v>
      </c>
      <c r="BK11" s="72">
        <v>84</v>
      </c>
      <c r="BL11" s="72">
        <v>62</v>
      </c>
      <c r="BM11" s="72">
        <v>27</v>
      </c>
      <c r="BN11" s="73">
        <v>432</v>
      </c>
      <c r="BO11" s="74">
        <v>586</v>
      </c>
      <c r="BP11" s="71">
        <v>66</v>
      </c>
      <c r="BQ11" s="72">
        <v>50</v>
      </c>
      <c r="BR11" s="73">
        <v>116</v>
      </c>
      <c r="BS11" s="277"/>
      <c r="BT11" s="72">
        <v>182</v>
      </c>
      <c r="BU11" s="72">
        <v>128</v>
      </c>
      <c r="BV11" s="72">
        <v>69</v>
      </c>
      <c r="BW11" s="72">
        <v>75</v>
      </c>
      <c r="BX11" s="72">
        <v>19</v>
      </c>
      <c r="BY11" s="73">
        <v>473</v>
      </c>
      <c r="BZ11" s="74">
        <v>589</v>
      </c>
      <c r="CA11" s="71">
        <v>0</v>
      </c>
      <c r="CB11" s="72">
        <v>0</v>
      </c>
      <c r="CC11" s="73">
        <v>0</v>
      </c>
      <c r="CD11" s="277"/>
      <c r="CE11" s="72">
        <v>0</v>
      </c>
      <c r="CF11" s="72">
        <v>0</v>
      </c>
      <c r="CG11" s="72">
        <v>0</v>
      </c>
      <c r="CH11" s="72">
        <v>0</v>
      </c>
      <c r="CI11" s="72">
        <v>0</v>
      </c>
      <c r="CJ11" s="73">
        <v>0</v>
      </c>
      <c r="CK11" s="74">
        <v>0</v>
      </c>
      <c r="CL11" s="71">
        <v>254</v>
      </c>
      <c r="CM11" s="72">
        <v>174</v>
      </c>
      <c r="CN11" s="73">
        <v>428</v>
      </c>
      <c r="CO11" s="277"/>
      <c r="CP11" s="72">
        <v>513</v>
      </c>
      <c r="CQ11" s="72">
        <v>353</v>
      </c>
      <c r="CR11" s="72">
        <v>228</v>
      </c>
      <c r="CS11" s="72">
        <v>192</v>
      </c>
      <c r="CT11" s="72">
        <v>83</v>
      </c>
      <c r="CU11" s="73">
        <v>1369</v>
      </c>
      <c r="CV11" s="74">
        <v>1797</v>
      </c>
      <c r="CW11" s="127">
        <v>34</v>
      </c>
      <c r="CX11" s="83">
        <v>29</v>
      </c>
      <c r="CY11" s="84">
        <v>63</v>
      </c>
      <c r="CZ11" s="274"/>
      <c r="DA11" s="83">
        <v>62</v>
      </c>
      <c r="DB11" s="83">
        <v>45</v>
      </c>
      <c r="DC11" s="83">
        <v>30</v>
      </c>
      <c r="DD11" s="83">
        <v>25</v>
      </c>
      <c r="DE11" s="83">
        <v>18</v>
      </c>
      <c r="DF11" s="85">
        <v>180</v>
      </c>
      <c r="DG11" s="86">
        <v>243</v>
      </c>
      <c r="DH11" s="71">
        <v>0</v>
      </c>
      <c r="DI11" s="72">
        <v>1</v>
      </c>
      <c r="DJ11" s="73">
        <v>1</v>
      </c>
      <c r="DK11" s="277"/>
      <c r="DL11" s="72">
        <v>2</v>
      </c>
      <c r="DM11" s="72">
        <v>0</v>
      </c>
      <c r="DN11" s="72">
        <v>1</v>
      </c>
      <c r="DO11" s="72">
        <v>0</v>
      </c>
      <c r="DP11" s="72">
        <v>0</v>
      </c>
      <c r="DQ11" s="73">
        <v>3</v>
      </c>
      <c r="DR11" s="74">
        <v>4</v>
      </c>
      <c r="DS11" s="71">
        <v>6</v>
      </c>
      <c r="DT11" s="72">
        <v>0</v>
      </c>
      <c r="DU11" s="73">
        <v>6</v>
      </c>
      <c r="DV11" s="277"/>
      <c r="DW11" s="72">
        <v>2</v>
      </c>
      <c r="DX11" s="72">
        <v>4</v>
      </c>
      <c r="DY11" s="72">
        <v>0</v>
      </c>
      <c r="DZ11" s="72">
        <v>4</v>
      </c>
      <c r="EA11" s="72">
        <v>2</v>
      </c>
      <c r="EB11" s="73">
        <v>12</v>
      </c>
      <c r="EC11" s="74">
        <v>18</v>
      </c>
      <c r="ED11" s="71">
        <v>2</v>
      </c>
      <c r="EE11" s="72">
        <v>4</v>
      </c>
      <c r="EF11" s="73">
        <v>6</v>
      </c>
      <c r="EG11" s="277"/>
      <c r="EH11" s="72">
        <v>4</v>
      </c>
      <c r="EI11" s="72">
        <v>5</v>
      </c>
      <c r="EJ11" s="72">
        <v>3</v>
      </c>
      <c r="EK11" s="72">
        <v>1</v>
      </c>
      <c r="EL11" s="72">
        <v>3</v>
      </c>
      <c r="EM11" s="73">
        <v>16</v>
      </c>
      <c r="EN11" s="74">
        <v>22</v>
      </c>
      <c r="EO11" s="71">
        <v>10</v>
      </c>
      <c r="EP11" s="72">
        <v>8</v>
      </c>
      <c r="EQ11" s="73">
        <v>18</v>
      </c>
      <c r="ER11" s="277"/>
      <c r="ES11" s="72">
        <v>9</v>
      </c>
      <c r="ET11" s="72">
        <v>4</v>
      </c>
      <c r="EU11" s="72">
        <v>5</v>
      </c>
      <c r="EV11" s="72">
        <v>2</v>
      </c>
      <c r="EW11" s="72">
        <v>2</v>
      </c>
      <c r="EX11" s="73">
        <v>22</v>
      </c>
      <c r="EY11" s="74">
        <v>40</v>
      </c>
      <c r="EZ11" s="71">
        <v>10</v>
      </c>
      <c r="FA11" s="72">
        <v>7</v>
      </c>
      <c r="FB11" s="73">
        <v>17</v>
      </c>
      <c r="FC11" s="277"/>
      <c r="FD11" s="72">
        <v>17</v>
      </c>
      <c r="FE11" s="72">
        <v>10</v>
      </c>
      <c r="FF11" s="72">
        <v>7</v>
      </c>
      <c r="FG11" s="72">
        <v>7</v>
      </c>
      <c r="FH11" s="72">
        <v>4</v>
      </c>
      <c r="FI11" s="73">
        <v>45</v>
      </c>
      <c r="FJ11" s="74">
        <v>62</v>
      </c>
      <c r="FK11" s="71">
        <v>6</v>
      </c>
      <c r="FL11" s="72">
        <v>9</v>
      </c>
      <c r="FM11" s="73">
        <v>15</v>
      </c>
      <c r="FN11" s="277"/>
      <c r="FO11" s="72">
        <v>28</v>
      </c>
      <c r="FP11" s="72">
        <v>22</v>
      </c>
      <c r="FQ11" s="72">
        <v>14</v>
      </c>
      <c r="FR11" s="72">
        <v>11</v>
      </c>
      <c r="FS11" s="72">
        <v>7</v>
      </c>
      <c r="FT11" s="73">
        <v>82</v>
      </c>
      <c r="FU11" s="74">
        <v>97</v>
      </c>
      <c r="FV11" s="71">
        <v>0</v>
      </c>
      <c r="FW11" s="72">
        <v>0</v>
      </c>
      <c r="FX11" s="73">
        <v>0</v>
      </c>
      <c r="FY11" s="277"/>
      <c r="FZ11" s="72">
        <v>0</v>
      </c>
      <c r="GA11" s="72">
        <v>0</v>
      </c>
      <c r="GB11" s="72">
        <v>0</v>
      </c>
      <c r="GC11" s="72">
        <v>0</v>
      </c>
      <c r="GD11" s="72">
        <v>0</v>
      </c>
      <c r="GE11" s="73">
        <v>0</v>
      </c>
      <c r="GF11" s="74">
        <v>0</v>
      </c>
      <c r="GG11" s="71">
        <v>34</v>
      </c>
      <c r="GH11" s="72">
        <v>29</v>
      </c>
      <c r="GI11" s="73">
        <v>63</v>
      </c>
      <c r="GJ11" s="277"/>
      <c r="GK11" s="72">
        <v>62</v>
      </c>
      <c r="GL11" s="72">
        <v>45</v>
      </c>
      <c r="GM11" s="72">
        <v>30</v>
      </c>
      <c r="GN11" s="72">
        <v>25</v>
      </c>
      <c r="GO11" s="72">
        <v>18</v>
      </c>
      <c r="GP11" s="73">
        <v>180</v>
      </c>
      <c r="GQ11" s="74">
        <v>243</v>
      </c>
      <c r="GR11" s="127">
        <v>288</v>
      </c>
      <c r="GS11" s="83">
        <v>203</v>
      </c>
      <c r="GT11" s="84">
        <v>491</v>
      </c>
      <c r="GU11" s="274"/>
      <c r="GV11" s="83">
        <v>575</v>
      </c>
      <c r="GW11" s="83">
        <v>398</v>
      </c>
      <c r="GX11" s="83">
        <v>258</v>
      </c>
      <c r="GY11" s="83">
        <v>217</v>
      </c>
      <c r="GZ11" s="83">
        <v>101</v>
      </c>
      <c r="HA11" s="85">
        <v>1549</v>
      </c>
      <c r="HB11" s="86">
        <v>2040</v>
      </c>
      <c r="HC11" s="71">
        <v>2</v>
      </c>
      <c r="HD11" s="72">
        <v>4</v>
      </c>
      <c r="HE11" s="73">
        <v>6</v>
      </c>
      <c r="HF11" s="277"/>
      <c r="HG11" s="72">
        <v>4</v>
      </c>
      <c r="HH11" s="72">
        <v>12</v>
      </c>
      <c r="HI11" s="72">
        <v>7</v>
      </c>
      <c r="HJ11" s="72">
        <v>3</v>
      </c>
      <c r="HK11" s="72">
        <v>1</v>
      </c>
      <c r="HL11" s="73">
        <v>27</v>
      </c>
      <c r="HM11" s="74">
        <v>33</v>
      </c>
      <c r="HN11" s="71">
        <v>20</v>
      </c>
      <c r="HO11" s="72">
        <v>6</v>
      </c>
      <c r="HP11" s="73">
        <v>26</v>
      </c>
      <c r="HQ11" s="277"/>
      <c r="HR11" s="72">
        <v>19</v>
      </c>
      <c r="HS11" s="72">
        <v>18</v>
      </c>
      <c r="HT11" s="72">
        <v>10</v>
      </c>
      <c r="HU11" s="72">
        <v>11</v>
      </c>
      <c r="HV11" s="72">
        <v>6</v>
      </c>
      <c r="HW11" s="73">
        <v>64</v>
      </c>
      <c r="HX11" s="74">
        <v>90</v>
      </c>
      <c r="HY11" s="71">
        <v>25</v>
      </c>
      <c r="HZ11" s="72">
        <v>22</v>
      </c>
      <c r="IA11" s="73">
        <v>47</v>
      </c>
      <c r="IB11" s="277"/>
      <c r="IC11" s="72">
        <v>58</v>
      </c>
      <c r="ID11" s="72">
        <v>35</v>
      </c>
      <c r="IE11" s="72">
        <v>22</v>
      </c>
      <c r="IF11" s="72">
        <v>17</v>
      </c>
      <c r="IG11" s="72">
        <v>13</v>
      </c>
      <c r="IH11" s="73">
        <v>145</v>
      </c>
      <c r="II11" s="74">
        <v>192</v>
      </c>
      <c r="IJ11" s="71">
        <v>65</v>
      </c>
      <c r="IK11" s="72">
        <v>45</v>
      </c>
      <c r="IL11" s="73">
        <v>110</v>
      </c>
      <c r="IM11" s="277"/>
      <c r="IN11" s="72">
        <v>105</v>
      </c>
      <c r="IO11" s="72">
        <v>76</v>
      </c>
      <c r="IP11" s="72">
        <v>45</v>
      </c>
      <c r="IQ11" s="72">
        <v>31</v>
      </c>
      <c r="IR11" s="72">
        <v>24</v>
      </c>
      <c r="IS11" s="73">
        <v>281</v>
      </c>
      <c r="IT11" s="74">
        <v>391</v>
      </c>
      <c r="IU11" s="71">
        <v>104</v>
      </c>
      <c r="IV11" s="72">
        <v>67</v>
      </c>
      <c r="IW11" s="73">
        <v>171</v>
      </c>
      <c r="IX11" s="277"/>
      <c r="IY11" s="72">
        <v>179</v>
      </c>
      <c r="IZ11" s="72">
        <v>107</v>
      </c>
      <c r="JA11" s="72">
        <v>91</v>
      </c>
      <c r="JB11" s="72">
        <v>69</v>
      </c>
      <c r="JC11" s="72">
        <v>31</v>
      </c>
      <c r="JD11" s="73">
        <v>477</v>
      </c>
      <c r="JE11" s="74">
        <v>648</v>
      </c>
      <c r="JF11" s="71">
        <v>72</v>
      </c>
      <c r="JG11" s="72">
        <v>59</v>
      </c>
      <c r="JH11" s="73">
        <v>131</v>
      </c>
      <c r="JI11" s="277"/>
      <c r="JJ11" s="72">
        <v>210</v>
      </c>
      <c r="JK11" s="72">
        <v>150</v>
      </c>
      <c r="JL11" s="72">
        <v>83</v>
      </c>
      <c r="JM11" s="72">
        <v>86</v>
      </c>
      <c r="JN11" s="72">
        <v>26</v>
      </c>
      <c r="JO11" s="73">
        <v>555</v>
      </c>
      <c r="JP11" s="74">
        <v>686</v>
      </c>
      <c r="JQ11" s="71">
        <v>0</v>
      </c>
      <c r="JR11" s="72">
        <v>0</v>
      </c>
      <c r="JS11" s="73">
        <v>0</v>
      </c>
      <c r="JT11" s="277"/>
      <c r="JU11" s="72">
        <v>0</v>
      </c>
      <c r="JV11" s="72">
        <v>0</v>
      </c>
      <c r="JW11" s="72">
        <v>0</v>
      </c>
      <c r="JX11" s="72">
        <v>0</v>
      </c>
      <c r="JY11" s="72">
        <v>0</v>
      </c>
      <c r="JZ11" s="73">
        <v>0</v>
      </c>
      <c r="KA11" s="74">
        <v>0</v>
      </c>
      <c r="KB11" s="71">
        <v>288</v>
      </c>
      <c r="KC11" s="72">
        <v>203</v>
      </c>
      <c r="KD11" s="73">
        <v>491</v>
      </c>
      <c r="KE11" s="277"/>
      <c r="KF11" s="72">
        <v>575</v>
      </c>
      <c r="KG11" s="72">
        <v>398</v>
      </c>
      <c r="KH11" s="72">
        <v>258</v>
      </c>
      <c r="KI11" s="72">
        <v>217</v>
      </c>
      <c r="KJ11" s="72">
        <v>101</v>
      </c>
      <c r="KK11" s="73">
        <v>1549</v>
      </c>
      <c r="KL11" s="74">
        <v>2040</v>
      </c>
    </row>
    <row r="12" spans="1:298" ht="19.5" customHeight="1" x14ac:dyDescent="0.2">
      <c r="A12" s="130" t="s">
        <v>8</v>
      </c>
      <c r="B12" s="347">
        <v>103</v>
      </c>
      <c r="C12" s="83">
        <v>62</v>
      </c>
      <c r="D12" s="84">
        <v>165</v>
      </c>
      <c r="E12" s="274"/>
      <c r="F12" s="83">
        <v>153</v>
      </c>
      <c r="G12" s="83">
        <v>124</v>
      </c>
      <c r="H12" s="83">
        <v>87</v>
      </c>
      <c r="I12" s="83">
        <v>60</v>
      </c>
      <c r="J12" s="83">
        <v>34</v>
      </c>
      <c r="K12" s="85">
        <v>458</v>
      </c>
      <c r="L12" s="86">
        <v>623</v>
      </c>
      <c r="M12" s="71">
        <v>2</v>
      </c>
      <c r="N12" s="72">
        <v>3</v>
      </c>
      <c r="O12" s="73">
        <v>5</v>
      </c>
      <c r="P12" s="274"/>
      <c r="Q12" s="72">
        <v>1</v>
      </c>
      <c r="R12" s="72">
        <v>1</v>
      </c>
      <c r="S12" s="72">
        <v>1</v>
      </c>
      <c r="T12" s="72">
        <v>2</v>
      </c>
      <c r="U12" s="72">
        <v>1</v>
      </c>
      <c r="V12" s="73">
        <v>6</v>
      </c>
      <c r="W12" s="74">
        <v>11</v>
      </c>
      <c r="X12" s="71">
        <v>6</v>
      </c>
      <c r="Y12" s="72">
        <v>5</v>
      </c>
      <c r="Z12" s="73">
        <v>11</v>
      </c>
      <c r="AA12" s="277"/>
      <c r="AB12" s="72">
        <v>5</v>
      </c>
      <c r="AC12" s="72">
        <v>10</v>
      </c>
      <c r="AD12" s="72">
        <v>3</v>
      </c>
      <c r="AE12" s="72">
        <v>6</v>
      </c>
      <c r="AF12" s="72">
        <v>0</v>
      </c>
      <c r="AG12" s="73">
        <v>24</v>
      </c>
      <c r="AH12" s="74">
        <v>35</v>
      </c>
      <c r="AI12" s="71">
        <v>7</v>
      </c>
      <c r="AJ12" s="72">
        <v>4</v>
      </c>
      <c r="AK12" s="73">
        <v>11</v>
      </c>
      <c r="AL12" s="277"/>
      <c r="AM12" s="72">
        <v>11</v>
      </c>
      <c r="AN12" s="72">
        <v>14</v>
      </c>
      <c r="AO12" s="72">
        <v>4</v>
      </c>
      <c r="AP12" s="72">
        <v>3</v>
      </c>
      <c r="AQ12" s="72">
        <v>7</v>
      </c>
      <c r="AR12" s="73">
        <v>39</v>
      </c>
      <c r="AS12" s="74">
        <v>50</v>
      </c>
      <c r="AT12" s="71">
        <v>25</v>
      </c>
      <c r="AU12" s="72">
        <v>6</v>
      </c>
      <c r="AV12" s="73">
        <v>31</v>
      </c>
      <c r="AW12" s="277"/>
      <c r="AX12" s="72">
        <v>25</v>
      </c>
      <c r="AY12" s="72">
        <v>22</v>
      </c>
      <c r="AZ12" s="72">
        <v>10</v>
      </c>
      <c r="BA12" s="72">
        <v>18</v>
      </c>
      <c r="BB12" s="72">
        <v>8</v>
      </c>
      <c r="BC12" s="73">
        <v>83</v>
      </c>
      <c r="BD12" s="74">
        <v>114</v>
      </c>
      <c r="BE12" s="71">
        <v>29</v>
      </c>
      <c r="BF12" s="72">
        <v>25</v>
      </c>
      <c r="BG12" s="73">
        <v>54</v>
      </c>
      <c r="BH12" s="277"/>
      <c r="BI12" s="72">
        <v>55</v>
      </c>
      <c r="BJ12" s="72">
        <v>35</v>
      </c>
      <c r="BK12" s="72">
        <v>27</v>
      </c>
      <c r="BL12" s="72">
        <v>15</v>
      </c>
      <c r="BM12" s="72">
        <v>6</v>
      </c>
      <c r="BN12" s="73">
        <v>138</v>
      </c>
      <c r="BO12" s="74">
        <v>192</v>
      </c>
      <c r="BP12" s="71">
        <v>34</v>
      </c>
      <c r="BQ12" s="72">
        <v>19</v>
      </c>
      <c r="BR12" s="73">
        <v>53</v>
      </c>
      <c r="BS12" s="277"/>
      <c r="BT12" s="72">
        <v>56</v>
      </c>
      <c r="BU12" s="72">
        <v>42</v>
      </c>
      <c r="BV12" s="72">
        <v>42</v>
      </c>
      <c r="BW12" s="72">
        <v>16</v>
      </c>
      <c r="BX12" s="72">
        <v>12</v>
      </c>
      <c r="BY12" s="73">
        <v>168</v>
      </c>
      <c r="BZ12" s="74">
        <v>221</v>
      </c>
      <c r="CA12" s="71">
        <v>0</v>
      </c>
      <c r="CB12" s="72">
        <v>0</v>
      </c>
      <c r="CC12" s="73">
        <v>0</v>
      </c>
      <c r="CD12" s="277"/>
      <c r="CE12" s="72">
        <v>0</v>
      </c>
      <c r="CF12" s="72">
        <v>0</v>
      </c>
      <c r="CG12" s="72">
        <v>0</v>
      </c>
      <c r="CH12" s="72">
        <v>0</v>
      </c>
      <c r="CI12" s="72">
        <v>0</v>
      </c>
      <c r="CJ12" s="73">
        <v>0</v>
      </c>
      <c r="CK12" s="74">
        <v>0</v>
      </c>
      <c r="CL12" s="71">
        <v>103</v>
      </c>
      <c r="CM12" s="72">
        <v>62</v>
      </c>
      <c r="CN12" s="73">
        <v>165</v>
      </c>
      <c r="CO12" s="277"/>
      <c r="CP12" s="72">
        <v>153</v>
      </c>
      <c r="CQ12" s="72">
        <v>124</v>
      </c>
      <c r="CR12" s="72">
        <v>87</v>
      </c>
      <c r="CS12" s="72">
        <v>60</v>
      </c>
      <c r="CT12" s="72">
        <v>34</v>
      </c>
      <c r="CU12" s="73">
        <v>458</v>
      </c>
      <c r="CV12" s="74">
        <v>623</v>
      </c>
      <c r="CW12" s="127">
        <v>13</v>
      </c>
      <c r="CX12" s="83">
        <v>14</v>
      </c>
      <c r="CY12" s="84">
        <v>27</v>
      </c>
      <c r="CZ12" s="274"/>
      <c r="DA12" s="83">
        <v>21</v>
      </c>
      <c r="DB12" s="83">
        <v>25</v>
      </c>
      <c r="DC12" s="83">
        <v>14</v>
      </c>
      <c r="DD12" s="83">
        <v>6</v>
      </c>
      <c r="DE12" s="83">
        <v>8</v>
      </c>
      <c r="DF12" s="85">
        <v>74</v>
      </c>
      <c r="DG12" s="86">
        <v>101</v>
      </c>
      <c r="DH12" s="71">
        <v>1</v>
      </c>
      <c r="DI12" s="72">
        <v>0</v>
      </c>
      <c r="DJ12" s="73">
        <v>1</v>
      </c>
      <c r="DK12" s="277"/>
      <c r="DL12" s="72">
        <v>0</v>
      </c>
      <c r="DM12" s="72">
        <v>0</v>
      </c>
      <c r="DN12" s="72">
        <v>0</v>
      </c>
      <c r="DO12" s="72">
        <v>0</v>
      </c>
      <c r="DP12" s="72">
        <v>0</v>
      </c>
      <c r="DQ12" s="73">
        <v>0</v>
      </c>
      <c r="DR12" s="74">
        <v>1</v>
      </c>
      <c r="DS12" s="71">
        <v>0</v>
      </c>
      <c r="DT12" s="72">
        <v>1</v>
      </c>
      <c r="DU12" s="73">
        <v>1</v>
      </c>
      <c r="DV12" s="277"/>
      <c r="DW12" s="72">
        <v>1</v>
      </c>
      <c r="DX12" s="72">
        <v>1</v>
      </c>
      <c r="DY12" s="72">
        <v>1</v>
      </c>
      <c r="DZ12" s="72">
        <v>1</v>
      </c>
      <c r="EA12" s="72">
        <v>0</v>
      </c>
      <c r="EB12" s="73">
        <v>4</v>
      </c>
      <c r="EC12" s="74">
        <v>5</v>
      </c>
      <c r="ED12" s="71">
        <v>3</v>
      </c>
      <c r="EE12" s="72">
        <v>2</v>
      </c>
      <c r="EF12" s="73">
        <v>5</v>
      </c>
      <c r="EG12" s="277"/>
      <c r="EH12" s="72">
        <v>1</v>
      </c>
      <c r="EI12" s="72">
        <v>1</v>
      </c>
      <c r="EJ12" s="72">
        <v>2</v>
      </c>
      <c r="EK12" s="72">
        <v>1</v>
      </c>
      <c r="EL12" s="72">
        <v>0</v>
      </c>
      <c r="EM12" s="73">
        <v>5</v>
      </c>
      <c r="EN12" s="74">
        <v>10</v>
      </c>
      <c r="EO12" s="71">
        <v>4</v>
      </c>
      <c r="EP12" s="72">
        <v>2</v>
      </c>
      <c r="EQ12" s="73">
        <v>6</v>
      </c>
      <c r="ER12" s="277"/>
      <c r="ES12" s="72">
        <v>4</v>
      </c>
      <c r="ET12" s="72">
        <v>5</v>
      </c>
      <c r="EU12" s="72">
        <v>2</v>
      </c>
      <c r="EV12" s="72">
        <v>0</v>
      </c>
      <c r="EW12" s="72">
        <v>1</v>
      </c>
      <c r="EX12" s="73">
        <v>12</v>
      </c>
      <c r="EY12" s="74">
        <v>18</v>
      </c>
      <c r="EZ12" s="71">
        <v>1</v>
      </c>
      <c r="FA12" s="72">
        <v>2</v>
      </c>
      <c r="FB12" s="73">
        <v>3</v>
      </c>
      <c r="FC12" s="277"/>
      <c r="FD12" s="72">
        <v>6</v>
      </c>
      <c r="FE12" s="72">
        <v>7</v>
      </c>
      <c r="FF12" s="72">
        <v>1</v>
      </c>
      <c r="FG12" s="72">
        <v>1</v>
      </c>
      <c r="FH12" s="72">
        <v>2</v>
      </c>
      <c r="FI12" s="73">
        <v>17</v>
      </c>
      <c r="FJ12" s="74">
        <v>20</v>
      </c>
      <c r="FK12" s="71">
        <v>4</v>
      </c>
      <c r="FL12" s="72">
        <v>7</v>
      </c>
      <c r="FM12" s="73">
        <v>11</v>
      </c>
      <c r="FN12" s="277"/>
      <c r="FO12" s="72">
        <v>9</v>
      </c>
      <c r="FP12" s="72">
        <v>11</v>
      </c>
      <c r="FQ12" s="72">
        <v>8</v>
      </c>
      <c r="FR12" s="72">
        <v>3</v>
      </c>
      <c r="FS12" s="72">
        <v>5</v>
      </c>
      <c r="FT12" s="73">
        <v>36</v>
      </c>
      <c r="FU12" s="74">
        <v>47</v>
      </c>
      <c r="FV12" s="71">
        <v>0</v>
      </c>
      <c r="FW12" s="72">
        <v>0</v>
      </c>
      <c r="FX12" s="73">
        <v>0</v>
      </c>
      <c r="FY12" s="277"/>
      <c r="FZ12" s="72">
        <v>0</v>
      </c>
      <c r="GA12" s="72">
        <v>0</v>
      </c>
      <c r="GB12" s="72">
        <v>0</v>
      </c>
      <c r="GC12" s="72">
        <v>0</v>
      </c>
      <c r="GD12" s="72">
        <v>0</v>
      </c>
      <c r="GE12" s="73">
        <v>0</v>
      </c>
      <c r="GF12" s="74">
        <v>0</v>
      </c>
      <c r="GG12" s="71">
        <v>13</v>
      </c>
      <c r="GH12" s="72">
        <v>14</v>
      </c>
      <c r="GI12" s="73">
        <v>27</v>
      </c>
      <c r="GJ12" s="277"/>
      <c r="GK12" s="72">
        <v>21</v>
      </c>
      <c r="GL12" s="72">
        <v>25</v>
      </c>
      <c r="GM12" s="72">
        <v>14</v>
      </c>
      <c r="GN12" s="72">
        <v>6</v>
      </c>
      <c r="GO12" s="72">
        <v>8</v>
      </c>
      <c r="GP12" s="73">
        <v>74</v>
      </c>
      <c r="GQ12" s="74">
        <v>101</v>
      </c>
      <c r="GR12" s="127">
        <v>116</v>
      </c>
      <c r="GS12" s="83">
        <v>76</v>
      </c>
      <c r="GT12" s="84">
        <v>192</v>
      </c>
      <c r="GU12" s="274"/>
      <c r="GV12" s="83">
        <v>174</v>
      </c>
      <c r="GW12" s="83">
        <v>149</v>
      </c>
      <c r="GX12" s="83">
        <v>101</v>
      </c>
      <c r="GY12" s="83">
        <v>66</v>
      </c>
      <c r="GZ12" s="83">
        <v>42</v>
      </c>
      <c r="HA12" s="85">
        <v>532</v>
      </c>
      <c r="HB12" s="86">
        <v>724</v>
      </c>
      <c r="HC12" s="71">
        <v>3</v>
      </c>
      <c r="HD12" s="72">
        <v>3</v>
      </c>
      <c r="HE12" s="73">
        <v>6</v>
      </c>
      <c r="HF12" s="277"/>
      <c r="HG12" s="72">
        <v>1</v>
      </c>
      <c r="HH12" s="72">
        <v>1</v>
      </c>
      <c r="HI12" s="72">
        <v>1</v>
      </c>
      <c r="HJ12" s="72">
        <v>2</v>
      </c>
      <c r="HK12" s="72">
        <v>1</v>
      </c>
      <c r="HL12" s="73">
        <v>6</v>
      </c>
      <c r="HM12" s="74">
        <v>12</v>
      </c>
      <c r="HN12" s="71">
        <v>6</v>
      </c>
      <c r="HO12" s="72">
        <v>6</v>
      </c>
      <c r="HP12" s="73">
        <v>12</v>
      </c>
      <c r="HQ12" s="277"/>
      <c r="HR12" s="72">
        <v>6</v>
      </c>
      <c r="HS12" s="72">
        <v>11</v>
      </c>
      <c r="HT12" s="72">
        <v>4</v>
      </c>
      <c r="HU12" s="72">
        <v>7</v>
      </c>
      <c r="HV12" s="72">
        <v>0</v>
      </c>
      <c r="HW12" s="73">
        <v>28</v>
      </c>
      <c r="HX12" s="74">
        <v>40</v>
      </c>
      <c r="HY12" s="71">
        <v>10</v>
      </c>
      <c r="HZ12" s="72">
        <v>6</v>
      </c>
      <c r="IA12" s="73">
        <v>16</v>
      </c>
      <c r="IB12" s="277"/>
      <c r="IC12" s="72">
        <v>12</v>
      </c>
      <c r="ID12" s="72">
        <v>15</v>
      </c>
      <c r="IE12" s="72">
        <v>6</v>
      </c>
      <c r="IF12" s="72">
        <v>4</v>
      </c>
      <c r="IG12" s="72">
        <v>7</v>
      </c>
      <c r="IH12" s="73">
        <v>44</v>
      </c>
      <c r="II12" s="74">
        <v>60</v>
      </c>
      <c r="IJ12" s="71">
        <v>29</v>
      </c>
      <c r="IK12" s="72">
        <v>8</v>
      </c>
      <c r="IL12" s="73">
        <v>37</v>
      </c>
      <c r="IM12" s="277"/>
      <c r="IN12" s="72">
        <v>29</v>
      </c>
      <c r="IO12" s="72">
        <v>27</v>
      </c>
      <c r="IP12" s="72">
        <v>12</v>
      </c>
      <c r="IQ12" s="72">
        <v>18</v>
      </c>
      <c r="IR12" s="72">
        <v>9</v>
      </c>
      <c r="IS12" s="73">
        <v>95</v>
      </c>
      <c r="IT12" s="74">
        <v>132</v>
      </c>
      <c r="IU12" s="71">
        <v>30</v>
      </c>
      <c r="IV12" s="72">
        <v>27</v>
      </c>
      <c r="IW12" s="73">
        <v>57</v>
      </c>
      <c r="IX12" s="277"/>
      <c r="IY12" s="72">
        <v>61</v>
      </c>
      <c r="IZ12" s="72">
        <v>42</v>
      </c>
      <c r="JA12" s="72">
        <v>28</v>
      </c>
      <c r="JB12" s="72">
        <v>16</v>
      </c>
      <c r="JC12" s="72">
        <v>8</v>
      </c>
      <c r="JD12" s="73">
        <v>155</v>
      </c>
      <c r="JE12" s="74">
        <v>212</v>
      </c>
      <c r="JF12" s="71">
        <v>38</v>
      </c>
      <c r="JG12" s="72">
        <v>26</v>
      </c>
      <c r="JH12" s="73">
        <v>64</v>
      </c>
      <c r="JI12" s="277"/>
      <c r="JJ12" s="72">
        <v>65</v>
      </c>
      <c r="JK12" s="72">
        <v>53</v>
      </c>
      <c r="JL12" s="72">
        <v>50</v>
      </c>
      <c r="JM12" s="72">
        <v>19</v>
      </c>
      <c r="JN12" s="72">
        <v>17</v>
      </c>
      <c r="JO12" s="73">
        <v>204</v>
      </c>
      <c r="JP12" s="74">
        <v>268</v>
      </c>
      <c r="JQ12" s="71">
        <v>0</v>
      </c>
      <c r="JR12" s="72">
        <v>0</v>
      </c>
      <c r="JS12" s="73">
        <v>0</v>
      </c>
      <c r="JT12" s="277"/>
      <c r="JU12" s="72">
        <v>0</v>
      </c>
      <c r="JV12" s="72">
        <v>0</v>
      </c>
      <c r="JW12" s="72">
        <v>0</v>
      </c>
      <c r="JX12" s="72">
        <v>0</v>
      </c>
      <c r="JY12" s="72">
        <v>0</v>
      </c>
      <c r="JZ12" s="73">
        <v>0</v>
      </c>
      <c r="KA12" s="74">
        <v>0</v>
      </c>
      <c r="KB12" s="71">
        <v>116</v>
      </c>
      <c r="KC12" s="72">
        <v>76</v>
      </c>
      <c r="KD12" s="73">
        <v>192</v>
      </c>
      <c r="KE12" s="277"/>
      <c r="KF12" s="72">
        <v>174</v>
      </c>
      <c r="KG12" s="72">
        <v>149</v>
      </c>
      <c r="KH12" s="72">
        <v>101</v>
      </c>
      <c r="KI12" s="72">
        <v>66</v>
      </c>
      <c r="KJ12" s="72">
        <v>42</v>
      </c>
      <c r="KK12" s="73">
        <v>532</v>
      </c>
      <c r="KL12" s="74">
        <v>724</v>
      </c>
    </row>
    <row r="13" spans="1:298" ht="19.5" customHeight="1" x14ac:dyDescent="0.2">
      <c r="A13" s="130" t="s">
        <v>9</v>
      </c>
      <c r="B13" s="347">
        <v>160</v>
      </c>
      <c r="C13" s="83">
        <v>123</v>
      </c>
      <c r="D13" s="84">
        <v>283</v>
      </c>
      <c r="E13" s="274"/>
      <c r="F13" s="83">
        <v>221</v>
      </c>
      <c r="G13" s="83">
        <v>158</v>
      </c>
      <c r="H13" s="83">
        <v>119</v>
      </c>
      <c r="I13" s="83">
        <v>110</v>
      </c>
      <c r="J13" s="83">
        <v>46</v>
      </c>
      <c r="K13" s="85">
        <v>654</v>
      </c>
      <c r="L13" s="86">
        <v>937</v>
      </c>
      <c r="M13" s="71">
        <v>2</v>
      </c>
      <c r="N13" s="72">
        <v>1</v>
      </c>
      <c r="O13" s="73">
        <v>3</v>
      </c>
      <c r="P13" s="274"/>
      <c r="Q13" s="72">
        <v>0</v>
      </c>
      <c r="R13" s="72">
        <v>0</v>
      </c>
      <c r="S13" s="72">
        <v>0</v>
      </c>
      <c r="T13" s="72">
        <v>0</v>
      </c>
      <c r="U13" s="72">
        <v>0</v>
      </c>
      <c r="V13" s="73">
        <v>0</v>
      </c>
      <c r="W13" s="74">
        <v>3</v>
      </c>
      <c r="X13" s="71">
        <v>6</v>
      </c>
      <c r="Y13" s="72">
        <v>3</v>
      </c>
      <c r="Z13" s="73">
        <v>9</v>
      </c>
      <c r="AA13" s="277"/>
      <c r="AB13" s="72">
        <v>6</v>
      </c>
      <c r="AC13" s="72">
        <v>5</v>
      </c>
      <c r="AD13" s="72">
        <v>2</v>
      </c>
      <c r="AE13" s="72">
        <v>4</v>
      </c>
      <c r="AF13" s="72">
        <v>0</v>
      </c>
      <c r="AG13" s="73">
        <v>17</v>
      </c>
      <c r="AH13" s="74">
        <v>26</v>
      </c>
      <c r="AI13" s="71">
        <v>9</v>
      </c>
      <c r="AJ13" s="72">
        <v>4</v>
      </c>
      <c r="AK13" s="73">
        <v>13</v>
      </c>
      <c r="AL13" s="277"/>
      <c r="AM13" s="72">
        <v>12</v>
      </c>
      <c r="AN13" s="72">
        <v>6</v>
      </c>
      <c r="AO13" s="72">
        <v>7</v>
      </c>
      <c r="AP13" s="72">
        <v>3</v>
      </c>
      <c r="AQ13" s="72">
        <v>4</v>
      </c>
      <c r="AR13" s="73">
        <v>32</v>
      </c>
      <c r="AS13" s="74">
        <v>45</v>
      </c>
      <c r="AT13" s="71">
        <v>27</v>
      </c>
      <c r="AU13" s="72">
        <v>30</v>
      </c>
      <c r="AV13" s="73">
        <v>57</v>
      </c>
      <c r="AW13" s="277"/>
      <c r="AX13" s="72">
        <v>33</v>
      </c>
      <c r="AY13" s="72">
        <v>29</v>
      </c>
      <c r="AZ13" s="72">
        <v>14</v>
      </c>
      <c r="BA13" s="72">
        <v>12</v>
      </c>
      <c r="BB13" s="72">
        <v>8</v>
      </c>
      <c r="BC13" s="73">
        <v>96</v>
      </c>
      <c r="BD13" s="74">
        <v>153</v>
      </c>
      <c r="BE13" s="71">
        <v>68</v>
      </c>
      <c r="BF13" s="72">
        <v>35</v>
      </c>
      <c r="BG13" s="73">
        <v>103</v>
      </c>
      <c r="BH13" s="277"/>
      <c r="BI13" s="72">
        <v>87</v>
      </c>
      <c r="BJ13" s="72">
        <v>49</v>
      </c>
      <c r="BK13" s="72">
        <v>41</v>
      </c>
      <c r="BL13" s="72">
        <v>46</v>
      </c>
      <c r="BM13" s="72">
        <v>13</v>
      </c>
      <c r="BN13" s="73">
        <v>236</v>
      </c>
      <c r="BO13" s="74">
        <v>339</v>
      </c>
      <c r="BP13" s="71">
        <v>48</v>
      </c>
      <c r="BQ13" s="72">
        <v>50</v>
      </c>
      <c r="BR13" s="73">
        <v>98</v>
      </c>
      <c r="BS13" s="277"/>
      <c r="BT13" s="72">
        <v>83</v>
      </c>
      <c r="BU13" s="72">
        <v>69</v>
      </c>
      <c r="BV13" s="72">
        <v>55</v>
      </c>
      <c r="BW13" s="72">
        <v>45</v>
      </c>
      <c r="BX13" s="72">
        <v>21</v>
      </c>
      <c r="BY13" s="73">
        <v>273</v>
      </c>
      <c r="BZ13" s="74">
        <v>371</v>
      </c>
      <c r="CA13" s="71">
        <v>0</v>
      </c>
      <c r="CB13" s="72">
        <v>0</v>
      </c>
      <c r="CC13" s="73">
        <v>0</v>
      </c>
      <c r="CD13" s="277"/>
      <c r="CE13" s="72">
        <v>0</v>
      </c>
      <c r="CF13" s="72">
        <v>0</v>
      </c>
      <c r="CG13" s="72">
        <v>0</v>
      </c>
      <c r="CH13" s="72">
        <v>0</v>
      </c>
      <c r="CI13" s="72">
        <v>0</v>
      </c>
      <c r="CJ13" s="73">
        <v>0</v>
      </c>
      <c r="CK13" s="74">
        <v>0</v>
      </c>
      <c r="CL13" s="71">
        <v>160</v>
      </c>
      <c r="CM13" s="72">
        <v>123</v>
      </c>
      <c r="CN13" s="73">
        <v>283</v>
      </c>
      <c r="CO13" s="277"/>
      <c r="CP13" s="72">
        <v>221</v>
      </c>
      <c r="CQ13" s="72">
        <v>158</v>
      </c>
      <c r="CR13" s="72">
        <v>119</v>
      </c>
      <c r="CS13" s="72">
        <v>110</v>
      </c>
      <c r="CT13" s="72">
        <v>46</v>
      </c>
      <c r="CU13" s="73">
        <v>654</v>
      </c>
      <c r="CV13" s="74">
        <v>937</v>
      </c>
      <c r="CW13" s="127">
        <v>34</v>
      </c>
      <c r="CX13" s="83">
        <v>22</v>
      </c>
      <c r="CY13" s="84">
        <v>56</v>
      </c>
      <c r="CZ13" s="274"/>
      <c r="DA13" s="83">
        <v>37</v>
      </c>
      <c r="DB13" s="83">
        <v>22</v>
      </c>
      <c r="DC13" s="83">
        <v>21</v>
      </c>
      <c r="DD13" s="83">
        <v>9</v>
      </c>
      <c r="DE13" s="83">
        <v>15</v>
      </c>
      <c r="DF13" s="85">
        <v>104</v>
      </c>
      <c r="DG13" s="86">
        <v>160</v>
      </c>
      <c r="DH13" s="71">
        <v>2</v>
      </c>
      <c r="DI13" s="72">
        <v>0</v>
      </c>
      <c r="DJ13" s="73">
        <v>2</v>
      </c>
      <c r="DK13" s="277"/>
      <c r="DL13" s="72">
        <v>0</v>
      </c>
      <c r="DM13" s="72">
        <v>0</v>
      </c>
      <c r="DN13" s="72">
        <v>0</v>
      </c>
      <c r="DO13" s="72">
        <v>0</v>
      </c>
      <c r="DP13" s="72">
        <v>0</v>
      </c>
      <c r="DQ13" s="73">
        <v>0</v>
      </c>
      <c r="DR13" s="74">
        <v>2</v>
      </c>
      <c r="DS13" s="71">
        <v>2</v>
      </c>
      <c r="DT13" s="72">
        <v>3</v>
      </c>
      <c r="DU13" s="73">
        <v>5</v>
      </c>
      <c r="DV13" s="277"/>
      <c r="DW13" s="72">
        <v>0</v>
      </c>
      <c r="DX13" s="72">
        <v>0</v>
      </c>
      <c r="DY13" s="72">
        <v>0</v>
      </c>
      <c r="DZ13" s="72">
        <v>0</v>
      </c>
      <c r="EA13" s="72">
        <v>0</v>
      </c>
      <c r="EB13" s="73">
        <v>0</v>
      </c>
      <c r="EC13" s="74">
        <v>5</v>
      </c>
      <c r="ED13" s="71">
        <v>6</v>
      </c>
      <c r="EE13" s="72">
        <v>3</v>
      </c>
      <c r="EF13" s="73">
        <v>9</v>
      </c>
      <c r="EG13" s="277"/>
      <c r="EH13" s="72">
        <v>4</v>
      </c>
      <c r="EI13" s="72">
        <v>2</v>
      </c>
      <c r="EJ13" s="72">
        <v>4</v>
      </c>
      <c r="EK13" s="72">
        <v>0</v>
      </c>
      <c r="EL13" s="72">
        <v>1</v>
      </c>
      <c r="EM13" s="73">
        <v>11</v>
      </c>
      <c r="EN13" s="74">
        <v>20</v>
      </c>
      <c r="EO13" s="71">
        <v>4</v>
      </c>
      <c r="EP13" s="72">
        <v>6</v>
      </c>
      <c r="EQ13" s="73">
        <v>10</v>
      </c>
      <c r="ER13" s="277"/>
      <c r="ES13" s="72">
        <v>6</v>
      </c>
      <c r="ET13" s="72">
        <v>3</v>
      </c>
      <c r="EU13" s="72">
        <v>0</v>
      </c>
      <c r="EV13" s="72">
        <v>1</v>
      </c>
      <c r="EW13" s="72">
        <v>3</v>
      </c>
      <c r="EX13" s="73">
        <v>13</v>
      </c>
      <c r="EY13" s="74">
        <v>23</v>
      </c>
      <c r="EZ13" s="71">
        <v>10</v>
      </c>
      <c r="FA13" s="72">
        <v>5</v>
      </c>
      <c r="FB13" s="73">
        <v>15</v>
      </c>
      <c r="FC13" s="277"/>
      <c r="FD13" s="72">
        <v>12</v>
      </c>
      <c r="FE13" s="72">
        <v>5</v>
      </c>
      <c r="FF13" s="72">
        <v>6</v>
      </c>
      <c r="FG13" s="72">
        <v>2</v>
      </c>
      <c r="FH13" s="72">
        <v>2</v>
      </c>
      <c r="FI13" s="73">
        <v>27</v>
      </c>
      <c r="FJ13" s="74">
        <v>42</v>
      </c>
      <c r="FK13" s="71">
        <v>10</v>
      </c>
      <c r="FL13" s="72">
        <v>5</v>
      </c>
      <c r="FM13" s="73">
        <v>15</v>
      </c>
      <c r="FN13" s="277"/>
      <c r="FO13" s="72">
        <v>15</v>
      </c>
      <c r="FP13" s="72">
        <v>12</v>
      </c>
      <c r="FQ13" s="72">
        <v>11</v>
      </c>
      <c r="FR13" s="72">
        <v>6</v>
      </c>
      <c r="FS13" s="72">
        <v>9</v>
      </c>
      <c r="FT13" s="73">
        <v>53</v>
      </c>
      <c r="FU13" s="74">
        <v>68</v>
      </c>
      <c r="FV13" s="71">
        <v>0</v>
      </c>
      <c r="FW13" s="72">
        <v>0</v>
      </c>
      <c r="FX13" s="73">
        <v>0</v>
      </c>
      <c r="FY13" s="277"/>
      <c r="FZ13" s="72">
        <v>0</v>
      </c>
      <c r="GA13" s="72">
        <v>0</v>
      </c>
      <c r="GB13" s="72">
        <v>0</v>
      </c>
      <c r="GC13" s="72">
        <v>0</v>
      </c>
      <c r="GD13" s="72">
        <v>0</v>
      </c>
      <c r="GE13" s="73">
        <v>0</v>
      </c>
      <c r="GF13" s="74">
        <v>0</v>
      </c>
      <c r="GG13" s="71">
        <v>34</v>
      </c>
      <c r="GH13" s="72">
        <v>22</v>
      </c>
      <c r="GI13" s="73">
        <v>56</v>
      </c>
      <c r="GJ13" s="277"/>
      <c r="GK13" s="72">
        <v>37</v>
      </c>
      <c r="GL13" s="72">
        <v>22</v>
      </c>
      <c r="GM13" s="72">
        <v>21</v>
      </c>
      <c r="GN13" s="72">
        <v>9</v>
      </c>
      <c r="GO13" s="72">
        <v>15</v>
      </c>
      <c r="GP13" s="73">
        <v>104</v>
      </c>
      <c r="GQ13" s="74">
        <v>160</v>
      </c>
      <c r="GR13" s="127">
        <v>194</v>
      </c>
      <c r="GS13" s="83">
        <v>145</v>
      </c>
      <c r="GT13" s="84">
        <v>339</v>
      </c>
      <c r="GU13" s="274"/>
      <c r="GV13" s="83">
        <v>258</v>
      </c>
      <c r="GW13" s="83">
        <v>180</v>
      </c>
      <c r="GX13" s="83">
        <v>140</v>
      </c>
      <c r="GY13" s="83">
        <v>119</v>
      </c>
      <c r="GZ13" s="83">
        <v>61</v>
      </c>
      <c r="HA13" s="85">
        <v>758</v>
      </c>
      <c r="HB13" s="86">
        <v>1097</v>
      </c>
      <c r="HC13" s="71">
        <v>4</v>
      </c>
      <c r="HD13" s="72">
        <v>1</v>
      </c>
      <c r="HE13" s="73">
        <v>5</v>
      </c>
      <c r="HF13" s="277"/>
      <c r="HG13" s="72">
        <v>0</v>
      </c>
      <c r="HH13" s="72">
        <v>0</v>
      </c>
      <c r="HI13" s="72">
        <v>0</v>
      </c>
      <c r="HJ13" s="72">
        <v>0</v>
      </c>
      <c r="HK13" s="72">
        <v>0</v>
      </c>
      <c r="HL13" s="73">
        <v>0</v>
      </c>
      <c r="HM13" s="74">
        <v>5</v>
      </c>
      <c r="HN13" s="71">
        <v>8</v>
      </c>
      <c r="HO13" s="72">
        <v>6</v>
      </c>
      <c r="HP13" s="73">
        <v>14</v>
      </c>
      <c r="HQ13" s="277"/>
      <c r="HR13" s="72">
        <v>6</v>
      </c>
      <c r="HS13" s="72">
        <v>5</v>
      </c>
      <c r="HT13" s="72">
        <v>2</v>
      </c>
      <c r="HU13" s="72">
        <v>4</v>
      </c>
      <c r="HV13" s="72">
        <v>0</v>
      </c>
      <c r="HW13" s="73">
        <v>17</v>
      </c>
      <c r="HX13" s="74">
        <v>31</v>
      </c>
      <c r="HY13" s="71">
        <v>15</v>
      </c>
      <c r="HZ13" s="72">
        <v>7</v>
      </c>
      <c r="IA13" s="73">
        <v>22</v>
      </c>
      <c r="IB13" s="277"/>
      <c r="IC13" s="72">
        <v>16</v>
      </c>
      <c r="ID13" s="72">
        <v>8</v>
      </c>
      <c r="IE13" s="72">
        <v>11</v>
      </c>
      <c r="IF13" s="72">
        <v>3</v>
      </c>
      <c r="IG13" s="72">
        <v>5</v>
      </c>
      <c r="IH13" s="73">
        <v>43</v>
      </c>
      <c r="II13" s="74">
        <v>65</v>
      </c>
      <c r="IJ13" s="71">
        <v>31</v>
      </c>
      <c r="IK13" s="72">
        <v>36</v>
      </c>
      <c r="IL13" s="73">
        <v>67</v>
      </c>
      <c r="IM13" s="277"/>
      <c r="IN13" s="72">
        <v>39</v>
      </c>
      <c r="IO13" s="72">
        <v>32</v>
      </c>
      <c r="IP13" s="72">
        <v>14</v>
      </c>
      <c r="IQ13" s="72">
        <v>13</v>
      </c>
      <c r="IR13" s="72">
        <v>11</v>
      </c>
      <c r="IS13" s="73">
        <v>109</v>
      </c>
      <c r="IT13" s="74">
        <v>176</v>
      </c>
      <c r="IU13" s="71">
        <v>78</v>
      </c>
      <c r="IV13" s="72">
        <v>40</v>
      </c>
      <c r="IW13" s="73">
        <v>118</v>
      </c>
      <c r="IX13" s="277"/>
      <c r="IY13" s="72">
        <v>99</v>
      </c>
      <c r="IZ13" s="72">
        <v>54</v>
      </c>
      <c r="JA13" s="72">
        <v>47</v>
      </c>
      <c r="JB13" s="72">
        <v>48</v>
      </c>
      <c r="JC13" s="72">
        <v>15</v>
      </c>
      <c r="JD13" s="73">
        <v>263</v>
      </c>
      <c r="JE13" s="74">
        <v>381</v>
      </c>
      <c r="JF13" s="71">
        <v>58</v>
      </c>
      <c r="JG13" s="72">
        <v>55</v>
      </c>
      <c r="JH13" s="73">
        <v>113</v>
      </c>
      <c r="JI13" s="277"/>
      <c r="JJ13" s="72">
        <v>98</v>
      </c>
      <c r="JK13" s="72">
        <v>81</v>
      </c>
      <c r="JL13" s="72">
        <v>66</v>
      </c>
      <c r="JM13" s="72">
        <v>51</v>
      </c>
      <c r="JN13" s="72">
        <v>30</v>
      </c>
      <c r="JO13" s="73">
        <v>326</v>
      </c>
      <c r="JP13" s="74">
        <v>439</v>
      </c>
      <c r="JQ13" s="71">
        <v>0</v>
      </c>
      <c r="JR13" s="72">
        <v>0</v>
      </c>
      <c r="JS13" s="73">
        <v>0</v>
      </c>
      <c r="JT13" s="277"/>
      <c r="JU13" s="72">
        <v>0</v>
      </c>
      <c r="JV13" s="72">
        <v>0</v>
      </c>
      <c r="JW13" s="72">
        <v>0</v>
      </c>
      <c r="JX13" s="72">
        <v>0</v>
      </c>
      <c r="JY13" s="72">
        <v>0</v>
      </c>
      <c r="JZ13" s="73">
        <v>0</v>
      </c>
      <c r="KA13" s="74">
        <v>0</v>
      </c>
      <c r="KB13" s="71">
        <v>194</v>
      </c>
      <c r="KC13" s="72">
        <v>145</v>
      </c>
      <c r="KD13" s="73">
        <v>339</v>
      </c>
      <c r="KE13" s="277"/>
      <c r="KF13" s="72">
        <v>258</v>
      </c>
      <c r="KG13" s="72">
        <v>180</v>
      </c>
      <c r="KH13" s="72">
        <v>140</v>
      </c>
      <c r="KI13" s="72">
        <v>119</v>
      </c>
      <c r="KJ13" s="72">
        <v>61</v>
      </c>
      <c r="KK13" s="73">
        <v>758</v>
      </c>
      <c r="KL13" s="74">
        <v>1097</v>
      </c>
    </row>
    <row r="14" spans="1:298" ht="19.5" customHeight="1" x14ac:dyDescent="0.2">
      <c r="A14" s="130" t="s">
        <v>10</v>
      </c>
      <c r="B14" s="347">
        <v>338</v>
      </c>
      <c r="C14" s="83">
        <v>238</v>
      </c>
      <c r="D14" s="84">
        <v>576</v>
      </c>
      <c r="E14" s="274"/>
      <c r="F14" s="83">
        <v>339</v>
      </c>
      <c r="G14" s="83">
        <v>194</v>
      </c>
      <c r="H14" s="83">
        <v>141</v>
      </c>
      <c r="I14" s="83">
        <v>118</v>
      </c>
      <c r="J14" s="83">
        <v>75</v>
      </c>
      <c r="K14" s="85">
        <v>867</v>
      </c>
      <c r="L14" s="86">
        <v>1443</v>
      </c>
      <c r="M14" s="71">
        <v>5</v>
      </c>
      <c r="N14" s="72">
        <v>0</v>
      </c>
      <c r="O14" s="73">
        <v>5</v>
      </c>
      <c r="P14" s="274"/>
      <c r="Q14" s="72">
        <v>7</v>
      </c>
      <c r="R14" s="72">
        <v>4</v>
      </c>
      <c r="S14" s="72">
        <v>0</v>
      </c>
      <c r="T14" s="72">
        <v>2</v>
      </c>
      <c r="U14" s="72">
        <v>3</v>
      </c>
      <c r="V14" s="73">
        <v>16</v>
      </c>
      <c r="W14" s="74">
        <v>21</v>
      </c>
      <c r="X14" s="71">
        <v>9</v>
      </c>
      <c r="Y14" s="72">
        <v>15</v>
      </c>
      <c r="Z14" s="73">
        <v>24</v>
      </c>
      <c r="AA14" s="277"/>
      <c r="AB14" s="72">
        <v>12</v>
      </c>
      <c r="AC14" s="72">
        <v>12</v>
      </c>
      <c r="AD14" s="72">
        <v>3</v>
      </c>
      <c r="AE14" s="72">
        <v>3</v>
      </c>
      <c r="AF14" s="72">
        <v>4</v>
      </c>
      <c r="AG14" s="73">
        <v>34</v>
      </c>
      <c r="AH14" s="74">
        <v>58</v>
      </c>
      <c r="AI14" s="71">
        <v>23</v>
      </c>
      <c r="AJ14" s="72">
        <v>21</v>
      </c>
      <c r="AK14" s="73">
        <v>44</v>
      </c>
      <c r="AL14" s="277"/>
      <c r="AM14" s="72">
        <v>19</v>
      </c>
      <c r="AN14" s="72">
        <v>18</v>
      </c>
      <c r="AO14" s="72">
        <v>15</v>
      </c>
      <c r="AP14" s="72">
        <v>5</v>
      </c>
      <c r="AQ14" s="72">
        <v>8</v>
      </c>
      <c r="AR14" s="73">
        <v>65</v>
      </c>
      <c r="AS14" s="74">
        <v>109</v>
      </c>
      <c r="AT14" s="71">
        <v>72</v>
      </c>
      <c r="AU14" s="72">
        <v>53</v>
      </c>
      <c r="AV14" s="73">
        <v>125</v>
      </c>
      <c r="AW14" s="277"/>
      <c r="AX14" s="72">
        <v>63</v>
      </c>
      <c r="AY14" s="72">
        <v>33</v>
      </c>
      <c r="AZ14" s="72">
        <v>26</v>
      </c>
      <c r="BA14" s="72">
        <v>17</v>
      </c>
      <c r="BB14" s="72">
        <v>16</v>
      </c>
      <c r="BC14" s="73">
        <v>155</v>
      </c>
      <c r="BD14" s="74">
        <v>280</v>
      </c>
      <c r="BE14" s="71">
        <v>121</v>
      </c>
      <c r="BF14" s="72">
        <v>81</v>
      </c>
      <c r="BG14" s="73">
        <v>202</v>
      </c>
      <c r="BH14" s="277"/>
      <c r="BI14" s="72">
        <v>106</v>
      </c>
      <c r="BJ14" s="72">
        <v>55</v>
      </c>
      <c r="BK14" s="72">
        <v>42</v>
      </c>
      <c r="BL14" s="72">
        <v>45</v>
      </c>
      <c r="BM14" s="72">
        <v>17</v>
      </c>
      <c r="BN14" s="73">
        <v>265</v>
      </c>
      <c r="BO14" s="74">
        <v>467</v>
      </c>
      <c r="BP14" s="71">
        <v>108</v>
      </c>
      <c r="BQ14" s="72">
        <v>68</v>
      </c>
      <c r="BR14" s="73">
        <v>176</v>
      </c>
      <c r="BS14" s="277"/>
      <c r="BT14" s="72">
        <v>132</v>
      </c>
      <c r="BU14" s="72">
        <v>72</v>
      </c>
      <c r="BV14" s="72">
        <v>55</v>
      </c>
      <c r="BW14" s="72">
        <v>46</v>
      </c>
      <c r="BX14" s="72">
        <v>27</v>
      </c>
      <c r="BY14" s="73">
        <v>332</v>
      </c>
      <c r="BZ14" s="74">
        <v>508</v>
      </c>
      <c r="CA14" s="71">
        <v>0</v>
      </c>
      <c r="CB14" s="72">
        <v>0</v>
      </c>
      <c r="CC14" s="73">
        <v>0</v>
      </c>
      <c r="CD14" s="277"/>
      <c r="CE14" s="72">
        <v>0</v>
      </c>
      <c r="CF14" s="72">
        <v>0</v>
      </c>
      <c r="CG14" s="72">
        <v>0</v>
      </c>
      <c r="CH14" s="72">
        <v>0</v>
      </c>
      <c r="CI14" s="72">
        <v>0</v>
      </c>
      <c r="CJ14" s="73">
        <v>0</v>
      </c>
      <c r="CK14" s="74">
        <v>0</v>
      </c>
      <c r="CL14" s="71">
        <v>338</v>
      </c>
      <c r="CM14" s="72">
        <v>238</v>
      </c>
      <c r="CN14" s="73">
        <v>576</v>
      </c>
      <c r="CO14" s="277"/>
      <c r="CP14" s="72">
        <v>339</v>
      </c>
      <c r="CQ14" s="72">
        <v>194</v>
      </c>
      <c r="CR14" s="72">
        <v>141</v>
      </c>
      <c r="CS14" s="72">
        <v>118</v>
      </c>
      <c r="CT14" s="72">
        <v>75</v>
      </c>
      <c r="CU14" s="73">
        <v>867</v>
      </c>
      <c r="CV14" s="74">
        <v>1443</v>
      </c>
      <c r="CW14" s="127">
        <v>37</v>
      </c>
      <c r="CX14" s="83">
        <v>30</v>
      </c>
      <c r="CY14" s="84">
        <v>67</v>
      </c>
      <c r="CZ14" s="274"/>
      <c r="DA14" s="83">
        <v>51</v>
      </c>
      <c r="DB14" s="83">
        <v>22</v>
      </c>
      <c r="DC14" s="83">
        <v>22</v>
      </c>
      <c r="DD14" s="83">
        <v>18</v>
      </c>
      <c r="DE14" s="83">
        <v>16</v>
      </c>
      <c r="DF14" s="85">
        <v>129</v>
      </c>
      <c r="DG14" s="86">
        <v>196</v>
      </c>
      <c r="DH14" s="71">
        <v>0</v>
      </c>
      <c r="DI14" s="72">
        <v>1</v>
      </c>
      <c r="DJ14" s="73">
        <v>1</v>
      </c>
      <c r="DK14" s="277"/>
      <c r="DL14" s="72">
        <v>1</v>
      </c>
      <c r="DM14" s="72">
        <v>0</v>
      </c>
      <c r="DN14" s="72">
        <v>0</v>
      </c>
      <c r="DO14" s="72">
        <v>0</v>
      </c>
      <c r="DP14" s="72">
        <v>0</v>
      </c>
      <c r="DQ14" s="73">
        <v>1</v>
      </c>
      <c r="DR14" s="74">
        <v>2</v>
      </c>
      <c r="DS14" s="71">
        <v>2</v>
      </c>
      <c r="DT14" s="72">
        <v>2</v>
      </c>
      <c r="DU14" s="73">
        <v>4</v>
      </c>
      <c r="DV14" s="277"/>
      <c r="DW14" s="72">
        <v>2</v>
      </c>
      <c r="DX14" s="72">
        <v>2</v>
      </c>
      <c r="DY14" s="72">
        <v>0</v>
      </c>
      <c r="DZ14" s="72">
        <v>0</v>
      </c>
      <c r="EA14" s="72">
        <v>1</v>
      </c>
      <c r="EB14" s="73">
        <v>5</v>
      </c>
      <c r="EC14" s="74">
        <v>9</v>
      </c>
      <c r="ED14" s="71">
        <v>4</v>
      </c>
      <c r="EE14" s="72">
        <v>6</v>
      </c>
      <c r="EF14" s="73">
        <v>10</v>
      </c>
      <c r="EG14" s="277"/>
      <c r="EH14" s="72">
        <v>3</v>
      </c>
      <c r="EI14" s="72">
        <v>1</v>
      </c>
      <c r="EJ14" s="72">
        <v>0</v>
      </c>
      <c r="EK14" s="72">
        <v>0</v>
      </c>
      <c r="EL14" s="72">
        <v>0</v>
      </c>
      <c r="EM14" s="73">
        <v>4</v>
      </c>
      <c r="EN14" s="74">
        <v>14</v>
      </c>
      <c r="EO14" s="71">
        <v>11</v>
      </c>
      <c r="EP14" s="72">
        <v>6</v>
      </c>
      <c r="EQ14" s="73">
        <v>17</v>
      </c>
      <c r="ER14" s="277"/>
      <c r="ES14" s="72">
        <v>6</v>
      </c>
      <c r="ET14" s="72">
        <v>0</v>
      </c>
      <c r="EU14" s="72">
        <v>6</v>
      </c>
      <c r="EV14" s="72">
        <v>1</v>
      </c>
      <c r="EW14" s="72">
        <v>1</v>
      </c>
      <c r="EX14" s="73">
        <v>14</v>
      </c>
      <c r="EY14" s="74">
        <v>31</v>
      </c>
      <c r="EZ14" s="71">
        <v>11</v>
      </c>
      <c r="FA14" s="72">
        <v>7</v>
      </c>
      <c r="FB14" s="73">
        <v>18</v>
      </c>
      <c r="FC14" s="277"/>
      <c r="FD14" s="72">
        <v>15</v>
      </c>
      <c r="FE14" s="72">
        <v>6</v>
      </c>
      <c r="FF14" s="72">
        <v>5</v>
      </c>
      <c r="FG14" s="72">
        <v>7</v>
      </c>
      <c r="FH14" s="72">
        <v>4</v>
      </c>
      <c r="FI14" s="73">
        <v>37</v>
      </c>
      <c r="FJ14" s="74">
        <v>55</v>
      </c>
      <c r="FK14" s="71">
        <v>9</v>
      </c>
      <c r="FL14" s="72">
        <v>8</v>
      </c>
      <c r="FM14" s="73">
        <v>17</v>
      </c>
      <c r="FN14" s="277"/>
      <c r="FO14" s="72">
        <v>24</v>
      </c>
      <c r="FP14" s="72">
        <v>13</v>
      </c>
      <c r="FQ14" s="72">
        <v>11</v>
      </c>
      <c r="FR14" s="72">
        <v>10</v>
      </c>
      <c r="FS14" s="72">
        <v>10</v>
      </c>
      <c r="FT14" s="73">
        <v>68</v>
      </c>
      <c r="FU14" s="74">
        <v>85</v>
      </c>
      <c r="FV14" s="71">
        <v>0</v>
      </c>
      <c r="FW14" s="72">
        <v>0</v>
      </c>
      <c r="FX14" s="73">
        <v>0</v>
      </c>
      <c r="FY14" s="277"/>
      <c r="FZ14" s="72">
        <v>0</v>
      </c>
      <c r="GA14" s="72">
        <v>0</v>
      </c>
      <c r="GB14" s="72">
        <v>0</v>
      </c>
      <c r="GC14" s="72">
        <v>0</v>
      </c>
      <c r="GD14" s="72">
        <v>0</v>
      </c>
      <c r="GE14" s="73">
        <v>0</v>
      </c>
      <c r="GF14" s="74">
        <v>0</v>
      </c>
      <c r="GG14" s="71">
        <v>37</v>
      </c>
      <c r="GH14" s="72">
        <v>30</v>
      </c>
      <c r="GI14" s="73">
        <v>67</v>
      </c>
      <c r="GJ14" s="277"/>
      <c r="GK14" s="72">
        <v>51</v>
      </c>
      <c r="GL14" s="72">
        <v>22</v>
      </c>
      <c r="GM14" s="72">
        <v>22</v>
      </c>
      <c r="GN14" s="72">
        <v>18</v>
      </c>
      <c r="GO14" s="72">
        <v>16</v>
      </c>
      <c r="GP14" s="73">
        <v>129</v>
      </c>
      <c r="GQ14" s="74">
        <v>196</v>
      </c>
      <c r="GR14" s="127">
        <v>375</v>
      </c>
      <c r="GS14" s="83">
        <v>268</v>
      </c>
      <c r="GT14" s="84">
        <v>643</v>
      </c>
      <c r="GU14" s="274"/>
      <c r="GV14" s="83">
        <v>390</v>
      </c>
      <c r="GW14" s="83">
        <v>216</v>
      </c>
      <c r="GX14" s="83">
        <v>163</v>
      </c>
      <c r="GY14" s="83">
        <v>136</v>
      </c>
      <c r="GZ14" s="83">
        <v>91</v>
      </c>
      <c r="HA14" s="85">
        <v>996</v>
      </c>
      <c r="HB14" s="86">
        <v>1639</v>
      </c>
      <c r="HC14" s="71">
        <v>5</v>
      </c>
      <c r="HD14" s="72">
        <v>1</v>
      </c>
      <c r="HE14" s="73">
        <v>6</v>
      </c>
      <c r="HF14" s="277"/>
      <c r="HG14" s="72">
        <v>8</v>
      </c>
      <c r="HH14" s="72">
        <v>4</v>
      </c>
      <c r="HI14" s="72">
        <v>0</v>
      </c>
      <c r="HJ14" s="72">
        <v>2</v>
      </c>
      <c r="HK14" s="72">
        <v>3</v>
      </c>
      <c r="HL14" s="73">
        <v>17</v>
      </c>
      <c r="HM14" s="74">
        <v>23</v>
      </c>
      <c r="HN14" s="71">
        <v>11</v>
      </c>
      <c r="HO14" s="72">
        <v>17</v>
      </c>
      <c r="HP14" s="73">
        <v>28</v>
      </c>
      <c r="HQ14" s="277"/>
      <c r="HR14" s="72">
        <v>14</v>
      </c>
      <c r="HS14" s="72">
        <v>14</v>
      </c>
      <c r="HT14" s="72">
        <v>3</v>
      </c>
      <c r="HU14" s="72">
        <v>3</v>
      </c>
      <c r="HV14" s="72">
        <v>5</v>
      </c>
      <c r="HW14" s="73">
        <v>39</v>
      </c>
      <c r="HX14" s="74">
        <v>67</v>
      </c>
      <c r="HY14" s="71">
        <v>27</v>
      </c>
      <c r="HZ14" s="72">
        <v>27</v>
      </c>
      <c r="IA14" s="73">
        <v>54</v>
      </c>
      <c r="IB14" s="277"/>
      <c r="IC14" s="72">
        <v>22</v>
      </c>
      <c r="ID14" s="72">
        <v>19</v>
      </c>
      <c r="IE14" s="72">
        <v>15</v>
      </c>
      <c r="IF14" s="72">
        <v>5</v>
      </c>
      <c r="IG14" s="72">
        <v>8</v>
      </c>
      <c r="IH14" s="73">
        <v>69</v>
      </c>
      <c r="II14" s="74">
        <v>123</v>
      </c>
      <c r="IJ14" s="71">
        <v>83</v>
      </c>
      <c r="IK14" s="72">
        <v>59</v>
      </c>
      <c r="IL14" s="73">
        <v>142</v>
      </c>
      <c r="IM14" s="277"/>
      <c r="IN14" s="72">
        <v>69</v>
      </c>
      <c r="IO14" s="72">
        <v>33</v>
      </c>
      <c r="IP14" s="72">
        <v>32</v>
      </c>
      <c r="IQ14" s="72">
        <v>18</v>
      </c>
      <c r="IR14" s="72">
        <v>17</v>
      </c>
      <c r="IS14" s="73">
        <v>169</v>
      </c>
      <c r="IT14" s="74">
        <v>311</v>
      </c>
      <c r="IU14" s="71">
        <v>132</v>
      </c>
      <c r="IV14" s="72">
        <v>88</v>
      </c>
      <c r="IW14" s="73">
        <v>220</v>
      </c>
      <c r="IX14" s="277"/>
      <c r="IY14" s="72">
        <v>121</v>
      </c>
      <c r="IZ14" s="72">
        <v>61</v>
      </c>
      <c r="JA14" s="72">
        <v>47</v>
      </c>
      <c r="JB14" s="72">
        <v>52</v>
      </c>
      <c r="JC14" s="72">
        <v>21</v>
      </c>
      <c r="JD14" s="73">
        <v>302</v>
      </c>
      <c r="JE14" s="74">
        <v>522</v>
      </c>
      <c r="JF14" s="71">
        <v>117</v>
      </c>
      <c r="JG14" s="72">
        <v>76</v>
      </c>
      <c r="JH14" s="73">
        <v>193</v>
      </c>
      <c r="JI14" s="277"/>
      <c r="JJ14" s="72">
        <v>156</v>
      </c>
      <c r="JK14" s="72">
        <v>85</v>
      </c>
      <c r="JL14" s="72">
        <v>66</v>
      </c>
      <c r="JM14" s="72">
        <v>56</v>
      </c>
      <c r="JN14" s="72">
        <v>37</v>
      </c>
      <c r="JO14" s="73">
        <v>400</v>
      </c>
      <c r="JP14" s="74">
        <v>593</v>
      </c>
      <c r="JQ14" s="71">
        <v>0</v>
      </c>
      <c r="JR14" s="72">
        <v>0</v>
      </c>
      <c r="JS14" s="73">
        <v>0</v>
      </c>
      <c r="JT14" s="277"/>
      <c r="JU14" s="72">
        <v>0</v>
      </c>
      <c r="JV14" s="72">
        <v>0</v>
      </c>
      <c r="JW14" s="72">
        <v>0</v>
      </c>
      <c r="JX14" s="72">
        <v>0</v>
      </c>
      <c r="JY14" s="72">
        <v>0</v>
      </c>
      <c r="JZ14" s="73">
        <v>0</v>
      </c>
      <c r="KA14" s="74">
        <v>0</v>
      </c>
      <c r="KB14" s="71">
        <v>375</v>
      </c>
      <c r="KC14" s="72">
        <v>268</v>
      </c>
      <c r="KD14" s="73">
        <v>643</v>
      </c>
      <c r="KE14" s="277"/>
      <c r="KF14" s="72">
        <v>390</v>
      </c>
      <c r="KG14" s="72">
        <v>216</v>
      </c>
      <c r="KH14" s="72">
        <v>163</v>
      </c>
      <c r="KI14" s="72">
        <v>136</v>
      </c>
      <c r="KJ14" s="72">
        <v>91</v>
      </c>
      <c r="KK14" s="73">
        <v>996</v>
      </c>
      <c r="KL14" s="74">
        <v>1639</v>
      </c>
    </row>
    <row r="15" spans="1:298" ht="19.5" customHeight="1" x14ac:dyDescent="0.2">
      <c r="A15" s="130" t="s">
        <v>11</v>
      </c>
      <c r="B15" s="347">
        <v>77</v>
      </c>
      <c r="C15" s="83">
        <v>51</v>
      </c>
      <c r="D15" s="84">
        <v>128</v>
      </c>
      <c r="E15" s="274"/>
      <c r="F15" s="83">
        <v>154</v>
      </c>
      <c r="G15" s="83">
        <v>83</v>
      </c>
      <c r="H15" s="83">
        <v>64</v>
      </c>
      <c r="I15" s="83">
        <v>58</v>
      </c>
      <c r="J15" s="83">
        <v>26</v>
      </c>
      <c r="K15" s="85">
        <v>385</v>
      </c>
      <c r="L15" s="86">
        <v>513</v>
      </c>
      <c r="M15" s="71">
        <v>3</v>
      </c>
      <c r="N15" s="72">
        <v>0</v>
      </c>
      <c r="O15" s="73">
        <v>3</v>
      </c>
      <c r="P15" s="274"/>
      <c r="Q15" s="72">
        <v>5</v>
      </c>
      <c r="R15" s="72">
        <v>2</v>
      </c>
      <c r="S15" s="72">
        <v>0</v>
      </c>
      <c r="T15" s="72">
        <v>0</v>
      </c>
      <c r="U15" s="72">
        <v>0</v>
      </c>
      <c r="V15" s="73">
        <v>7</v>
      </c>
      <c r="W15" s="74">
        <v>10</v>
      </c>
      <c r="X15" s="71">
        <v>2</v>
      </c>
      <c r="Y15" s="72">
        <v>6</v>
      </c>
      <c r="Z15" s="73">
        <v>8</v>
      </c>
      <c r="AA15" s="277"/>
      <c r="AB15" s="72">
        <v>10</v>
      </c>
      <c r="AC15" s="72">
        <v>2</v>
      </c>
      <c r="AD15" s="72">
        <v>4</v>
      </c>
      <c r="AE15" s="72">
        <v>2</v>
      </c>
      <c r="AF15" s="72">
        <v>3</v>
      </c>
      <c r="AG15" s="73">
        <v>21</v>
      </c>
      <c r="AH15" s="74">
        <v>29</v>
      </c>
      <c r="AI15" s="71">
        <v>7</v>
      </c>
      <c r="AJ15" s="72">
        <v>3</v>
      </c>
      <c r="AK15" s="73">
        <v>10</v>
      </c>
      <c r="AL15" s="277"/>
      <c r="AM15" s="72">
        <v>10</v>
      </c>
      <c r="AN15" s="72">
        <v>7</v>
      </c>
      <c r="AO15" s="72">
        <v>8</v>
      </c>
      <c r="AP15" s="72">
        <v>6</v>
      </c>
      <c r="AQ15" s="72">
        <v>5</v>
      </c>
      <c r="AR15" s="73">
        <v>36</v>
      </c>
      <c r="AS15" s="74">
        <v>46</v>
      </c>
      <c r="AT15" s="71">
        <v>17</v>
      </c>
      <c r="AU15" s="72">
        <v>11</v>
      </c>
      <c r="AV15" s="73">
        <v>28</v>
      </c>
      <c r="AW15" s="277"/>
      <c r="AX15" s="72">
        <v>25</v>
      </c>
      <c r="AY15" s="72">
        <v>17</v>
      </c>
      <c r="AZ15" s="72">
        <v>8</v>
      </c>
      <c r="BA15" s="72">
        <v>7</v>
      </c>
      <c r="BB15" s="72">
        <v>7</v>
      </c>
      <c r="BC15" s="73">
        <v>64</v>
      </c>
      <c r="BD15" s="74">
        <v>92</v>
      </c>
      <c r="BE15" s="71">
        <v>29</v>
      </c>
      <c r="BF15" s="72">
        <v>18</v>
      </c>
      <c r="BG15" s="73">
        <v>47</v>
      </c>
      <c r="BH15" s="277"/>
      <c r="BI15" s="72">
        <v>48</v>
      </c>
      <c r="BJ15" s="72">
        <v>23</v>
      </c>
      <c r="BK15" s="72">
        <v>14</v>
      </c>
      <c r="BL15" s="72">
        <v>17</v>
      </c>
      <c r="BM15" s="72">
        <v>4</v>
      </c>
      <c r="BN15" s="73">
        <v>106</v>
      </c>
      <c r="BO15" s="74">
        <v>153</v>
      </c>
      <c r="BP15" s="71">
        <v>19</v>
      </c>
      <c r="BQ15" s="72">
        <v>13</v>
      </c>
      <c r="BR15" s="73">
        <v>32</v>
      </c>
      <c r="BS15" s="277"/>
      <c r="BT15" s="72">
        <v>56</v>
      </c>
      <c r="BU15" s="72">
        <v>32</v>
      </c>
      <c r="BV15" s="72">
        <v>30</v>
      </c>
      <c r="BW15" s="72">
        <v>26</v>
      </c>
      <c r="BX15" s="72">
        <v>7</v>
      </c>
      <c r="BY15" s="73">
        <v>151</v>
      </c>
      <c r="BZ15" s="74">
        <v>183</v>
      </c>
      <c r="CA15" s="71">
        <v>0</v>
      </c>
      <c r="CB15" s="72">
        <v>0</v>
      </c>
      <c r="CC15" s="73">
        <v>0</v>
      </c>
      <c r="CD15" s="277"/>
      <c r="CE15" s="72">
        <v>0</v>
      </c>
      <c r="CF15" s="72">
        <v>0</v>
      </c>
      <c r="CG15" s="72">
        <v>0</v>
      </c>
      <c r="CH15" s="72">
        <v>0</v>
      </c>
      <c r="CI15" s="72">
        <v>0</v>
      </c>
      <c r="CJ15" s="73">
        <v>0</v>
      </c>
      <c r="CK15" s="74">
        <v>0</v>
      </c>
      <c r="CL15" s="71">
        <v>77</v>
      </c>
      <c r="CM15" s="72">
        <v>51</v>
      </c>
      <c r="CN15" s="73">
        <v>128</v>
      </c>
      <c r="CO15" s="277"/>
      <c r="CP15" s="72">
        <v>154</v>
      </c>
      <c r="CQ15" s="72">
        <v>83</v>
      </c>
      <c r="CR15" s="72">
        <v>64</v>
      </c>
      <c r="CS15" s="72">
        <v>58</v>
      </c>
      <c r="CT15" s="72">
        <v>26</v>
      </c>
      <c r="CU15" s="73">
        <v>385</v>
      </c>
      <c r="CV15" s="74">
        <v>513</v>
      </c>
      <c r="CW15" s="127">
        <v>16</v>
      </c>
      <c r="CX15" s="83">
        <v>12</v>
      </c>
      <c r="CY15" s="84">
        <v>28</v>
      </c>
      <c r="CZ15" s="274"/>
      <c r="DA15" s="83">
        <v>22</v>
      </c>
      <c r="DB15" s="83">
        <v>19</v>
      </c>
      <c r="DC15" s="83">
        <v>14</v>
      </c>
      <c r="DD15" s="83">
        <v>16</v>
      </c>
      <c r="DE15" s="83">
        <v>7</v>
      </c>
      <c r="DF15" s="85">
        <v>78</v>
      </c>
      <c r="DG15" s="86">
        <v>106</v>
      </c>
      <c r="DH15" s="71">
        <v>1</v>
      </c>
      <c r="DI15" s="72">
        <v>0</v>
      </c>
      <c r="DJ15" s="73">
        <v>1</v>
      </c>
      <c r="DK15" s="277"/>
      <c r="DL15" s="72">
        <v>1</v>
      </c>
      <c r="DM15" s="72">
        <v>0</v>
      </c>
      <c r="DN15" s="72">
        <v>1</v>
      </c>
      <c r="DO15" s="72">
        <v>0</v>
      </c>
      <c r="DP15" s="72">
        <v>0</v>
      </c>
      <c r="DQ15" s="73">
        <v>2</v>
      </c>
      <c r="DR15" s="74">
        <v>3</v>
      </c>
      <c r="DS15" s="71">
        <v>1</v>
      </c>
      <c r="DT15" s="72">
        <v>1</v>
      </c>
      <c r="DU15" s="73">
        <v>2</v>
      </c>
      <c r="DV15" s="277"/>
      <c r="DW15" s="72">
        <v>1</v>
      </c>
      <c r="DX15" s="72">
        <v>0</v>
      </c>
      <c r="DY15" s="72">
        <v>0</v>
      </c>
      <c r="DZ15" s="72">
        <v>0</v>
      </c>
      <c r="EA15" s="72">
        <v>1</v>
      </c>
      <c r="EB15" s="73">
        <v>2</v>
      </c>
      <c r="EC15" s="74">
        <v>4</v>
      </c>
      <c r="ED15" s="71">
        <v>0</v>
      </c>
      <c r="EE15" s="72">
        <v>0</v>
      </c>
      <c r="EF15" s="73">
        <v>0</v>
      </c>
      <c r="EG15" s="277"/>
      <c r="EH15" s="72">
        <v>0</v>
      </c>
      <c r="EI15" s="72">
        <v>1</v>
      </c>
      <c r="EJ15" s="72">
        <v>1</v>
      </c>
      <c r="EK15" s="72">
        <v>0</v>
      </c>
      <c r="EL15" s="72">
        <v>0</v>
      </c>
      <c r="EM15" s="73">
        <v>2</v>
      </c>
      <c r="EN15" s="74">
        <v>2</v>
      </c>
      <c r="EO15" s="71">
        <v>5</v>
      </c>
      <c r="EP15" s="72">
        <v>2</v>
      </c>
      <c r="EQ15" s="73">
        <v>7</v>
      </c>
      <c r="ER15" s="277"/>
      <c r="ES15" s="72">
        <v>4</v>
      </c>
      <c r="ET15" s="72">
        <v>3</v>
      </c>
      <c r="EU15" s="72">
        <v>0</v>
      </c>
      <c r="EV15" s="72">
        <v>2</v>
      </c>
      <c r="EW15" s="72">
        <v>0</v>
      </c>
      <c r="EX15" s="73">
        <v>9</v>
      </c>
      <c r="EY15" s="74">
        <v>16</v>
      </c>
      <c r="EZ15" s="71">
        <v>6</v>
      </c>
      <c r="FA15" s="72">
        <v>8</v>
      </c>
      <c r="FB15" s="73">
        <v>14</v>
      </c>
      <c r="FC15" s="277"/>
      <c r="FD15" s="72">
        <v>11</v>
      </c>
      <c r="FE15" s="72">
        <v>7</v>
      </c>
      <c r="FF15" s="72">
        <v>3</v>
      </c>
      <c r="FG15" s="72">
        <v>4</v>
      </c>
      <c r="FH15" s="72">
        <v>3</v>
      </c>
      <c r="FI15" s="73">
        <v>28</v>
      </c>
      <c r="FJ15" s="74">
        <v>42</v>
      </c>
      <c r="FK15" s="71">
        <v>3</v>
      </c>
      <c r="FL15" s="72">
        <v>1</v>
      </c>
      <c r="FM15" s="73">
        <v>4</v>
      </c>
      <c r="FN15" s="277"/>
      <c r="FO15" s="72">
        <v>5</v>
      </c>
      <c r="FP15" s="72">
        <v>8</v>
      </c>
      <c r="FQ15" s="72">
        <v>9</v>
      </c>
      <c r="FR15" s="72">
        <v>10</v>
      </c>
      <c r="FS15" s="72">
        <v>3</v>
      </c>
      <c r="FT15" s="73">
        <v>35</v>
      </c>
      <c r="FU15" s="74">
        <v>39</v>
      </c>
      <c r="FV15" s="71">
        <v>0</v>
      </c>
      <c r="FW15" s="72">
        <v>0</v>
      </c>
      <c r="FX15" s="73">
        <v>0</v>
      </c>
      <c r="FY15" s="277"/>
      <c r="FZ15" s="72">
        <v>0</v>
      </c>
      <c r="GA15" s="72">
        <v>0</v>
      </c>
      <c r="GB15" s="72">
        <v>0</v>
      </c>
      <c r="GC15" s="72">
        <v>0</v>
      </c>
      <c r="GD15" s="72">
        <v>0</v>
      </c>
      <c r="GE15" s="73">
        <v>0</v>
      </c>
      <c r="GF15" s="74">
        <v>0</v>
      </c>
      <c r="GG15" s="71">
        <v>16</v>
      </c>
      <c r="GH15" s="72">
        <v>12</v>
      </c>
      <c r="GI15" s="73">
        <v>28</v>
      </c>
      <c r="GJ15" s="277"/>
      <c r="GK15" s="72">
        <v>22</v>
      </c>
      <c r="GL15" s="72">
        <v>19</v>
      </c>
      <c r="GM15" s="72">
        <v>14</v>
      </c>
      <c r="GN15" s="72">
        <v>16</v>
      </c>
      <c r="GO15" s="72">
        <v>7</v>
      </c>
      <c r="GP15" s="73">
        <v>78</v>
      </c>
      <c r="GQ15" s="74">
        <v>106</v>
      </c>
      <c r="GR15" s="127">
        <v>93</v>
      </c>
      <c r="GS15" s="83">
        <v>63</v>
      </c>
      <c r="GT15" s="84">
        <v>156</v>
      </c>
      <c r="GU15" s="274"/>
      <c r="GV15" s="83">
        <v>176</v>
      </c>
      <c r="GW15" s="83">
        <v>102</v>
      </c>
      <c r="GX15" s="83">
        <v>78</v>
      </c>
      <c r="GY15" s="83">
        <v>74</v>
      </c>
      <c r="GZ15" s="83">
        <v>33</v>
      </c>
      <c r="HA15" s="85">
        <v>463</v>
      </c>
      <c r="HB15" s="86">
        <v>619</v>
      </c>
      <c r="HC15" s="71">
        <v>4</v>
      </c>
      <c r="HD15" s="72">
        <v>0</v>
      </c>
      <c r="HE15" s="73">
        <v>4</v>
      </c>
      <c r="HF15" s="277"/>
      <c r="HG15" s="72">
        <v>6</v>
      </c>
      <c r="HH15" s="72">
        <v>2</v>
      </c>
      <c r="HI15" s="72">
        <v>1</v>
      </c>
      <c r="HJ15" s="72">
        <v>0</v>
      </c>
      <c r="HK15" s="72">
        <v>0</v>
      </c>
      <c r="HL15" s="73">
        <v>9</v>
      </c>
      <c r="HM15" s="74">
        <v>13</v>
      </c>
      <c r="HN15" s="71">
        <v>3</v>
      </c>
      <c r="HO15" s="72">
        <v>7</v>
      </c>
      <c r="HP15" s="73">
        <v>10</v>
      </c>
      <c r="HQ15" s="277"/>
      <c r="HR15" s="72">
        <v>11</v>
      </c>
      <c r="HS15" s="72">
        <v>2</v>
      </c>
      <c r="HT15" s="72">
        <v>4</v>
      </c>
      <c r="HU15" s="72">
        <v>2</v>
      </c>
      <c r="HV15" s="72">
        <v>4</v>
      </c>
      <c r="HW15" s="73">
        <v>23</v>
      </c>
      <c r="HX15" s="74">
        <v>33</v>
      </c>
      <c r="HY15" s="71">
        <v>7</v>
      </c>
      <c r="HZ15" s="72">
        <v>3</v>
      </c>
      <c r="IA15" s="73">
        <v>10</v>
      </c>
      <c r="IB15" s="277"/>
      <c r="IC15" s="72">
        <v>10</v>
      </c>
      <c r="ID15" s="72">
        <v>8</v>
      </c>
      <c r="IE15" s="72">
        <v>9</v>
      </c>
      <c r="IF15" s="72">
        <v>6</v>
      </c>
      <c r="IG15" s="72">
        <v>5</v>
      </c>
      <c r="IH15" s="73">
        <v>38</v>
      </c>
      <c r="II15" s="74">
        <v>48</v>
      </c>
      <c r="IJ15" s="71">
        <v>22</v>
      </c>
      <c r="IK15" s="72">
        <v>13</v>
      </c>
      <c r="IL15" s="73">
        <v>35</v>
      </c>
      <c r="IM15" s="277"/>
      <c r="IN15" s="72">
        <v>29</v>
      </c>
      <c r="IO15" s="72">
        <v>20</v>
      </c>
      <c r="IP15" s="72">
        <v>8</v>
      </c>
      <c r="IQ15" s="72">
        <v>9</v>
      </c>
      <c r="IR15" s="72">
        <v>7</v>
      </c>
      <c r="IS15" s="73">
        <v>73</v>
      </c>
      <c r="IT15" s="74">
        <v>108</v>
      </c>
      <c r="IU15" s="71">
        <v>35</v>
      </c>
      <c r="IV15" s="72">
        <v>26</v>
      </c>
      <c r="IW15" s="73">
        <v>61</v>
      </c>
      <c r="IX15" s="277"/>
      <c r="IY15" s="72">
        <v>59</v>
      </c>
      <c r="IZ15" s="72">
        <v>30</v>
      </c>
      <c r="JA15" s="72">
        <v>17</v>
      </c>
      <c r="JB15" s="72">
        <v>21</v>
      </c>
      <c r="JC15" s="72">
        <v>7</v>
      </c>
      <c r="JD15" s="73">
        <v>134</v>
      </c>
      <c r="JE15" s="74">
        <v>195</v>
      </c>
      <c r="JF15" s="71">
        <v>22</v>
      </c>
      <c r="JG15" s="72">
        <v>14</v>
      </c>
      <c r="JH15" s="73">
        <v>36</v>
      </c>
      <c r="JI15" s="277"/>
      <c r="JJ15" s="72">
        <v>61</v>
      </c>
      <c r="JK15" s="72">
        <v>40</v>
      </c>
      <c r="JL15" s="72">
        <v>39</v>
      </c>
      <c r="JM15" s="72">
        <v>36</v>
      </c>
      <c r="JN15" s="72">
        <v>10</v>
      </c>
      <c r="JO15" s="73">
        <v>186</v>
      </c>
      <c r="JP15" s="74">
        <v>222</v>
      </c>
      <c r="JQ15" s="71">
        <v>0</v>
      </c>
      <c r="JR15" s="72">
        <v>0</v>
      </c>
      <c r="JS15" s="73">
        <v>0</v>
      </c>
      <c r="JT15" s="277"/>
      <c r="JU15" s="72">
        <v>0</v>
      </c>
      <c r="JV15" s="72">
        <v>0</v>
      </c>
      <c r="JW15" s="72">
        <v>0</v>
      </c>
      <c r="JX15" s="72">
        <v>0</v>
      </c>
      <c r="JY15" s="72">
        <v>0</v>
      </c>
      <c r="JZ15" s="73">
        <v>0</v>
      </c>
      <c r="KA15" s="74">
        <v>0</v>
      </c>
      <c r="KB15" s="71">
        <v>93</v>
      </c>
      <c r="KC15" s="72">
        <v>63</v>
      </c>
      <c r="KD15" s="73">
        <v>156</v>
      </c>
      <c r="KE15" s="277"/>
      <c r="KF15" s="72">
        <v>176</v>
      </c>
      <c r="KG15" s="72">
        <v>102</v>
      </c>
      <c r="KH15" s="72">
        <v>78</v>
      </c>
      <c r="KI15" s="72">
        <v>74</v>
      </c>
      <c r="KJ15" s="72">
        <v>33</v>
      </c>
      <c r="KK15" s="73">
        <v>463</v>
      </c>
      <c r="KL15" s="74">
        <v>619</v>
      </c>
    </row>
    <row r="16" spans="1:298" ht="19.5" customHeight="1" x14ac:dyDescent="0.2">
      <c r="A16" s="130" t="s">
        <v>12</v>
      </c>
      <c r="B16" s="347">
        <v>158</v>
      </c>
      <c r="C16" s="83">
        <v>123</v>
      </c>
      <c r="D16" s="84">
        <v>281</v>
      </c>
      <c r="E16" s="274"/>
      <c r="F16" s="83">
        <v>175</v>
      </c>
      <c r="G16" s="83">
        <v>109</v>
      </c>
      <c r="H16" s="83">
        <v>93</v>
      </c>
      <c r="I16" s="83">
        <v>93</v>
      </c>
      <c r="J16" s="83">
        <v>41</v>
      </c>
      <c r="K16" s="85">
        <v>511</v>
      </c>
      <c r="L16" s="86">
        <v>792</v>
      </c>
      <c r="M16" s="87">
        <v>3</v>
      </c>
      <c r="N16" s="72">
        <v>2</v>
      </c>
      <c r="O16" s="73">
        <v>5</v>
      </c>
      <c r="P16" s="274"/>
      <c r="Q16" s="72">
        <v>1</v>
      </c>
      <c r="R16" s="72">
        <v>2</v>
      </c>
      <c r="S16" s="72">
        <v>1</v>
      </c>
      <c r="T16" s="72">
        <v>1</v>
      </c>
      <c r="U16" s="72">
        <v>1</v>
      </c>
      <c r="V16" s="73">
        <v>6</v>
      </c>
      <c r="W16" s="74">
        <v>11</v>
      </c>
      <c r="X16" s="71">
        <v>7</v>
      </c>
      <c r="Y16" s="72">
        <v>8</v>
      </c>
      <c r="Z16" s="73">
        <v>15</v>
      </c>
      <c r="AA16" s="277"/>
      <c r="AB16" s="72">
        <v>6</v>
      </c>
      <c r="AC16" s="72">
        <v>1</v>
      </c>
      <c r="AD16" s="72">
        <v>2</v>
      </c>
      <c r="AE16" s="72">
        <v>4</v>
      </c>
      <c r="AF16" s="72">
        <v>4</v>
      </c>
      <c r="AG16" s="73">
        <v>17</v>
      </c>
      <c r="AH16" s="74">
        <v>32</v>
      </c>
      <c r="AI16" s="87">
        <v>15</v>
      </c>
      <c r="AJ16" s="72">
        <v>7</v>
      </c>
      <c r="AK16" s="73">
        <v>22</v>
      </c>
      <c r="AL16" s="277"/>
      <c r="AM16" s="72">
        <v>11</v>
      </c>
      <c r="AN16" s="72">
        <v>8</v>
      </c>
      <c r="AO16" s="72">
        <v>11</v>
      </c>
      <c r="AP16" s="72">
        <v>10</v>
      </c>
      <c r="AQ16" s="72">
        <v>4</v>
      </c>
      <c r="AR16" s="73">
        <v>44</v>
      </c>
      <c r="AS16" s="74">
        <v>66</v>
      </c>
      <c r="AT16" s="71">
        <v>26</v>
      </c>
      <c r="AU16" s="72">
        <v>25</v>
      </c>
      <c r="AV16" s="73">
        <v>51</v>
      </c>
      <c r="AW16" s="277"/>
      <c r="AX16" s="72">
        <v>40</v>
      </c>
      <c r="AY16" s="72">
        <v>22</v>
      </c>
      <c r="AZ16" s="72">
        <v>16</v>
      </c>
      <c r="BA16" s="72">
        <v>11</v>
      </c>
      <c r="BB16" s="72">
        <v>9</v>
      </c>
      <c r="BC16" s="73">
        <v>98</v>
      </c>
      <c r="BD16" s="74">
        <v>149</v>
      </c>
      <c r="BE16" s="87">
        <v>58</v>
      </c>
      <c r="BF16" s="72">
        <v>38</v>
      </c>
      <c r="BG16" s="73">
        <v>96</v>
      </c>
      <c r="BH16" s="277"/>
      <c r="BI16" s="72">
        <v>68</v>
      </c>
      <c r="BJ16" s="72">
        <v>30</v>
      </c>
      <c r="BK16" s="72">
        <v>30</v>
      </c>
      <c r="BL16" s="72">
        <v>26</v>
      </c>
      <c r="BM16" s="72">
        <v>10</v>
      </c>
      <c r="BN16" s="73">
        <v>164</v>
      </c>
      <c r="BO16" s="74">
        <v>260</v>
      </c>
      <c r="BP16" s="71">
        <v>49</v>
      </c>
      <c r="BQ16" s="72">
        <v>43</v>
      </c>
      <c r="BR16" s="73">
        <v>92</v>
      </c>
      <c r="BS16" s="277"/>
      <c r="BT16" s="72">
        <v>49</v>
      </c>
      <c r="BU16" s="72">
        <v>46</v>
      </c>
      <c r="BV16" s="72">
        <v>33</v>
      </c>
      <c r="BW16" s="72">
        <v>41</v>
      </c>
      <c r="BX16" s="72">
        <v>13</v>
      </c>
      <c r="BY16" s="73">
        <v>182</v>
      </c>
      <c r="BZ16" s="74">
        <v>274</v>
      </c>
      <c r="CA16" s="71">
        <v>0</v>
      </c>
      <c r="CB16" s="72">
        <v>0</v>
      </c>
      <c r="CC16" s="73">
        <v>0</v>
      </c>
      <c r="CD16" s="277"/>
      <c r="CE16" s="72">
        <v>0</v>
      </c>
      <c r="CF16" s="72">
        <v>0</v>
      </c>
      <c r="CG16" s="72">
        <v>0</v>
      </c>
      <c r="CH16" s="72">
        <v>0</v>
      </c>
      <c r="CI16" s="72">
        <v>0</v>
      </c>
      <c r="CJ16" s="73">
        <v>0</v>
      </c>
      <c r="CK16" s="74">
        <v>0</v>
      </c>
      <c r="CL16" s="71">
        <v>158</v>
      </c>
      <c r="CM16" s="72">
        <v>123</v>
      </c>
      <c r="CN16" s="73">
        <v>281</v>
      </c>
      <c r="CO16" s="277"/>
      <c r="CP16" s="72">
        <v>175</v>
      </c>
      <c r="CQ16" s="72">
        <v>109</v>
      </c>
      <c r="CR16" s="72">
        <v>93</v>
      </c>
      <c r="CS16" s="72">
        <v>93</v>
      </c>
      <c r="CT16" s="72">
        <v>41</v>
      </c>
      <c r="CU16" s="73">
        <v>511</v>
      </c>
      <c r="CV16" s="74">
        <v>792</v>
      </c>
      <c r="CW16" s="127">
        <v>16</v>
      </c>
      <c r="CX16" s="83">
        <v>26</v>
      </c>
      <c r="CY16" s="84">
        <v>42</v>
      </c>
      <c r="CZ16" s="274"/>
      <c r="DA16" s="83">
        <v>16</v>
      </c>
      <c r="DB16" s="83">
        <v>15</v>
      </c>
      <c r="DC16" s="83">
        <v>10</v>
      </c>
      <c r="DD16" s="83">
        <v>13</v>
      </c>
      <c r="DE16" s="83">
        <v>6</v>
      </c>
      <c r="DF16" s="85">
        <v>60</v>
      </c>
      <c r="DG16" s="86">
        <v>102</v>
      </c>
      <c r="DH16" s="87">
        <v>0</v>
      </c>
      <c r="DI16" s="72">
        <v>1</v>
      </c>
      <c r="DJ16" s="73">
        <v>1</v>
      </c>
      <c r="DK16" s="277"/>
      <c r="DL16" s="72">
        <v>0</v>
      </c>
      <c r="DM16" s="72">
        <v>0</v>
      </c>
      <c r="DN16" s="72">
        <v>1</v>
      </c>
      <c r="DO16" s="72">
        <v>0</v>
      </c>
      <c r="DP16" s="72">
        <v>0</v>
      </c>
      <c r="DQ16" s="73">
        <v>1</v>
      </c>
      <c r="DR16" s="74">
        <v>2</v>
      </c>
      <c r="DS16" s="71">
        <v>1</v>
      </c>
      <c r="DT16" s="72">
        <v>1</v>
      </c>
      <c r="DU16" s="73">
        <v>2</v>
      </c>
      <c r="DV16" s="277"/>
      <c r="DW16" s="72">
        <v>2</v>
      </c>
      <c r="DX16" s="72">
        <v>0</v>
      </c>
      <c r="DY16" s="72">
        <v>0</v>
      </c>
      <c r="DZ16" s="72">
        <v>1</v>
      </c>
      <c r="EA16" s="72">
        <v>1</v>
      </c>
      <c r="EB16" s="73">
        <v>4</v>
      </c>
      <c r="EC16" s="74">
        <v>6</v>
      </c>
      <c r="ED16" s="87">
        <v>0</v>
      </c>
      <c r="EE16" s="72">
        <v>1</v>
      </c>
      <c r="EF16" s="73">
        <v>1</v>
      </c>
      <c r="EG16" s="277"/>
      <c r="EH16" s="72">
        <v>1</v>
      </c>
      <c r="EI16" s="72">
        <v>2</v>
      </c>
      <c r="EJ16" s="72">
        <v>1</v>
      </c>
      <c r="EK16" s="72">
        <v>1</v>
      </c>
      <c r="EL16" s="72">
        <v>1</v>
      </c>
      <c r="EM16" s="73">
        <v>6</v>
      </c>
      <c r="EN16" s="74">
        <v>7</v>
      </c>
      <c r="EO16" s="71">
        <v>6</v>
      </c>
      <c r="EP16" s="72">
        <v>7</v>
      </c>
      <c r="EQ16" s="73">
        <v>13</v>
      </c>
      <c r="ER16" s="277"/>
      <c r="ES16" s="72">
        <v>0</v>
      </c>
      <c r="ET16" s="72">
        <v>2</v>
      </c>
      <c r="EU16" s="72">
        <v>1</v>
      </c>
      <c r="EV16" s="72">
        <v>3</v>
      </c>
      <c r="EW16" s="72">
        <v>0</v>
      </c>
      <c r="EX16" s="73">
        <v>6</v>
      </c>
      <c r="EY16" s="74">
        <v>19</v>
      </c>
      <c r="EZ16" s="87">
        <v>4</v>
      </c>
      <c r="FA16" s="72">
        <v>10</v>
      </c>
      <c r="FB16" s="73">
        <v>14</v>
      </c>
      <c r="FC16" s="277"/>
      <c r="FD16" s="72">
        <v>6</v>
      </c>
      <c r="FE16" s="72">
        <v>2</v>
      </c>
      <c r="FF16" s="72">
        <v>2</v>
      </c>
      <c r="FG16" s="72">
        <v>0</v>
      </c>
      <c r="FH16" s="72">
        <v>1</v>
      </c>
      <c r="FI16" s="73">
        <v>11</v>
      </c>
      <c r="FJ16" s="74">
        <v>25</v>
      </c>
      <c r="FK16" s="71">
        <v>5</v>
      </c>
      <c r="FL16" s="72">
        <v>6</v>
      </c>
      <c r="FM16" s="73">
        <v>11</v>
      </c>
      <c r="FN16" s="277"/>
      <c r="FO16" s="72">
        <v>7</v>
      </c>
      <c r="FP16" s="72">
        <v>9</v>
      </c>
      <c r="FQ16" s="72">
        <v>5</v>
      </c>
      <c r="FR16" s="72">
        <v>8</v>
      </c>
      <c r="FS16" s="72">
        <v>3</v>
      </c>
      <c r="FT16" s="73">
        <v>32</v>
      </c>
      <c r="FU16" s="74">
        <v>43</v>
      </c>
      <c r="FV16" s="71">
        <v>0</v>
      </c>
      <c r="FW16" s="72">
        <v>0</v>
      </c>
      <c r="FX16" s="73">
        <v>0</v>
      </c>
      <c r="FY16" s="277"/>
      <c r="FZ16" s="72">
        <v>0</v>
      </c>
      <c r="GA16" s="72">
        <v>0</v>
      </c>
      <c r="GB16" s="72">
        <v>0</v>
      </c>
      <c r="GC16" s="72">
        <v>0</v>
      </c>
      <c r="GD16" s="72">
        <v>0</v>
      </c>
      <c r="GE16" s="73">
        <v>0</v>
      </c>
      <c r="GF16" s="74">
        <v>0</v>
      </c>
      <c r="GG16" s="71">
        <v>16</v>
      </c>
      <c r="GH16" s="72">
        <v>26</v>
      </c>
      <c r="GI16" s="73">
        <v>42</v>
      </c>
      <c r="GJ16" s="277"/>
      <c r="GK16" s="72">
        <v>16</v>
      </c>
      <c r="GL16" s="72">
        <v>15</v>
      </c>
      <c r="GM16" s="72">
        <v>10</v>
      </c>
      <c r="GN16" s="72">
        <v>13</v>
      </c>
      <c r="GO16" s="72">
        <v>6</v>
      </c>
      <c r="GP16" s="73">
        <v>60</v>
      </c>
      <c r="GQ16" s="74">
        <v>102</v>
      </c>
      <c r="GR16" s="127">
        <v>174</v>
      </c>
      <c r="GS16" s="83">
        <v>149</v>
      </c>
      <c r="GT16" s="84">
        <v>323</v>
      </c>
      <c r="GU16" s="274"/>
      <c r="GV16" s="83">
        <v>191</v>
      </c>
      <c r="GW16" s="83">
        <v>124</v>
      </c>
      <c r="GX16" s="83">
        <v>103</v>
      </c>
      <c r="GY16" s="83">
        <v>106</v>
      </c>
      <c r="GZ16" s="83">
        <v>47</v>
      </c>
      <c r="HA16" s="85">
        <v>571</v>
      </c>
      <c r="HB16" s="86">
        <v>894</v>
      </c>
      <c r="HC16" s="87">
        <v>3</v>
      </c>
      <c r="HD16" s="72">
        <v>3</v>
      </c>
      <c r="HE16" s="73">
        <v>6</v>
      </c>
      <c r="HF16" s="277"/>
      <c r="HG16" s="72">
        <v>1</v>
      </c>
      <c r="HH16" s="72">
        <v>2</v>
      </c>
      <c r="HI16" s="72">
        <v>2</v>
      </c>
      <c r="HJ16" s="72">
        <v>1</v>
      </c>
      <c r="HK16" s="72">
        <v>1</v>
      </c>
      <c r="HL16" s="73">
        <v>7</v>
      </c>
      <c r="HM16" s="74">
        <v>13</v>
      </c>
      <c r="HN16" s="71">
        <v>8</v>
      </c>
      <c r="HO16" s="72">
        <v>9</v>
      </c>
      <c r="HP16" s="73">
        <v>17</v>
      </c>
      <c r="HQ16" s="277"/>
      <c r="HR16" s="72">
        <v>8</v>
      </c>
      <c r="HS16" s="72">
        <v>1</v>
      </c>
      <c r="HT16" s="72">
        <v>2</v>
      </c>
      <c r="HU16" s="72">
        <v>5</v>
      </c>
      <c r="HV16" s="72">
        <v>5</v>
      </c>
      <c r="HW16" s="73">
        <v>21</v>
      </c>
      <c r="HX16" s="74">
        <v>38</v>
      </c>
      <c r="HY16" s="87">
        <v>15</v>
      </c>
      <c r="HZ16" s="72">
        <v>8</v>
      </c>
      <c r="IA16" s="73">
        <v>23</v>
      </c>
      <c r="IB16" s="277"/>
      <c r="IC16" s="72">
        <v>12</v>
      </c>
      <c r="ID16" s="72">
        <v>10</v>
      </c>
      <c r="IE16" s="72">
        <v>12</v>
      </c>
      <c r="IF16" s="72">
        <v>11</v>
      </c>
      <c r="IG16" s="72">
        <v>5</v>
      </c>
      <c r="IH16" s="73">
        <v>50</v>
      </c>
      <c r="II16" s="74">
        <v>73</v>
      </c>
      <c r="IJ16" s="71">
        <v>32</v>
      </c>
      <c r="IK16" s="72">
        <v>32</v>
      </c>
      <c r="IL16" s="73">
        <v>64</v>
      </c>
      <c r="IM16" s="277"/>
      <c r="IN16" s="72">
        <v>40</v>
      </c>
      <c r="IO16" s="72">
        <v>24</v>
      </c>
      <c r="IP16" s="72">
        <v>17</v>
      </c>
      <c r="IQ16" s="72">
        <v>14</v>
      </c>
      <c r="IR16" s="72">
        <v>9</v>
      </c>
      <c r="IS16" s="73">
        <v>104</v>
      </c>
      <c r="IT16" s="74">
        <v>168</v>
      </c>
      <c r="IU16" s="87">
        <v>62</v>
      </c>
      <c r="IV16" s="72">
        <v>48</v>
      </c>
      <c r="IW16" s="73">
        <v>110</v>
      </c>
      <c r="IX16" s="277"/>
      <c r="IY16" s="72">
        <v>74</v>
      </c>
      <c r="IZ16" s="72">
        <v>32</v>
      </c>
      <c r="JA16" s="72">
        <v>32</v>
      </c>
      <c r="JB16" s="72">
        <v>26</v>
      </c>
      <c r="JC16" s="72">
        <v>11</v>
      </c>
      <c r="JD16" s="73">
        <v>175</v>
      </c>
      <c r="JE16" s="74">
        <v>285</v>
      </c>
      <c r="JF16" s="71">
        <v>54</v>
      </c>
      <c r="JG16" s="72">
        <v>49</v>
      </c>
      <c r="JH16" s="73">
        <v>103</v>
      </c>
      <c r="JI16" s="277"/>
      <c r="JJ16" s="72">
        <v>56</v>
      </c>
      <c r="JK16" s="72">
        <v>55</v>
      </c>
      <c r="JL16" s="72">
        <v>38</v>
      </c>
      <c r="JM16" s="72">
        <v>49</v>
      </c>
      <c r="JN16" s="72">
        <v>16</v>
      </c>
      <c r="JO16" s="73">
        <v>214</v>
      </c>
      <c r="JP16" s="74">
        <v>317</v>
      </c>
      <c r="JQ16" s="71">
        <v>0</v>
      </c>
      <c r="JR16" s="72">
        <v>0</v>
      </c>
      <c r="JS16" s="73">
        <v>0</v>
      </c>
      <c r="JT16" s="277"/>
      <c r="JU16" s="72">
        <v>0</v>
      </c>
      <c r="JV16" s="72">
        <v>0</v>
      </c>
      <c r="JW16" s="72">
        <v>0</v>
      </c>
      <c r="JX16" s="72">
        <v>0</v>
      </c>
      <c r="JY16" s="72">
        <v>0</v>
      </c>
      <c r="JZ16" s="73">
        <v>0</v>
      </c>
      <c r="KA16" s="74">
        <v>0</v>
      </c>
      <c r="KB16" s="71">
        <v>174</v>
      </c>
      <c r="KC16" s="72">
        <v>149</v>
      </c>
      <c r="KD16" s="73">
        <v>323</v>
      </c>
      <c r="KE16" s="277"/>
      <c r="KF16" s="72">
        <v>191</v>
      </c>
      <c r="KG16" s="72">
        <v>124</v>
      </c>
      <c r="KH16" s="72">
        <v>103</v>
      </c>
      <c r="KI16" s="72">
        <v>106</v>
      </c>
      <c r="KJ16" s="72">
        <v>47</v>
      </c>
      <c r="KK16" s="73">
        <v>571</v>
      </c>
      <c r="KL16" s="74">
        <v>894</v>
      </c>
    </row>
    <row r="17" spans="1:298" ht="19.5" customHeight="1" x14ac:dyDescent="0.2">
      <c r="A17" s="130" t="s">
        <v>13</v>
      </c>
      <c r="B17" s="347">
        <v>29</v>
      </c>
      <c r="C17" s="83">
        <v>46</v>
      </c>
      <c r="D17" s="84">
        <v>75</v>
      </c>
      <c r="E17" s="274"/>
      <c r="F17" s="83">
        <v>80</v>
      </c>
      <c r="G17" s="83">
        <v>64</v>
      </c>
      <c r="H17" s="83">
        <v>39</v>
      </c>
      <c r="I17" s="83">
        <v>43</v>
      </c>
      <c r="J17" s="83">
        <v>26</v>
      </c>
      <c r="K17" s="85">
        <v>252</v>
      </c>
      <c r="L17" s="86">
        <v>327</v>
      </c>
      <c r="M17" s="71">
        <v>0</v>
      </c>
      <c r="N17" s="72">
        <v>0</v>
      </c>
      <c r="O17" s="73">
        <v>0</v>
      </c>
      <c r="P17" s="274"/>
      <c r="Q17" s="72">
        <v>0</v>
      </c>
      <c r="R17" s="72">
        <v>0</v>
      </c>
      <c r="S17" s="72">
        <v>0</v>
      </c>
      <c r="T17" s="72">
        <v>0</v>
      </c>
      <c r="U17" s="72">
        <v>0</v>
      </c>
      <c r="V17" s="73">
        <v>0</v>
      </c>
      <c r="W17" s="74">
        <v>0</v>
      </c>
      <c r="X17" s="71">
        <v>0</v>
      </c>
      <c r="Y17" s="72">
        <v>2</v>
      </c>
      <c r="Z17" s="73">
        <v>2</v>
      </c>
      <c r="AA17" s="277"/>
      <c r="AB17" s="72">
        <v>1</v>
      </c>
      <c r="AC17" s="72">
        <v>2</v>
      </c>
      <c r="AD17" s="72">
        <v>0</v>
      </c>
      <c r="AE17" s="72">
        <v>1</v>
      </c>
      <c r="AF17" s="72">
        <v>1</v>
      </c>
      <c r="AG17" s="73">
        <v>5</v>
      </c>
      <c r="AH17" s="74">
        <v>7</v>
      </c>
      <c r="AI17" s="71">
        <v>2</v>
      </c>
      <c r="AJ17" s="72">
        <v>2</v>
      </c>
      <c r="AK17" s="73">
        <v>4</v>
      </c>
      <c r="AL17" s="277"/>
      <c r="AM17" s="72">
        <v>3</v>
      </c>
      <c r="AN17" s="72">
        <v>2</v>
      </c>
      <c r="AO17" s="72">
        <v>3</v>
      </c>
      <c r="AP17" s="72">
        <v>4</v>
      </c>
      <c r="AQ17" s="72">
        <v>1</v>
      </c>
      <c r="AR17" s="73">
        <v>13</v>
      </c>
      <c r="AS17" s="74">
        <v>17</v>
      </c>
      <c r="AT17" s="71">
        <v>2</v>
      </c>
      <c r="AU17" s="72">
        <v>15</v>
      </c>
      <c r="AV17" s="73">
        <v>17</v>
      </c>
      <c r="AW17" s="277"/>
      <c r="AX17" s="72">
        <v>13</v>
      </c>
      <c r="AY17" s="72">
        <v>9</v>
      </c>
      <c r="AZ17" s="72">
        <v>6</v>
      </c>
      <c r="BA17" s="72">
        <v>5</v>
      </c>
      <c r="BB17" s="72">
        <v>5</v>
      </c>
      <c r="BC17" s="73">
        <v>38</v>
      </c>
      <c r="BD17" s="74">
        <v>55</v>
      </c>
      <c r="BE17" s="71">
        <v>14</v>
      </c>
      <c r="BF17" s="72">
        <v>15</v>
      </c>
      <c r="BG17" s="73">
        <v>29</v>
      </c>
      <c r="BH17" s="277"/>
      <c r="BI17" s="72">
        <v>33</v>
      </c>
      <c r="BJ17" s="72">
        <v>25</v>
      </c>
      <c r="BK17" s="72">
        <v>14</v>
      </c>
      <c r="BL17" s="72">
        <v>14</v>
      </c>
      <c r="BM17" s="72">
        <v>7</v>
      </c>
      <c r="BN17" s="73">
        <v>93</v>
      </c>
      <c r="BO17" s="74">
        <v>122</v>
      </c>
      <c r="BP17" s="71">
        <v>11</v>
      </c>
      <c r="BQ17" s="72">
        <v>12</v>
      </c>
      <c r="BR17" s="73">
        <v>23</v>
      </c>
      <c r="BS17" s="277"/>
      <c r="BT17" s="72">
        <v>30</v>
      </c>
      <c r="BU17" s="72">
        <v>26</v>
      </c>
      <c r="BV17" s="72">
        <v>16</v>
      </c>
      <c r="BW17" s="72">
        <v>19</v>
      </c>
      <c r="BX17" s="72">
        <v>12</v>
      </c>
      <c r="BY17" s="73">
        <v>103</v>
      </c>
      <c r="BZ17" s="74">
        <v>126</v>
      </c>
      <c r="CA17" s="71">
        <v>0</v>
      </c>
      <c r="CB17" s="72">
        <v>0</v>
      </c>
      <c r="CC17" s="73">
        <v>0</v>
      </c>
      <c r="CD17" s="277"/>
      <c r="CE17" s="72">
        <v>0</v>
      </c>
      <c r="CF17" s="72">
        <v>0</v>
      </c>
      <c r="CG17" s="72">
        <v>0</v>
      </c>
      <c r="CH17" s="72">
        <v>0</v>
      </c>
      <c r="CI17" s="72">
        <v>0</v>
      </c>
      <c r="CJ17" s="73">
        <v>0</v>
      </c>
      <c r="CK17" s="74">
        <v>0</v>
      </c>
      <c r="CL17" s="71">
        <v>29</v>
      </c>
      <c r="CM17" s="72">
        <v>46</v>
      </c>
      <c r="CN17" s="73">
        <v>75</v>
      </c>
      <c r="CO17" s="277"/>
      <c r="CP17" s="72">
        <v>80</v>
      </c>
      <c r="CQ17" s="72">
        <v>64</v>
      </c>
      <c r="CR17" s="72">
        <v>39</v>
      </c>
      <c r="CS17" s="72">
        <v>43</v>
      </c>
      <c r="CT17" s="72">
        <v>26</v>
      </c>
      <c r="CU17" s="73">
        <v>252</v>
      </c>
      <c r="CV17" s="74">
        <v>327</v>
      </c>
      <c r="CW17" s="127">
        <v>5</v>
      </c>
      <c r="CX17" s="83">
        <v>2</v>
      </c>
      <c r="CY17" s="84">
        <v>7</v>
      </c>
      <c r="CZ17" s="274"/>
      <c r="DA17" s="83">
        <v>11</v>
      </c>
      <c r="DB17" s="83">
        <v>10</v>
      </c>
      <c r="DC17" s="83">
        <v>5</v>
      </c>
      <c r="DD17" s="83">
        <v>9</v>
      </c>
      <c r="DE17" s="83">
        <v>5</v>
      </c>
      <c r="DF17" s="85">
        <v>40</v>
      </c>
      <c r="DG17" s="86">
        <v>47</v>
      </c>
      <c r="DH17" s="71">
        <v>0</v>
      </c>
      <c r="DI17" s="72">
        <v>0</v>
      </c>
      <c r="DJ17" s="73">
        <v>0</v>
      </c>
      <c r="DK17" s="277"/>
      <c r="DL17" s="72">
        <v>0</v>
      </c>
      <c r="DM17" s="72">
        <v>0</v>
      </c>
      <c r="DN17" s="72">
        <v>0</v>
      </c>
      <c r="DO17" s="72">
        <v>0</v>
      </c>
      <c r="DP17" s="72">
        <v>0</v>
      </c>
      <c r="DQ17" s="73">
        <v>0</v>
      </c>
      <c r="DR17" s="74">
        <v>0</v>
      </c>
      <c r="DS17" s="71">
        <v>0</v>
      </c>
      <c r="DT17" s="72">
        <v>0</v>
      </c>
      <c r="DU17" s="73">
        <v>0</v>
      </c>
      <c r="DV17" s="277"/>
      <c r="DW17" s="72">
        <v>0</v>
      </c>
      <c r="DX17" s="72">
        <v>0</v>
      </c>
      <c r="DY17" s="72">
        <v>0</v>
      </c>
      <c r="DZ17" s="72">
        <v>0</v>
      </c>
      <c r="EA17" s="72">
        <v>0</v>
      </c>
      <c r="EB17" s="73">
        <v>0</v>
      </c>
      <c r="EC17" s="74">
        <v>0</v>
      </c>
      <c r="ED17" s="71">
        <v>0</v>
      </c>
      <c r="EE17" s="72">
        <v>0</v>
      </c>
      <c r="EF17" s="73">
        <v>0</v>
      </c>
      <c r="EG17" s="277"/>
      <c r="EH17" s="72">
        <v>1</v>
      </c>
      <c r="EI17" s="72">
        <v>1</v>
      </c>
      <c r="EJ17" s="72">
        <v>0</v>
      </c>
      <c r="EK17" s="72">
        <v>0</v>
      </c>
      <c r="EL17" s="72">
        <v>1</v>
      </c>
      <c r="EM17" s="73">
        <v>3</v>
      </c>
      <c r="EN17" s="74">
        <v>3</v>
      </c>
      <c r="EO17" s="71">
        <v>2</v>
      </c>
      <c r="EP17" s="72">
        <v>0</v>
      </c>
      <c r="EQ17" s="73">
        <v>2</v>
      </c>
      <c r="ER17" s="277"/>
      <c r="ES17" s="72">
        <v>3</v>
      </c>
      <c r="ET17" s="72">
        <v>0</v>
      </c>
      <c r="EU17" s="72">
        <v>2</v>
      </c>
      <c r="EV17" s="72">
        <v>1</v>
      </c>
      <c r="EW17" s="72">
        <v>0</v>
      </c>
      <c r="EX17" s="73">
        <v>6</v>
      </c>
      <c r="EY17" s="74">
        <v>8</v>
      </c>
      <c r="EZ17" s="71">
        <v>3</v>
      </c>
      <c r="FA17" s="72">
        <v>0</v>
      </c>
      <c r="FB17" s="73">
        <v>3</v>
      </c>
      <c r="FC17" s="277"/>
      <c r="FD17" s="72">
        <v>5</v>
      </c>
      <c r="FE17" s="72">
        <v>4</v>
      </c>
      <c r="FF17" s="72">
        <v>0</v>
      </c>
      <c r="FG17" s="72">
        <v>3</v>
      </c>
      <c r="FH17" s="72">
        <v>1</v>
      </c>
      <c r="FI17" s="73">
        <v>13</v>
      </c>
      <c r="FJ17" s="74">
        <v>16</v>
      </c>
      <c r="FK17" s="71">
        <v>0</v>
      </c>
      <c r="FL17" s="72">
        <v>2</v>
      </c>
      <c r="FM17" s="73">
        <v>2</v>
      </c>
      <c r="FN17" s="277"/>
      <c r="FO17" s="72">
        <v>2</v>
      </c>
      <c r="FP17" s="72">
        <v>5</v>
      </c>
      <c r="FQ17" s="72">
        <v>3</v>
      </c>
      <c r="FR17" s="72">
        <v>5</v>
      </c>
      <c r="FS17" s="72">
        <v>3</v>
      </c>
      <c r="FT17" s="73">
        <v>18</v>
      </c>
      <c r="FU17" s="74">
        <v>20</v>
      </c>
      <c r="FV17" s="71">
        <v>0</v>
      </c>
      <c r="FW17" s="72">
        <v>0</v>
      </c>
      <c r="FX17" s="73">
        <v>0</v>
      </c>
      <c r="FY17" s="277"/>
      <c r="FZ17" s="72">
        <v>0</v>
      </c>
      <c r="GA17" s="72">
        <v>0</v>
      </c>
      <c r="GB17" s="72">
        <v>0</v>
      </c>
      <c r="GC17" s="72">
        <v>0</v>
      </c>
      <c r="GD17" s="72">
        <v>0</v>
      </c>
      <c r="GE17" s="73">
        <v>0</v>
      </c>
      <c r="GF17" s="74">
        <v>0</v>
      </c>
      <c r="GG17" s="71">
        <v>5</v>
      </c>
      <c r="GH17" s="72">
        <v>2</v>
      </c>
      <c r="GI17" s="73">
        <v>7</v>
      </c>
      <c r="GJ17" s="277"/>
      <c r="GK17" s="72">
        <v>11</v>
      </c>
      <c r="GL17" s="72">
        <v>10</v>
      </c>
      <c r="GM17" s="72">
        <v>5</v>
      </c>
      <c r="GN17" s="72">
        <v>9</v>
      </c>
      <c r="GO17" s="72">
        <v>5</v>
      </c>
      <c r="GP17" s="73">
        <v>40</v>
      </c>
      <c r="GQ17" s="74">
        <v>47</v>
      </c>
      <c r="GR17" s="127">
        <v>34</v>
      </c>
      <c r="GS17" s="83">
        <v>48</v>
      </c>
      <c r="GT17" s="84">
        <v>82</v>
      </c>
      <c r="GU17" s="274"/>
      <c r="GV17" s="83">
        <v>91</v>
      </c>
      <c r="GW17" s="83">
        <v>74</v>
      </c>
      <c r="GX17" s="83">
        <v>44</v>
      </c>
      <c r="GY17" s="83">
        <v>52</v>
      </c>
      <c r="GZ17" s="83">
        <v>31</v>
      </c>
      <c r="HA17" s="85">
        <v>292</v>
      </c>
      <c r="HB17" s="86">
        <v>374</v>
      </c>
      <c r="HC17" s="71">
        <v>0</v>
      </c>
      <c r="HD17" s="72">
        <v>0</v>
      </c>
      <c r="HE17" s="73">
        <v>0</v>
      </c>
      <c r="HF17" s="277"/>
      <c r="HG17" s="72">
        <v>0</v>
      </c>
      <c r="HH17" s="72">
        <v>0</v>
      </c>
      <c r="HI17" s="72">
        <v>0</v>
      </c>
      <c r="HJ17" s="72">
        <v>0</v>
      </c>
      <c r="HK17" s="72">
        <v>0</v>
      </c>
      <c r="HL17" s="73">
        <v>0</v>
      </c>
      <c r="HM17" s="74">
        <v>0</v>
      </c>
      <c r="HN17" s="71">
        <v>0</v>
      </c>
      <c r="HO17" s="72">
        <v>2</v>
      </c>
      <c r="HP17" s="73">
        <v>2</v>
      </c>
      <c r="HQ17" s="277"/>
      <c r="HR17" s="72">
        <v>1</v>
      </c>
      <c r="HS17" s="72">
        <v>2</v>
      </c>
      <c r="HT17" s="72">
        <v>0</v>
      </c>
      <c r="HU17" s="72">
        <v>1</v>
      </c>
      <c r="HV17" s="72">
        <v>1</v>
      </c>
      <c r="HW17" s="73">
        <v>5</v>
      </c>
      <c r="HX17" s="74">
        <v>7</v>
      </c>
      <c r="HY17" s="71">
        <v>2</v>
      </c>
      <c r="HZ17" s="72">
        <v>2</v>
      </c>
      <c r="IA17" s="73">
        <v>4</v>
      </c>
      <c r="IB17" s="277"/>
      <c r="IC17" s="72">
        <v>4</v>
      </c>
      <c r="ID17" s="72">
        <v>3</v>
      </c>
      <c r="IE17" s="72">
        <v>3</v>
      </c>
      <c r="IF17" s="72">
        <v>4</v>
      </c>
      <c r="IG17" s="72">
        <v>2</v>
      </c>
      <c r="IH17" s="73">
        <v>16</v>
      </c>
      <c r="II17" s="74">
        <v>20</v>
      </c>
      <c r="IJ17" s="71">
        <v>4</v>
      </c>
      <c r="IK17" s="72">
        <v>15</v>
      </c>
      <c r="IL17" s="73">
        <v>19</v>
      </c>
      <c r="IM17" s="277"/>
      <c r="IN17" s="72">
        <v>16</v>
      </c>
      <c r="IO17" s="72">
        <v>9</v>
      </c>
      <c r="IP17" s="72">
        <v>8</v>
      </c>
      <c r="IQ17" s="72">
        <v>6</v>
      </c>
      <c r="IR17" s="72">
        <v>5</v>
      </c>
      <c r="IS17" s="73">
        <v>44</v>
      </c>
      <c r="IT17" s="74">
        <v>63</v>
      </c>
      <c r="IU17" s="71">
        <v>17</v>
      </c>
      <c r="IV17" s="72">
        <v>15</v>
      </c>
      <c r="IW17" s="73">
        <v>32</v>
      </c>
      <c r="IX17" s="277"/>
      <c r="IY17" s="72">
        <v>38</v>
      </c>
      <c r="IZ17" s="72">
        <v>29</v>
      </c>
      <c r="JA17" s="72">
        <v>14</v>
      </c>
      <c r="JB17" s="72">
        <v>17</v>
      </c>
      <c r="JC17" s="72">
        <v>8</v>
      </c>
      <c r="JD17" s="73">
        <v>106</v>
      </c>
      <c r="JE17" s="74">
        <v>138</v>
      </c>
      <c r="JF17" s="71">
        <v>11</v>
      </c>
      <c r="JG17" s="72">
        <v>14</v>
      </c>
      <c r="JH17" s="73">
        <v>25</v>
      </c>
      <c r="JI17" s="277"/>
      <c r="JJ17" s="72">
        <v>32</v>
      </c>
      <c r="JK17" s="72">
        <v>31</v>
      </c>
      <c r="JL17" s="72">
        <v>19</v>
      </c>
      <c r="JM17" s="72">
        <v>24</v>
      </c>
      <c r="JN17" s="72">
        <v>15</v>
      </c>
      <c r="JO17" s="73">
        <v>121</v>
      </c>
      <c r="JP17" s="74">
        <v>146</v>
      </c>
      <c r="JQ17" s="71">
        <v>0</v>
      </c>
      <c r="JR17" s="72">
        <v>0</v>
      </c>
      <c r="JS17" s="73">
        <v>0</v>
      </c>
      <c r="JT17" s="277"/>
      <c r="JU17" s="72">
        <v>0</v>
      </c>
      <c r="JV17" s="72">
        <v>0</v>
      </c>
      <c r="JW17" s="72">
        <v>0</v>
      </c>
      <c r="JX17" s="72">
        <v>0</v>
      </c>
      <c r="JY17" s="72">
        <v>0</v>
      </c>
      <c r="JZ17" s="73">
        <v>0</v>
      </c>
      <c r="KA17" s="74">
        <v>0</v>
      </c>
      <c r="KB17" s="71">
        <v>34</v>
      </c>
      <c r="KC17" s="72">
        <v>48</v>
      </c>
      <c r="KD17" s="73">
        <v>82</v>
      </c>
      <c r="KE17" s="277"/>
      <c r="KF17" s="72">
        <v>91</v>
      </c>
      <c r="KG17" s="72">
        <v>74</v>
      </c>
      <c r="KH17" s="72">
        <v>44</v>
      </c>
      <c r="KI17" s="72">
        <v>52</v>
      </c>
      <c r="KJ17" s="72">
        <v>31</v>
      </c>
      <c r="KK17" s="73">
        <v>292</v>
      </c>
      <c r="KL17" s="74">
        <v>374</v>
      </c>
    </row>
    <row r="18" spans="1:298" ht="19.5" customHeight="1" x14ac:dyDescent="0.2">
      <c r="A18" s="130" t="s">
        <v>15</v>
      </c>
      <c r="B18" s="347">
        <v>21</v>
      </c>
      <c r="C18" s="83">
        <v>18</v>
      </c>
      <c r="D18" s="84">
        <v>39</v>
      </c>
      <c r="E18" s="274"/>
      <c r="F18" s="83">
        <v>36</v>
      </c>
      <c r="G18" s="83">
        <v>28</v>
      </c>
      <c r="H18" s="83">
        <v>22</v>
      </c>
      <c r="I18" s="83">
        <v>15</v>
      </c>
      <c r="J18" s="83">
        <v>6</v>
      </c>
      <c r="K18" s="85">
        <v>107</v>
      </c>
      <c r="L18" s="86">
        <v>146</v>
      </c>
      <c r="M18" s="71">
        <v>1</v>
      </c>
      <c r="N18" s="72">
        <v>0</v>
      </c>
      <c r="O18" s="73">
        <v>1</v>
      </c>
      <c r="P18" s="274"/>
      <c r="Q18" s="72">
        <v>1</v>
      </c>
      <c r="R18" s="72">
        <v>0</v>
      </c>
      <c r="S18" s="72">
        <v>2</v>
      </c>
      <c r="T18" s="72">
        <v>0</v>
      </c>
      <c r="U18" s="72">
        <v>0</v>
      </c>
      <c r="V18" s="73">
        <v>3</v>
      </c>
      <c r="W18" s="74">
        <v>4</v>
      </c>
      <c r="X18" s="71">
        <v>2</v>
      </c>
      <c r="Y18" s="72">
        <v>2</v>
      </c>
      <c r="Z18" s="73">
        <v>4</v>
      </c>
      <c r="AA18" s="277"/>
      <c r="AB18" s="72">
        <v>4</v>
      </c>
      <c r="AC18" s="72">
        <v>2</v>
      </c>
      <c r="AD18" s="72">
        <v>2</v>
      </c>
      <c r="AE18" s="72">
        <v>1</v>
      </c>
      <c r="AF18" s="72">
        <v>2</v>
      </c>
      <c r="AG18" s="73">
        <v>11</v>
      </c>
      <c r="AH18" s="74">
        <v>15</v>
      </c>
      <c r="AI18" s="71">
        <v>3</v>
      </c>
      <c r="AJ18" s="72">
        <v>1</v>
      </c>
      <c r="AK18" s="73">
        <v>4</v>
      </c>
      <c r="AL18" s="277"/>
      <c r="AM18" s="72">
        <v>4</v>
      </c>
      <c r="AN18" s="72">
        <v>2</v>
      </c>
      <c r="AO18" s="72">
        <v>1</v>
      </c>
      <c r="AP18" s="72">
        <v>1</v>
      </c>
      <c r="AQ18" s="72">
        <v>3</v>
      </c>
      <c r="AR18" s="73">
        <v>11</v>
      </c>
      <c r="AS18" s="74">
        <v>15</v>
      </c>
      <c r="AT18" s="71">
        <v>6</v>
      </c>
      <c r="AU18" s="72">
        <v>2</v>
      </c>
      <c r="AV18" s="73">
        <v>8</v>
      </c>
      <c r="AW18" s="277"/>
      <c r="AX18" s="72">
        <v>8</v>
      </c>
      <c r="AY18" s="72">
        <v>6</v>
      </c>
      <c r="AZ18" s="72">
        <v>3</v>
      </c>
      <c r="BA18" s="72">
        <v>4</v>
      </c>
      <c r="BB18" s="72">
        <v>0</v>
      </c>
      <c r="BC18" s="73">
        <v>21</v>
      </c>
      <c r="BD18" s="74">
        <v>29</v>
      </c>
      <c r="BE18" s="71">
        <v>4</v>
      </c>
      <c r="BF18" s="72">
        <v>5</v>
      </c>
      <c r="BG18" s="73">
        <v>9</v>
      </c>
      <c r="BH18" s="277"/>
      <c r="BI18" s="72">
        <v>6</v>
      </c>
      <c r="BJ18" s="72">
        <v>6</v>
      </c>
      <c r="BK18" s="72">
        <v>3</v>
      </c>
      <c r="BL18" s="72">
        <v>4</v>
      </c>
      <c r="BM18" s="72">
        <v>0</v>
      </c>
      <c r="BN18" s="73">
        <v>19</v>
      </c>
      <c r="BO18" s="74">
        <v>28</v>
      </c>
      <c r="BP18" s="71">
        <v>5</v>
      </c>
      <c r="BQ18" s="72">
        <v>8</v>
      </c>
      <c r="BR18" s="73">
        <v>13</v>
      </c>
      <c r="BS18" s="277"/>
      <c r="BT18" s="72">
        <v>13</v>
      </c>
      <c r="BU18" s="72">
        <v>12</v>
      </c>
      <c r="BV18" s="72">
        <v>11</v>
      </c>
      <c r="BW18" s="72">
        <v>5</v>
      </c>
      <c r="BX18" s="72">
        <v>1</v>
      </c>
      <c r="BY18" s="73">
        <v>42</v>
      </c>
      <c r="BZ18" s="74">
        <v>55</v>
      </c>
      <c r="CA18" s="71">
        <v>0</v>
      </c>
      <c r="CB18" s="72">
        <v>0</v>
      </c>
      <c r="CC18" s="73">
        <v>0</v>
      </c>
      <c r="CD18" s="277"/>
      <c r="CE18" s="72">
        <v>0</v>
      </c>
      <c r="CF18" s="72">
        <v>0</v>
      </c>
      <c r="CG18" s="72">
        <v>0</v>
      </c>
      <c r="CH18" s="72">
        <v>0</v>
      </c>
      <c r="CI18" s="72">
        <v>0</v>
      </c>
      <c r="CJ18" s="73">
        <v>0</v>
      </c>
      <c r="CK18" s="74">
        <v>0</v>
      </c>
      <c r="CL18" s="71">
        <v>21</v>
      </c>
      <c r="CM18" s="72">
        <v>18</v>
      </c>
      <c r="CN18" s="73">
        <v>39</v>
      </c>
      <c r="CO18" s="277"/>
      <c r="CP18" s="72">
        <v>36</v>
      </c>
      <c r="CQ18" s="72">
        <v>28</v>
      </c>
      <c r="CR18" s="72">
        <v>22</v>
      </c>
      <c r="CS18" s="72">
        <v>15</v>
      </c>
      <c r="CT18" s="72">
        <v>6</v>
      </c>
      <c r="CU18" s="73">
        <v>107</v>
      </c>
      <c r="CV18" s="74">
        <v>146</v>
      </c>
      <c r="CW18" s="127">
        <v>2</v>
      </c>
      <c r="CX18" s="83">
        <v>1</v>
      </c>
      <c r="CY18" s="84">
        <v>3</v>
      </c>
      <c r="CZ18" s="274"/>
      <c r="DA18" s="83">
        <v>2</v>
      </c>
      <c r="DB18" s="83">
        <v>9</v>
      </c>
      <c r="DC18" s="83">
        <v>1</v>
      </c>
      <c r="DD18" s="83">
        <v>4</v>
      </c>
      <c r="DE18" s="83">
        <v>1</v>
      </c>
      <c r="DF18" s="85">
        <v>17</v>
      </c>
      <c r="DG18" s="86">
        <v>20</v>
      </c>
      <c r="DH18" s="71">
        <v>0</v>
      </c>
      <c r="DI18" s="72">
        <v>0</v>
      </c>
      <c r="DJ18" s="73">
        <v>0</v>
      </c>
      <c r="DK18" s="277"/>
      <c r="DL18" s="72">
        <v>0</v>
      </c>
      <c r="DM18" s="72">
        <v>0</v>
      </c>
      <c r="DN18" s="72">
        <v>0</v>
      </c>
      <c r="DO18" s="72">
        <v>0</v>
      </c>
      <c r="DP18" s="72">
        <v>0</v>
      </c>
      <c r="DQ18" s="73">
        <v>0</v>
      </c>
      <c r="DR18" s="74">
        <v>0</v>
      </c>
      <c r="DS18" s="71">
        <v>0</v>
      </c>
      <c r="DT18" s="72">
        <v>0</v>
      </c>
      <c r="DU18" s="73">
        <v>0</v>
      </c>
      <c r="DV18" s="277"/>
      <c r="DW18" s="72">
        <v>1</v>
      </c>
      <c r="DX18" s="72">
        <v>0</v>
      </c>
      <c r="DY18" s="72">
        <v>0</v>
      </c>
      <c r="DZ18" s="72">
        <v>0</v>
      </c>
      <c r="EA18" s="72">
        <v>0</v>
      </c>
      <c r="EB18" s="73">
        <v>1</v>
      </c>
      <c r="EC18" s="74">
        <v>1</v>
      </c>
      <c r="ED18" s="71">
        <v>0</v>
      </c>
      <c r="EE18" s="72">
        <v>0</v>
      </c>
      <c r="EF18" s="73">
        <v>0</v>
      </c>
      <c r="EG18" s="277"/>
      <c r="EH18" s="72">
        <v>0</v>
      </c>
      <c r="EI18" s="72">
        <v>0</v>
      </c>
      <c r="EJ18" s="72">
        <v>0</v>
      </c>
      <c r="EK18" s="72">
        <v>0</v>
      </c>
      <c r="EL18" s="72">
        <v>0</v>
      </c>
      <c r="EM18" s="73">
        <v>0</v>
      </c>
      <c r="EN18" s="74">
        <v>0</v>
      </c>
      <c r="EO18" s="71">
        <v>0</v>
      </c>
      <c r="EP18" s="72">
        <v>0</v>
      </c>
      <c r="EQ18" s="73">
        <v>0</v>
      </c>
      <c r="ER18" s="277"/>
      <c r="ES18" s="72">
        <v>0</v>
      </c>
      <c r="ET18" s="72">
        <v>1</v>
      </c>
      <c r="EU18" s="72">
        <v>0</v>
      </c>
      <c r="EV18" s="72">
        <v>0</v>
      </c>
      <c r="EW18" s="72">
        <v>0</v>
      </c>
      <c r="EX18" s="73">
        <v>1</v>
      </c>
      <c r="EY18" s="74">
        <v>1</v>
      </c>
      <c r="EZ18" s="71">
        <v>0</v>
      </c>
      <c r="FA18" s="72">
        <v>0</v>
      </c>
      <c r="FB18" s="73">
        <v>0</v>
      </c>
      <c r="FC18" s="277"/>
      <c r="FD18" s="72">
        <v>0</v>
      </c>
      <c r="FE18" s="72">
        <v>2</v>
      </c>
      <c r="FF18" s="72">
        <v>1</v>
      </c>
      <c r="FG18" s="72">
        <v>1</v>
      </c>
      <c r="FH18" s="72">
        <v>0</v>
      </c>
      <c r="FI18" s="73">
        <v>4</v>
      </c>
      <c r="FJ18" s="74">
        <v>4</v>
      </c>
      <c r="FK18" s="71">
        <v>2</v>
      </c>
      <c r="FL18" s="72">
        <v>1</v>
      </c>
      <c r="FM18" s="73">
        <v>3</v>
      </c>
      <c r="FN18" s="277"/>
      <c r="FO18" s="72">
        <v>1</v>
      </c>
      <c r="FP18" s="72">
        <v>6</v>
      </c>
      <c r="FQ18" s="72">
        <v>0</v>
      </c>
      <c r="FR18" s="72">
        <v>3</v>
      </c>
      <c r="FS18" s="72">
        <v>1</v>
      </c>
      <c r="FT18" s="73">
        <v>11</v>
      </c>
      <c r="FU18" s="74">
        <v>14</v>
      </c>
      <c r="FV18" s="71">
        <v>0</v>
      </c>
      <c r="FW18" s="72">
        <v>0</v>
      </c>
      <c r="FX18" s="73">
        <v>0</v>
      </c>
      <c r="FY18" s="277"/>
      <c r="FZ18" s="72">
        <v>0</v>
      </c>
      <c r="GA18" s="72">
        <v>0</v>
      </c>
      <c r="GB18" s="72">
        <v>0</v>
      </c>
      <c r="GC18" s="72">
        <v>0</v>
      </c>
      <c r="GD18" s="72">
        <v>0</v>
      </c>
      <c r="GE18" s="73">
        <v>0</v>
      </c>
      <c r="GF18" s="74">
        <v>0</v>
      </c>
      <c r="GG18" s="71">
        <v>2</v>
      </c>
      <c r="GH18" s="72">
        <v>1</v>
      </c>
      <c r="GI18" s="73">
        <v>3</v>
      </c>
      <c r="GJ18" s="277"/>
      <c r="GK18" s="72">
        <v>2</v>
      </c>
      <c r="GL18" s="72">
        <v>9</v>
      </c>
      <c r="GM18" s="72">
        <v>1</v>
      </c>
      <c r="GN18" s="72">
        <v>4</v>
      </c>
      <c r="GO18" s="72">
        <v>1</v>
      </c>
      <c r="GP18" s="73">
        <v>17</v>
      </c>
      <c r="GQ18" s="74">
        <v>20</v>
      </c>
      <c r="GR18" s="127">
        <v>23</v>
      </c>
      <c r="GS18" s="83">
        <v>19</v>
      </c>
      <c r="GT18" s="84">
        <v>42</v>
      </c>
      <c r="GU18" s="274"/>
      <c r="GV18" s="83">
        <v>38</v>
      </c>
      <c r="GW18" s="83">
        <v>37</v>
      </c>
      <c r="GX18" s="83">
        <v>23</v>
      </c>
      <c r="GY18" s="83">
        <v>19</v>
      </c>
      <c r="GZ18" s="83">
        <v>7</v>
      </c>
      <c r="HA18" s="85">
        <v>124</v>
      </c>
      <c r="HB18" s="86">
        <v>166</v>
      </c>
      <c r="HC18" s="71">
        <v>1</v>
      </c>
      <c r="HD18" s="72">
        <v>0</v>
      </c>
      <c r="HE18" s="73">
        <v>1</v>
      </c>
      <c r="HF18" s="277"/>
      <c r="HG18" s="72">
        <v>1</v>
      </c>
      <c r="HH18" s="72">
        <v>0</v>
      </c>
      <c r="HI18" s="72">
        <v>2</v>
      </c>
      <c r="HJ18" s="72">
        <v>0</v>
      </c>
      <c r="HK18" s="72">
        <v>0</v>
      </c>
      <c r="HL18" s="73">
        <v>3</v>
      </c>
      <c r="HM18" s="74">
        <v>4</v>
      </c>
      <c r="HN18" s="71">
        <v>2</v>
      </c>
      <c r="HO18" s="72">
        <v>2</v>
      </c>
      <c r="HP18" s="73">
        <v>4</v>
      </c>
      <c r="HQ18" s="277"/>
      <c r="HR18" s="72">
        <v>5</v>
      </c>
      <c r="HS18" s="72">
        <v>2</v>
      </c>
      <c r="HT18" s="72">
        <v>2</v>
      </c>
      <c r="HU18" s="72">
        <v>1</v>
      </c>
      <c r="HV18" s="72">
        <v>2</v>
      </c>
      <c r="HW18" s="73">
        <v>12</v>
      </c>
      <c r="HX18" s="74">
        <v>16</v>
      </c>
      <c r="HY18" s="71">
        <v>3</v>
      </c>
      <c r="HZ18" s="72">
        <v>1</v>
      </c>
      <c r="IA18" s="73">
        <v>4</v>
      </c>
      <c r="IB18" s="277"/>
      <c r="IC18" s="72">
        <v>4</v>
      </c>
      <c r="ID18" s="72">
        <v>2</v>
      </c>
      <c r="IE18" s="72">
        <v>1</v>
      </c>
      <c r="IF18" s="72">
        <v>1</v>
      </c>
      <c r="IG18" s="72">
        <v>3</v>
      </c>
      <c r="IH18" s="73">
        <v>11</v>
      </c>
      <c r="II18" s="74">
        <v>15</v>
      </c>
      <c r="IJ18" s="71">
        <v>6</v>
      </c>
      <c r="IK18" s="72">
        <v>2</v>
      </c>
      <c r="IL18" s="73">
        <v>8</v>
      </c>
      <c r="IM18" s="277"/>
      <c r="IN18" s="72">
        <v>8</v>
      </c>
      <c r="IO18" s="72">
        <v>7</v>
      </c>
      <c r="IP18" s="72">
        <v>3</v>
      </c>
      <c r="IQ18" s="72">
        <v>4</v>
      </c>
      <c r="IR18" s="72">
        <v>0</v>
      </c>
      <c r="IS18" s="73">
        <v>22</v>
      </c>
      <c r="IT18" s="74">
        <v>30</v>
      </c>
      <c r="IU18" s="71">
        <v>4</v>
      </c>
      <c r="IV18" s="72">
        <v>5</v>
      </c>
      <c r="IW18" s="73">
        <v>9</v>
      </c>
      <c r="IX18" s="277"/>
      <c r="IY18" s="72">
        <v>6</v>
      </c>
      <c r="IZ18" s="72">
        <v>8</v>
      </c>
      <c r="JA18" s="72">
        <v>4</v>
      </c>
      <c r="JB18" s="72">
        <v>5</v>
      </c>
      <c r="JC18" s="72">
        <v>0</v>
      </c>
      <c r="JD18" s="73">
        <v>23</v>
      </c>
      <c r="JE18" s="74">
        <v>32</v>
      </c>
      <c r="JF18" s="71">
        <v>7</v>
      </c>
      <c r="JG18" s="72">
        <v>9</v>
      </c>
      <c r="JH18" s="73">
        <v>16</v>
      </c>
      <c r="JI18" s="277"/>
      <c r="JJ18" s="72">
        <v>14</v>
      </c>
      <c r="JK18" s="72">
        <v>18</v>
      </c>
      <c r="JL18" s="72">
        <v>11</v>
      </c>
      <c r="JM18" s="72">
        <v>8</v>
      </c>
      <c r="JN18" s="72">
        <v>2</v>
      </c>
      <c r="JO18" s="73">
        <v>53</v>
      </c>
      <c r="JP18" s="74">
        <v>69</v>
      </c>
      <c r="JQ18" s="71">
        <v>0</v>
      </c>
      <c r="JR18" s="72">
        <v>0</v>
      </c>
      <c r="JS18" s="73">
        <v>0</v>
      </c>
      <c r="JT18" s="277"/>
      <c r="JU18" s="72">
        <v>0</v>
      </c>
      <c r="JV18" s="72">
        <v>0</v>
      </c>
      <c r="JW18" s="72">
        <v>0</v>
      </c>
      <c r="JX18" s="72">
        <v>0</v>
      </c>
      <c r="JY18" s="72">
        <v>0</v>
      </c>
      <c r="JZ18" s="73">
        <v>0</v>
      </c>
      <c r="KA18" s="74">
        <v>0</v>
      </c>
      <c r="KB18" s="71">
        <v>23</v>
      </c>
      <c r="KC18" s="72">
        <v>19</v>
      </c>
      <c r="KD18" s="73">
        <v>42</v>
      </c>
      <c r="KE18" s="277"/>
      <c r="KF18" s="72">
        <v>38</v>
      </c>
      <c r="KG18" s="72">
        <v>37</v>
      </c>
      <c r="KH18" s="72">
        <v>23</v>
      </c>
      <c r="KI18" s="72">
        <v>19</v>
      </c>
      <c r="KJ18" s="72">
        <v>7</v>
      </c>
      <c r="KK18" s="73">
        <v>124</v>
      </c>
      <c r="KL18" s="74">
        <v>166</v>
      </c>
    </row>
    <row r="19" spans="1:298" ht="19.5" customHeight="1" x14ac:dyDescent="0.2">
      <c r="A19" s="130" t="s">
        <v>16</v>
      </c>
      <c r="B19" s="347">
        <v>42</v>
      </c>
      <c r="C19" s="83">
        <v>32</v>
      </c>
      <c r="D19" s="84">
        <v>74</v>
      </c>
      <c r="E19" s="274"/>
      <c r="F19" s="83">
        <v>80</v>
      </c>
      <c r="G19" s="83">
        <v>99</v>
      </c>
      <c r="H19" s="83">
        <v>62</v>
      </c>
      <c r="I19" s="83">
        <v>47</v>
      </c>
      <c r="J19" s="83">
        <v>25</v>
      </c>
      <c r="K19" s="85">
        <v>313</v>
      </c>
      <c r="L19" s="86">
        <v>387</v>
      </c>
      <c r="M19" s="71">
        <v>2</v>
      </c>
      <c r="N19" s="72">
        <v>1</v>
      </c>
      <c r="O19" s="73">
        <v>3</v>
      </c>
      <c r="P19" s="274"/>
      <c r="Q19" s="72">
        <v>2</v>
      </c>
      <c r="R19" s="72">
        <v>3</v>
      </c>
      <c r="S19" s="72">
        <v>2</v>
      </c>
      <c r="T19" s="72">
        <v>1</v>
      </c>
      <c r="U19" s="72">
        <v>0</v>
      </c>
      <c r="V19" s="73">
        <v>8</v>
      </c>
      <c r="W19" s="74">
        <v>11</v>
      </c>
      <c r="X19" s="71">
        <v>5</v>
      </c>
      <c r="Y19" s="72">
        <v>3</v>
      </c>
      <c r="Z19" s="73">
        <v>8</v>
      </c>
      <c r="AA19" s="277"/>
      <c r="AB19" s="72">
        <v>5</v>
      </c>
      <c r="AC19" s="72">
        <v>10</v>
      </c>
      <c r="AD19" s="72">
        <v>2</v>
      </c>
      <c r="AE19" s="72">
        <v>0</v>
      </c>
      <c r="AF19" s="72">
        <v>3</v>
      </c>
      <c r="AG19" s="73">
        <v>20</v>
      </c>
      <c r="AH19" s="74">
        <v>28</v>
      </c>
      <c r="AI19" s="71">
        <v>8</v>
      </c>
      <c r="AJ19" s="72">
        <v>2</v>
      </c>
      <c r="AK19" s="73">
        <v>10</v>
      </c>
      <c r="AL19" s="277"/>
      <c r="AM19" s="72">
        <v>7</v>
      </c>
      <c r="AN19" s="72">
        <v>8</v>
      </c>
      <c r="AO19" s="72">
        <v>7</v>
      </c>
      <c r="AP19" s="72">
        <v>7</v>
      </c>
      <c r="AQ19" s="72">
        <v>1</v>
      </c>
      <c r="AR19" s="73">
        <v>30</v>
      </c>
      <c r="AS19" s="74">
        <v>40</v>
      </c>
      <c r="AT19" s="71">
        <v>8</v>
      </c>
      <c r="AU19" s="72">
        <v>3</v>
      </c>
      <c r="AV19" s="73">
        <v>11</v>
      </c>
      <c r="AW19" s="277"/>
      <c r="AX19" s="72">
        <v>18</v>
      </c>
      <c r="AY19" s="72">
        <v>21</v>
      </c>
      <c r="AZ19" s="72">
        <v>10</v>
      </c>
      <c r="BA19" s="72">
        <v>6</v>
      </c>
      <c r="BB19" s="72">
        <v>5</v>
      </c>
      <c r="BC19" s="73">
        <v>60</v>
      </c>
      <c r="BD19" s="74">
        <v>71</v>
      </c>
      <c r="BE19" s="71">
        <v>8</v>
      </c>
      <c r="BF19" s="72">
        <v>13</v>
      </c>
      <c r="BG19" s="73">
        <v>21</v>
      </c>
      <c r="BH19" s="277"/>
      <c r="BI19" s="72">
        <v>26</v>
      </c>
      <c r="BJ19" s="72">
        <v>29</v>
      </c>
      <c r="BK19" s="72">
        <v>18</v>
      </c>
      <c r="BL19" s="72">
        <v>15</v>
      </c>
      <c r="BM19" s="72">
        <v>10</v>
      </c>
      <c r="BN19" s="73">
        <v>98</v>
      </c>
      <c r="BO19" s="74">
        <v>119</v>
      </c>
      <c r="BP19" s="71">
        <v>11</v>
      </c>
      <c r="BQ19" s="72">
        <v>10</v>
      </c>
      <c r="BR19" s="73">
        <v>21</v>
      </c>
      <c r="BS19" s="277"/>
      <c r="BT19" s="72">
        <v>22</v>
      </c>
      <c r="BU19" s="72">
        <v>28</v>
      </c>
      <c r="BV19" s="72">
        <v>23</v>
      </c>
      <c r="BW19" s="72">
        <v>18</v>
      </c>
      <c r="BX19" s="72">
        <v>6</v>
      </c>
      <c r="BY19" s="73">
        <v>97</v>
      </c>
      <c r="BZ19" s="74">
        <v>118</v>
      </c>
      <c r="CA19" s="71">
        <v>0</v>
      </c>
      <c r="CB19" s="72">
        <v>0</v>
      </c>
      <c r="CC19" s="73">
        <v>0</v>
      </c>
      <c r="CD19" s="277"/>
      <c r="CE19" s="72">
        <v>0</v>
      </c>
      <c r="CF19" s="72">
        <v>0</v>
      </c>
      <c r="CG19" s="72">
        <v>0</v>
      </c>
      <c r="CH19" s="72">
        <v>0</v>
      </c>
      <c r="CI19" s="72">
        <v>0</v>
      </c>
      <c r="CJ19" s="73">
        <v>0</v>
      </c>
      <c r="CK19" s="74">
        <v>0</v>
      </c>
      <c r="CL19" s="71">
        <v>42</v>
      </c>
      <c r="CM19" s="72">
        <v>32</v>
      </c>
      <c r="CN19" s="73">
        <v>74</v>
      </c>
      <c r="CO19" s="277"/>
      <c r="CP19" s="72">
        <v>80</v>
      </c>
      <c r="CQ19" s="72">
        <v>99</v>
      </c>
      <c r="CR19" s="72">
        <v>62</v>
      </c>
      <c r="CS19" s="72">
        <v>47</v>
      </c>
      <c r="CT19" s="72">
        <v>25</v>
      </c>
      <c r="CU19" s="73">
        <v>313</v>
      </c>
      <c r="CV19" s="74">
        <v>387</v>
      </c>
      <c r="CW19" s="127">
        <v>7</v>
      </c>
      <c r="CX19" s="83">
        <v>5</v>
      </c>
      <c r="CY19" s="84">
        <v>12</v>
      </c>
      <c r="CZ19" s="274"/>
      <c r="DA19" s="83">
        <v>16</v>
      </c>
      <c r="DB19" s="83">
        <v>17</v>
      </c>
      <c r="DC19" s="83">
        <v>7</v>
      </c>
      <c r="DD19" s="83">
        <v>9</v>
      </c>
      <c r="DE19" s="83">
        <v>10</v>
      </c>
      <c r="DF19" s="85">
        <v>59</v>
      </c>
      <c r="DG19" s="86">
        <v>71</v>
      </c>
      <c r="DH19" s="71">
        <v>0</v>
      </c>
      <c r="DI19" s="72">
        <v>0</v>
      </c>
      <c r="DJ19" s="73">
        <v>0</v>
      </c>
      <c r="DK19" s="277"/>
      <c r="DL19" s="72">
        <v>0</v>
      </c>
      <c r="DM19" s="72">
        <v>0</v>
      </c>
      <c r="DN19" s="72">
        <v>0</v>
      </c>
      <c r="DO19" s="72">
        <v>0</v>
      </c>
      <c r="DP19" s="72">
        <v>0</v>
      </c>
      <c r="DQ19" s="73">
        <v>0</v>
      </c>
      <c r="DR19" s="74">
        <v>0</v>
      </c>
      <c r="DS19" s="71">
        <v>1</v>
      </c>
      <c r="DT19" s="72">
        <v>1</v>
      </c>
      <c r="DU19" s="73">
        <v>2</v>
      </c>
      <c r="DV19" s="277"/>
      <c r="DW19" s="72">
        <v>2</v>
      </c>
      <c r="DX19" s="72">
        <v>0</v>
      </c>
      <c r="DY19" s="72">
        <v>0</v>
      </c>
      <c r="DZ19" s="72">
        <v>0</v>
      </c>
      <c r="EA19" s="72">
        <v>0</v>
      </c>
      <c r="EB19" s="73">
        <v>2</v>
      </c>
      <c r="EC19" s="74">
        <v>4</v>
      </c>
      <c r="ED19" s="71">
        <v>2</v>
      </c>
      <c r="EE19" s="72">
        <v>0</v>
      </c>
      <c r="EF19" s="73">
        <v>2</v>
      </c>
      <c r="EG19" s="277"/>
      <c r="EH19" s="72">
        <v>2</v>
      </c>
      <c r="EI19" s="72">
        <v>1</v>
      </c>
      <c r="EJ19" s="72">
        <v>0</v>
      </c>
      <c r="EK19" s="72">
        <v>0</v>
      </c>
      <c r="EL19" s="72">
        <v>0</v>
      </c>
      <c r="EM19" s="73">
        <v>3</v>
      </c>
      <c r="EN19" s="74">
        <v>5</v>
      </c>
      <c r="EO19" s="71">
        <v>1</v>
      </c>
      <c r="EP19" s="72">
        <v>2</v>
      </c>
      <c r="EQ19" s="73">
        <v>3</v>
      </c>
      <c r="ER19" s="277"/>
      <c r="ES19" s="72">
        <v>3</v>
      </c>
      <c r="ET19" s="72">
        <v>4</v>
      </c>
      <c r="EU19" s="72">
        <v>1</v>
      </c>
      <c r="EV19" s="72">
        <v>1</v>
      </c>
      <c r="EW19" s="72">
        <v>0</v>
      </c>
      <c r="EX19" s="73">
        <v>9</v>
      </c>
      <c r="EY19" s="74">
        <v>12</v>
      </c>
      <c r="EZ19" s="71">
        <v>2</v>
      </c>
      <c r="FA19" s="72">
        <v>1</v>
      </c>
      <c r="FB19" s="73">
        <v>3</v>
      </c>
      <c r="FC19" s="277"/>
      <c r="FD19" s="72">
        <v>3</v>
      </c>
      <c r="FE19" s="72">
        <v>3</v>
      </c>
      <c r="FF19" s="72">
        <v>2</v>
      </c>
      <c r="FG19" s="72">
        <v>1</v>
      </c>
      <c r="FH19" s="72">
        <v>3</v>
      </c>
      <c r="FI19" s="73">
        <v>12</v>
      </c>
      <c r="FJ19" s="74">
        <v>15</v>
      </c>
      <c r="FK19" s="71">
        <v>1</v>
      </c>
      <c r="FL19" s="72">
        <v>1</v>
      </c>
      <c r="FM19" s="73">
        <v>2</v>
      </c>
      <c r="FN19" s="277"/>
      <c r="FO19" s="72">
        <v>6</v>
      </c>
      <c r="FP19" s="72">
        <v>9</v>
      </c>
      <c r="FQ19" s="72">
        <v>4</v>
      </c>
      <c r="FR19" s="72">
        <v>7</v>
      </c>
      <c r="FS19" s="72">
        <v>7</v>
      </c>
      <c r="FT19" s="73">
        <v>33</v>
      </c>
      <c r="FU19" s="74">
        <v>35</v>
      </c>
      <c r="FV19" s="71">
        <v>0</v>
      </c>
      <c r="FW19" s="72">
        <v>0</v>
      </c>
      <c r="FX19" s="73">
        <v>0</v>
      </c>
      <c r="FY19" s="277"/>
      <c r="FZ19" s="72">
        <v>0</v>
      </c>
      <c r="GA19" s="72">
        <v>0</v>
      </c>
      <c r="GB19" s="72">
        <v>0</v>
      </c>
      <c r="GC19" s="72">
        <v>0</v>
      </c>
      <c r="GD19" s="72">
        <v>0</v>
      </c>
      <c r="GE19" s="73">
        <v>0</v>
      </c>
      <c r="GF19" s="74">
        <v>0</v>
      </c>
      <c r="GG19" s="71">
        <v>7</v>
      </c>
      <c r="GH19" s="72">
        <v>5</v>
      </c>
      <c r="GI19" s="73">
        <v>12</v>
      </c>
      <c r="GJ19" s="277"/>
      <c r="GK19" s="72">
        <v>16</v>
      </c>
      <c r="GL19" s="72">
        <v>17</v>
      </c>
      <c r="GM19" s="72">
        <v>7</v>
      </c>
      <c r="GN19" s="72">
        <v>9</v>
      </c>
      <c r="GO19" s="72">
        <v>10</v>
      </c>
      <c r="GP19" s="73">
        <v>59</v>
      </c>
      <c r="GQ19" s="74">
        <v>71</v>
      </c>
      <c r="GR19" s="127">
        <v>49</v>
      </c>
      <c r="GS19" s="83">
        <v>37</v>
      </c>
      <c r="GT19" s="84">
        <v>86</v>
      </c>
      <c r="GU19" s="274"/>
      <c r="GV19" s="83">
        <v>96</v>
      </c>
      <c r="GW19" s="83">
        <v>116</v>
      </c>
      <c r="GX19" s="83">
        <v>69</v>
      </c>
      <c r="GY19" s="83">
        <v>56</v>
      </c>
      <c r="GZ19" s="83">
        <v>35</v>
      </c>
      <c r="HA19" s="85">
        <v>372</v>
      </c>
      <c r="HB19" s="86">
        <v>458</v>
      </c>
      <c r="HC19" s="71">
        <v>2</v>
      </c>
      <c r="HD19" s="72">
        <v>1</v>
      </c>
      <c r="HE19" s="73">
        <v>3</v>
      </c>
      <c r="HF19" s="277"/>
      <c r="HG19" s="72">
        <v>2</v>
      </c>
      <c r="HH19" s="72">
        <v>3</v>
      </c>
      <c r="HI19" s="72">
        <v>2</v>
      </c>
      <c r="HJ19" s="72">
        <v>1</v>
      </c>
      <c r="HK19" s="72">
        <v>0</v>
      </c>
      <c r="HL19" s="73">
        <v>8</v>
      </c>
      <c r="HM19" s="74">
        <v>11</v>
      </c>
      <c r="HN19" s="71">
        <v>6</v>
      </c>
      <c r="HO19" s="72">
        <v>4</v>
      </c>
      <c r="HP19" s="73">
        <v>10</v>
      </c>
      <c r="HQ19" s="277"/>
      <c r="HR19" s="72">
        <v>7</v>
      </c>
      <c r="HS19" s="72">
        <v>10</v>
      </c>
      <c r="HT19" s="72">
        <v>2</v>
      </c>
      <c r="HU19" s="72">
        <v>0</v>
      </c>
      <c r="HV19" s="72">
        <v>3</v>
      </c>
      <c r="HW19" s="73">
        <v>22</v>
      </c>
      <c r="HX19" s="74">
        <v>32</v>
      </c>
      <c r="HY19" s="71">
        <v>10</v>
      </c>
      <c r="HZ19" s="72">
        <v>2</v>
      </c>
      <c r="IA19" s="73">
        <v>12</v>
      </c>
      <c r="IB19" s="277"/>
      <c r="IC19" s="72">
        <v>9</v>
      </c>
      <c r="ID19" s="72">
        <v>9</v>
      </c>
      <c r="IE19" s="72">
        <v>7</v>
      </c>
      <c r="IF19" s="72">
        <v>7</v>
      </c>
      <c r="IG19" s="72">
        <v>1</v>
      </c>
      <c r="IH19" s="73">
        <v>33</v>
      </c>
      <c r="II19" s="74">
        <v>45</v>
      </c>
      <c r="IJ19" s="71">
        <v>9</v>
      </c>
      <c r="IK19" s="72">
        <v>5</v>
      </c>
      <c r="IL19" s="73">
        <v>14</v>
      </c>
      <c r="IM19" s="277"/>
      <c r="IN19" s="72">
        <v>21</v>
      </c>
      <c r="IO19" s="72">
        <v>25</v>
      </c>
      <c r="IP19" s="72">
        <v>11</v>
      </c>
      <c r="IQ19" s="72">
        <v>7</v>
      </c>
      <c r="IR19" s="72">
        <v>5</v>
      </c>
      <c r="IS19" s="73">
        <v>69</v>
      </c>
      <c r="IT19" s="74">
        <v>83</v>
      </c>
      <c r="IU19" s="71">
        <v>10</v>
      </c>
      <c r="IV19" s="72">
        <v>14</v>
      </c>
      <c r="IW19" s="73">
        <v>24</v>
      </c>
      <c r="IX19" s="277"/>
      <c r="IY19" s="72">
        <v>29</v>
      </c>
      <c r="IZ19" s="72">
        <v>32</v>
      </c>
      <c r="JA19" s="72">
        <v>20</v>
      </c>
      <c r="JB19" s="72">
        <v>16</v>
      </c>
      <c r="JC19" s="72">
        <v>13</v>
      </c>
      <c r="JD19" s="73">
        <v>110</v>
      </c>
      <c r="JE19" s="74">
        <v>134</v>
      </c>
      <c r="JF19" s="71">
        <v>12</v>
      </c>
      <c r="JG19" s="72">
        <v>11</v>
      </c>
      <c r="JH19" s="73">
        <v>23</v>
      </c>
      <c r="JI19" s="277"/>
      <c r="JJ19" s="72">
        <v>28</v>
      </c>
      <c r="JK19" s="72">
        <v>37</v>
      </c>
      <c r="JL19" s="72">
        <v>27</v>
      </c>
      <c r="JM19" s="72">
        <v>25</v>
      </c>
      <c r="JN19" s="72">
        <v>13</v>
      </c>
      <c r="JO19" s="73">
        <v>130</v>
      </c>
      <c r="JP19" s="74">
        <v>153</v>
      </c>
      <c r="JQ19" s="71">
        <v>0</v>
      </c>
      <c r="JR19" s="72">
        <v>0</v>
      </c>
      <c r="JS19" s="73">
        <v>0</v>
      </c>
      <c r="JT19" s="277"/>
      <c r="JU19" s="72">
        <v>0</v>
      </c>
      <c r="JV19" s="72">
        <v>0</v>
      </c>
      <c r="JW19" s="72">
        <v>0</v>
      </c>
      <c r="JX19" s="72">
        <v>0</v>
      </c>
      <c r="JY19" s="72">
        <v>0</v>
      </c>
      <c r="JZ19" s="73">
        <v>0</v>
      </c>
      <c r="KA19" s="74">
        <v>0</v>
      </c>
      <c r="KB19" s="71">
        <v>49</v>
      </c>
      <c r="KC19" s="72">
        <v>37</v>
      </c>
      <c r="KD19" s="73">
        <v>86</v>
      </c>
      <c r="KE19" s="277"/>
      <c r="KF19" s="72">
        <v>96</v>
      </c>
      <c r="KG19" s="72">
        <v>116</v>
      </c>
      <c r="KH19" s="72">
        <v>69</v>
      </c>
      <c r="KI19" s="72">
        <v>56</v>
      </c>
      <c r="KJ19" s="72">
        <v>35</v>
      </c>
      <c r="KK19" s="73">
        <v>372</v>
      </c>
      <c r="KL19" s="74">
        <v>458</v>
      </c>
    </row>
    <row r="20" spans="1:298" ht="19.5" customHeight="1" x14ac:dyDescent="0.2">
      <c r="A20" s="130" t="s">
        <v>17</v>
      </c>
      <c r="B20" s="347">
        <v>54</v>
      </c>
      <c r="C20" s="83">
        <v>50</v>
      </c>
      <c r="D20" s="84">
        <v>104</v>
      </c>
      <c r="E20" s="274"/>
      <c r="F20" s="83">
        <v>93</v>
      </c>
      <c r="G20" s="83">
        <v>95</v>
      </c>
      <c r="H20" s="83">
        <v>68</v>
      </c>
      <c r="I20" s="83">
        <v>47</v>
      </c>
      <c r="J20" s="83">
        <v>27</v>
      </c>
      <c r="K20" s="85">
        <v>330</v>
      </c>
      <c r="L20" s="86">
        <v>434</v>
      </c>
      <c r="M20" s="71">
        <v>0</v>
      </c>
      <c r="N20" s="72">
        <v>1</v>
      </c>
      <c r="O20" s="73">
        <v>1</v>
      </c>
      <c r="P20" s="274"/>
      <c r="Q20" s="72">
        <v>0</v>
      </c>
      <c r="R20" s="72">
        <v>4</v>
      </c>
      <c r="S20" s="72">
        <v>3</v>
      </c>
      <c r="T20" s="72">
        <v>0</v>
      </c>
      <c r="U20" s="72">
        <v>4</v>
      </c>
      <c r="V20" s="73">
        <v>11</v>
      </c>
      <c r="W20" s="74">
        <v>12</v>
      </c>
      <c r="X20" s="71">
        <v>2</v>
      </c>
      <c r="Y20" s="72">
        <v>4</v>
      </c>
      <c r="Z20" s="73">
        <v>6</v>
      </c>
      <c r="AA20" s="277"/>
      <c r="AB20" s="72">
        <v>1</v>
      </c>
      <c r="AC20" s="72">
        <v>9</v>
      </c>
      <c r="AD20" s="72">
        <v>3</v>
      </c>
      <c r="AE20" s="72">
        <v>3</v>
      </c>
      <c r="AF20" s="72">
        <v>2</v>
      </c>
      <c r="AG20" s="73">
        <v>18</v>
      </c>
      <c r="AH20" s="74">
        <v>24</v>
      </c>
      <c r="AI20" s="71">
        <v>10</v>
      </c>
      <c r="AJ20" s="72">
        <v>4</v>
      </c>
      <c r="AK20" s="73">
        <v>14</v>
      </c>
      <c r="AL20" s="277"/>
      <c r="AM20" s="72">
        <v>7</v>
      </c>
      <c r="AN20" s="72">
        <v>7</v>
      </c>
      <c r="AO20" s="72">
        <v>3</v>
      </c>
      <c r="AP20" s="72">
        <v>4</v>
      </c>
      <c r="AQ20" s="72">
        <v>1</v>
      </c>
      <c r="AR20" s="73">
        <v>22</v>
      </c>
      <c r="AS20" s="74">
        <v>36</v>
      </c>
      <c r="AT20" s="71">
        <v>11</v>
      </c>
      <c r="AU20" s="72">
        <v>10</v>
      </c>
      <c r="AV20" s="73">
        <v>21</v>
      </c>
      <c r="AW20" s="277"/>
      <c r="AX20" s="72">
        <v>30</v>
      </c>
      <c r="AY20" s="72">
        <v>20</v>
      </c>
      <c r="AZ20" s="72">
        <v>15</v>
      </c>
      <c r="BA20" s="72">
        <v>13</v>
      </c>
      <c r="BB20" s="72">
        <v>7</v>
      </c>
      <c r="BC20" s="73">
        <v>85</v>
      </c>
      <c r="BD20" s="74">
        <v>106</v>
      </c>
      <c r="BE20" s="71">
        <v>21</v>
      </c>
      <c r="BF20" s="72">
        <v>16</v>
      </c>
      <c r="BG20" s="73">
        <v>37</v>
      </c>
      <c r="BH20" s="277"/>
      <c r="BI20" s="72">
        <v>28</v>
      </c>
      <c r="BJ20" s="72">
        <v>32</v>
      </c>
      <c r="BK20" s="72">
        <v>23</v>
      </c>
      <c r="BL20" s="72">
        <v>14</v>
      </c>
      <c r="BM20" s="72">
        <v>7</v>
      </c>
      <c r="BN20" s="73">
        <v>104</v>
      </c>
      <c r="BO20" s="74">
        <v>141</v>
      </c>
      <c r="BP20" s="71">
        <v>10</v>
      </c>
      <c r="BQ20" s="72">
        <v>15</v>
      </c>
      <c r="BR20" s="73">
        <v>25</v>
      </c>
      <c r="BS20" s="277"/>
      <c r="BT20" s="72">
        <v>27</v>
      </c>
      <c r="BU20" s="72">
        <v>23</v>
      </c>
      <c r="BV20" s="72">
        <v>21</v>
      </c>
      <c r="BW20" s="72">
        <v>13</v>
      </c>
      <c r="BX20" s="72">
        <v>6</v>
      </c>
      <c r="BY20" s="73">
        <v>90</v>
      </c>
      <c r="BZ20" s="74">
        <v>115</v>
      </c>
      <c r="CA20" s="71">
        <v>0</v>
      </c>
      <c r="CB20" s="72">
        <v>0</v>
      </c>
      <c r="CC20" s="73">
        <v>0</v>
      </c>
      <c r="CD20" s="277"/>
      <c r="CE20" s="72">
        <v>0</v>
      </c>
      <c r="CF20" s="72">
        <v>0</v>
      </c>
      <c r="CG20" s="72">
        <v>0</v>
      </c>
      <c r="CH20" s="72">
        <v>0</v>
      </c>
      <c r="CI20" s="72">
        <v>0</v>
      </c>
      <c r="CJ20" s="73">
        <v>0</v>
      </c>
      <c r="CK20" s="74">
        <v>0</v>
      </c>
      <c r="CL20" s="71">
        <v>54</v>
      </c>
      <c r="CM20" s="72">
        <v>50</v>
      </c>
      <c r="CN20" s="73">
        <v>104</v>
      </c>
      <c r="CO20" s="277"/>
      <c r="CP20" s="72">
        <v>93</v>
      </c>
      <c r="CQ20" s="72">
        <v>95</v>
      </c>
      <c r="CR20" s="72">
        <v>68</v>
      </c>
      <c r="CS20" s="72">
        <v>47</v>
      </c>
      <c r="CT20" s="72">
        <v>27</v>
      </c>
      <c r="CU20" s="73">
        <v>330</v>
      </c>
      <c r="CV20" s="74">
        <v>434</v>
      </c>
      <c r="CW20" s="127">
        <v>6</v>
      </c>
      <c r="CX20" s="83">
        <v>15</v>
      </c>
      <c r="CY20" s="84">
        <v>21</v>
      </c>
      <c r="CZ20" s="274"/>
      <c r="DA20" s="83">
        <v>11</v>
      </c>
      <c r="DB20" s="83">
        <v>15</v>
      </c>
      <c r="DC20" s="83">
        <v>13</v>
      </c>
      <c r="DD20" s="83">
        <v>5</v>
      </c>
      <c r="DE20" s="83">
        <v>5</v>
      </c>
      <c r="DF20" s="85">
        <v>49</v>
      </c>
      <c r="DG20" s="86">
        <v>70</v>
      </c>
      <c r="DH20" s="71">
        <v>0</v>
      </c>
      <c r="DI20" s="72">
        <v>1</v>
      </c>
      <c r="DJ20" s="73">
        <v>1</v>
      </c>
      <c r="DK20" s="277"/>
      <c r="DL20" s="72">
        <v>0</v>
      </c>
      <c r="DM20" s="72">
        <v>1</v>
      </c>
      <c r="DN20" s="72">
        <v>1</v>
      </c>
      <c r="DO20" s="72">
        <v>0</v>
      </c>
      <c r="DP20" s="72">
        <v>1</v>
      </c>
      <c r="DQ20" s="73">
        <v>3</v>
      </c>
      <c r="DR20" s="74">
        <v>4</v>
      </c>
      <c r="DS20" s="71">
        <v>0</v>
      </c>
      <c r="DT20" s="72">
        <v>3</v>
      </c>
      <c r="DU20" s="73">
        <v>3</v>
      </c>
      <c r="DV20" s="277"/>
      <c r="DW20" s="72">
        <v>0</v>
      </c>
      <c r="DX20" s="72">
        <v>1</v>
      </c>
      <c r="DY20" s="72">
        <v>1</v>
      </c>
      <c r="DZ20" s="72">
        <v>0</v>
      </c>
      <c r="EA20" s="72">
        <v>0</v>
      </c>
      <c r="EB20" s="73">
        <v>2</v>
      </c>
      <c r="EC20" s="74">
        <v>5</v>
      </c>
      <c r="ED20" s="71">
        <v>0</v>
      </c>
      <c r="EE20" s="72">
        <v>1</v>
      </c>
      <c r="EF20" s="73">
        <v>1</v>
      </c>
      <c r="EG20" s="277"/>
      <c r="EH20" s="72">
        <v>2</v>
      </c>
      <c r="EI20" s="72">
        <v>0</v>
      </c>
      <c r="EJ20" s="72">
        <v>0</v>
      </c>
      <c r="EK20" s="72">
        <v>0</v>
      </c>
      <c r="EL20" s="72">
        <v>1</v>
      </c>
      <c r="EM20" s="73">
        <v>3</v>
      </c>
      <c r="EN20" s="74">
        <v>4</v>
      </c>
      <c r="EO20" s="71">
        <v>5</v>
      </c>
      <c r="EP20" s="72">
        <v>2</v>
      </c>
      <c r="EQ20" s="73">
        <v>7</v>
      </c>
      <c r="ER20" s="277"/>
      <c r="ES20" s="72">
        <v>3</v>
      </c>
      <c r="ET20" s="72">
        <v>4</v>
      </c>
      <c r="EU20" s="72">
        <v>2</v>
      </c>
      <c r="EV20" s="72">
        <v>1</v>
      </c>
      <c r="EW20" s="72">
        <v>1</v>
      </c>
      <c r="EX20" s="73">
        <v>11</v>
      </c>
      <c r="EY20" s="74">
        <v>18</v>
      </c>
      <c r="EZ20" s="71">
        <v>0</v>
      </c>
      <c r="FA20" s="72">
        <v>3</v>
      </c>
      <c r="FB20" s="73">
        <v>3</v>
      </c>
      <c r="FC20" s="277"/>
      <c r="FD20" s="72">
        <v>4</v>
      </c>
      <c r="FE20" s="72">
        <v>3</v>
      </c>
      <c r="FF20" s="72">
        <v>2</v>
      </c>
      <c r="FG20" s="72">
        <v>0</v>
      </c>
      <c r="FH20" s="72">
        <v>0</v>
      </c>
      <c r="FI20" s="73">
        <v>9</v>
      </c>
      <c r="FJ20" s="74">
        <v>12</v>
      </c>
      <c r="FK20" s="71">
        <v>1</v>
      </c>
      <c r="FL20" s="72">
        <v>5</v>
      </c>
      <c r="FM20" s="73">
        <v>6</v>
      </c>
      <c r="FN20" s="277"/>
      <c r="FO20" s="72">
        <v>2</v>
      </c>
      <c r="FP20" s="72">
        <v>6</v>
      </c>
      <c r="FQ20" s="72">
        <v>7</v>
      </c>
      <c r="FR20" s="72">
        <v>4</v>
      </c>
      <c r="FS20" s="72">
        <v>2</v>
      </c>
      <c r="FT20" s="73">
        <v>21</v>
      </c>
      <c r="FU20" s="74">
        <v>27</v>
      </c>
      <c r="FV20" s="71">
        <v>0</v>
      </c>
      <c r="FW20" s="72">
        <v>0</v>
      </c>
      <c r="FX20" s="73">
        <v>0</v>
      </c>
      <c r="FY20" s="277"/>
      <c r="FZ20" s="72">
        <v>0</v>
      </c>
      <c r="GA20" s="72">
        <v>0</v>
      </c>
      <c r="GB20" s="72">
        <v>0</v>
      </c>
      <c r="GC20" s="72">
        <v>0</v>
      </c>
      <c r="GD20" s="72">
        <v>0</v>
      </c>
      <c r="GE20" s="73">
        <v>0</v>
      </c>
      <c r="GF20" s="74">
        <v>0</v>
      </c>
      <c r="GG20" s="71">
        <v>6</v>
      </c>
      <c r="GH20" s="72">
        <v>15</v>
      </c>
      <c r="GI20" s="73">
        <v>21</v>
      </c>
      <c r="GJ20" s="277"/>
      <c r="GK20" s="72">
        <v>11</v>
      </c>
      <c r="GL20" s="72">
        <v>15</v>
      </c>
      <c r="GM20" s="72">
        <v>13</v>
      </c>
      <c r="GN20" s="72">
        <v>5</v>
      </c>
      <c r="GO20" s="72">
        <v>5</v>
      </c>
      <c r="GP20" s="73">
        <v>49</v>
      </c>
      <c r="GQ20" s="74">
        <v>70</v>
      </c>
      <c r="GR20" s="127">
        <v>60</v>
      </c>
      <c r="GS20" s="83">
        <v>65</v>
      </c>
      <c r="GT20" s="84">
        <v>125</v>
      </c>
      <c r="GU20" s="274"/>
      <c r="GV20" s="83">
        <v>104</v>
      </c>
      <c r="GW20" s="83">
        <v>110</v>
      </c>
      <c r="GX20" s="83">
        <v>81</v>
      </c>
      <c r="GY20" s="83">
        <v>52</v>
      </c>
      <c r="GZ20" s="83">
        <v>32</v>
      </c>
      <c r="HA20" s="85">
        <v>379</v>
      </c>
      <c r="HB20" s="86">
        <v>504</v>
      </c>
      <c r="HC20" s="71">
        <v>0</v>
      </c>
      <c r="HD20" s="72">
        <v>2</v>
      </c>
      <c r="HE20" s="73">
        <v>2</v>
      </c>
      <c r="HF20" s="277"/>
      <c r="HG20" s="72">
        <v>0</v>
      </c>
      <c r="HH20" s="72">
        <v>5</v>
      </c>
      <c r="HI20" s="72">
        <v>4</v>
      </c>
      <c r="HJ20" s="72">
        <v>0</v>
      </c>
      <c r="HK20" s="72">
        <v>5</v>
      </c>
      <c r="HL20" s="73">
        <v>14</v>
      </c>
      <c r="HM20" s="74">
        <v>16</v>
      </c>
      <c r="HN20" s="71">
        <v>2</v>
      </c>
      <c r="HO20" s="72">
        <v>7</v>
      </c>
      <c r="HP20" s="73">
        <v>9</v>
      </c>
      <c r="HQ20" s="277"/>
      <c r="HR20" s="72">
        <v>1</v>
      </c>
      <c r="HS20" s="72">
        <v>10</v>
      </c>
      <c r="HT20" s="72">
        <v>4</v>
      </c>
      <c r="HU20" s="72">
        <v>3</v>
      </c>
      <c r="HV20" s="72">
        <v>2</v>
      </c>
      <c r="HW20" s="73">
        <v>20</v>
      </c>
      <c r="HX20" s="74">
        <v>29</v>
      </c>
      <c r="HY20" s="71">
        <v>10</v>
      </c>
      <c r="HZ20" s="72">
        <v>5</v>
      </c>
      <c r="IA20" s="73">
        <v>15</v>
      </c>
      <c r="IB20" s="277"/>
      <c r="IC20" s="72">
        <v>9</v>
      </c>
      <c r="ID20" s="72">
        <v>7</v>
      </c>
      <c r="IE20" s="72">
        <v>3</v>
      </c>
      <c r="IF20" s="72">
        <v>4</v>
      </c>
      <c r="IG20" s="72">
        <v>2</v>
      </c>
      <c r="IH20" s="73">
        <v>25</v>
      </c>
      <c r="II20" s="74">
        <v>40</v>
      </c>
      <c r="IJ20" s="71">
        <v>16</v>
      </c>
      <c r="IK20" s="72">
        <v>12</v>
      </c>
      <c r="IL20" s="73">
        <v>28</v>
      </c>
      <c r="IM20" s="277"/>
      <c r="IN20" s="72">
        <v>33</v>
      </c>
      <c r="IO20" s="72">
        <v>24</v>
      </c>
      <c r="IP20" s="72">
        <v>17</v>
      </c>
      <c r="IQ20" s="72">
        <v>14</v>
      </c>
      <c r="IR20" s="72">
        <v>8</v>
      </c>
      <c r="IS20" s="73">
        <v>96</v>
      </c>
      <c r="IT20" s="74">
        <v>124</v>
      </c>
      <c r="IU20" s="71">
        <v>21</v>
      </c>
      <c r="IV20" s="72">
        <v>19</v>
      </c>
      <c r="IW20" s="73">
        <v>40</v>
      </c>
      <c r="IX20" s="277"/>
      <c r="IY20" s="72">
        <v>32</v>
      </c>
      <c r="IZ20" s="72">
        <v>35</v>
      </c>
      <c r="JA20" s="72">
        <v>25</v>
      </c>
      <c r="JB20" s="72">
        <v>14</v>
      </c>
      <c r="JC20" s="72">
        <v>7</v>
      </c>
      <c r="JD20" s="73">
        <v>113</v>
      </c>
      <c r="JE20" s="74">
        <v>153</v>
      </c>
      <c r="JF20" s="71">
        <v>11</v>
      </c>
      <c r="JG20" s="72">
        <v>20</v>
      </c>
      <c r="JH20" s="73">
        <v>31</v>
      </c>
      <c r="JI20" s="277"/>
      <c r="JJ20" s="72">
        <v>29</v>
      </c>
      <c r="JK20" s="72">
        <v>29</v>
      </c>
      <c r="JL20" s="72">
        <v>28</v>
      </c>
      <c r="JM20" s="72">
        <v>17</v>
      </c>
      <c r="JN20" s="72">
        <v>8</v>
      </c>
      <c r="JO20" s="73">
        <v>111</v>
      </c>
      <c r="JP20" s="74">
        <v>142</v>
      </c>
      <c r="JQ20" s="71">
        <v>0</v>
      </c>
      <c r="JR20" s="72">
        <v>0</v>
      </c>
      <c r="JS20" s="73">
        <v>0</v>
      </c>
      <c r="JT20" s="277"/>
      <c r="JU20" s="72">
        <v>0</v>
      </c>
      <c r="JV20" s="72">
        <v>0</v>
      </c>
      <c r="JW20" s="72">
        <v>0</v>
      </c>
      <c r="JX20" s="72">
        <v>0</v>
      </c>
      <c r="JY20" s="72">
        <v>0</v>
      </c>
      <c r="JZ20" s="73">
        <v>0</v>
      </c>
      <c r="KA20" s="74">
        <v>0</v>
      </c>
      <c r="KB20" s="71">
        <v>60</v>
      </c>
      <c r="KC20" s="72">
        <v>65</v>
      </c>
      <c r="KD20" s="73">
        <v>125</v>
      </c>
      <c r="KE20" s="277"/>
      <c r="KF20" s="72">
        <v>104</v>
      </c>
      <c r="KG20" s="72">
        <v>110</v>
      </c>
      <c r="KH20" s="72">
        <v>81</v>
      </c>
      <c r="KI20" s="72">
        <v>52</v>
      </c>
      <c r="KJ20" s="72">
        <v>32</v>
      </c>
      <c r="KK20" s="73">
        <v>379</v>
      </c>
      <c r="KL20" s="74">
        <v>504</v>
      </c>
    </row>
    <row r="21" spans="1:298" ht="19.5" customHeight="1" x14ac:dyDescent="0.2">
      <c r="A21" s="130" t="s">
        <v>18</v>
      </c>
      <c r="B21" s="347">
        <v>73</v>
      </c>
      <c r="C21" s="83">
        <v>98</v>
      </c>
      <c r="D21" s="84">
        <v>171</v>
      </c>
      <c r="E21" s="274"/>
      <c r="F21" s="83">
        <v>145</v>
      </c>
      <c r="G21" s="83">
        <v>121</v>
      </c>
      <c r="H21" s="83">
        <v>83</v>
      </c>
      <c r="I21" s="83">
        <v>68</v>
      </c>
      <c r="J21" s="83">
        <v>39</v>
      </c>
      <c r="K21" s="85">
        <v>456</v>
      </c>
      <c r="L21" s="86">
        <v>627</v>
      </c>
      <c r="M21" s="71">
        <v>0</v>
      </c>
      <c r="N21" s="72">
        <v>3</v>
      </c>
      <c r="O21" s="73">
        <v>3</v>
      </c>
      <c r="P21" s="274"/>
      <c r="Q21" s="72">
        <v>3</v>
      </c>
      <c r="R21" s="72">
        <v>3</v>
      </c>
      <c r="S21" s="72">
        <v>1</v>
      </c>
      <c r="T21" s="72">
        <v>2</v>
      </c>
      <c r="U21" s="72">
        <v>1</v>
      </c>
      <c r="V21" s="73">
        <v>10</v>
      </c>
      <c r="W21" s="74">
        <v>13</v>
      </c>
      <c r="X21" s="71">
        <v>5</v>
      </c>
      <c r="Y21" s="72">
        <v>4</v>
      </c>
      <c r="Z21" s="73">
        <v>9</v>
      </c>
      <c r="AA21" s="277"/>
      <c r="AB21" s="72">
        <v>5</v>
      </c>
      <c r="AC21" s="72">
        <v>3</v>
      </c>
      <c r="AD21" s="72">
        <v>8</v>
      </c>
      <c r="AE21" s="72">
        <v>4</v>
      </c>
      <c r="AF21" s="72">
        <v>2</v>
      </c>
      <c r="AG21" s="73">
        <v>22</v>
      </c>
      <c r="AH21" s="74">
        <v>31</v>
      </c>
      <c r="AI21" s="71">
        <v>5</v>
      </c>
      <c r="AJ21" s="72">
        <v>8</v>
      </c>
      <c r="AK21" s="73">
        <v>13</v>
      </c>
      <c r="AL21" s="277"/>
      <c r="AM21" s="72">
        <v>16</v>
      </c>
      <c r="AN21" s="72">
        <v>9</v>
      </c>
      <c r="AO21" s="72">
        <v>7</v>
      </c>
      <c r="AP21" s="72">
        <v>4</v>
      </c>
      <c r="AQ21" s="72">
        <v>5</v>
      </c>
      <c r="AR21" s="73">
        <v>41</v>
      </c>
      <c r="AS21" s="74">
        <v>54</v>
      </c>
      <c r="AT21" s="71">
        <v>22</v>
      </c>
      <c r="AU21" s="72">
        <v>16</v>
      </c>
      <c r="AV21" s="73">
        <v>38</v>
      </c>
      <c r="AW21" s="277"/>
      <c r="AX21" s="72">
        <v>25</v>
      </c>
      <c r="AY21" s="72">
        <v>29</v>
      </c>
      <c r="AZ21" s="72">
        <v>17</v>
      </c>
      <c r="BA21" s="72">
        <v>12</v>
      </c>
      <c r="BB21" s="72">
        <v>9</v>
      </c>
      <c r="BC21" s="73">
        <v>92</v>
      </c>
      <c r="BD21" s="74">
        <v>130</v>
      </c>
      <c r="BE21" s="71">
        <v>16</v>
      </c>
      <c r="BF21" s="72">
        <v>35</v>
      </c>
      <c r="BG21" s="73">
        <v>51</v>
      </c>
      <c r="BH21" s="277"/>
      <c r="BI21" s="72">
        <v>59</v>
      </c>
      <c r="BJ21" s="72">
        <v>41</v>
      </c>
      <c r="BK21" s="72">
        <v>22</v>
      </c>
      <c r="BL21" s="72">
        <v>25</v>
      </c>
      <c r="BM21" s="72">
        <v>4</v>
      </c>
      <c r="BN21" s="73">
        <v>151</v>
      </c>
      <c r="BO21" s="74">
        <v>202</v>
      </c>
      <c r="BP21" s="71">
        <v>25</v>
      </c>
      <c r="BQ21" s="72">
        <v>32</v>
      </c>
      <c r="BR21" s="73">
        <v>57</v>
      </c>
      <c r="BS21" s="277"/>
      <c r="BT21" s="72">
        <v>37</v>
      </c>
      <c r="BU21" s="72">
        <v>36</v>
      </c>
      <c r="BV21" s="72">
        <v>28</v>
      </c>
      <c r="BW21" s="72">
        <v>21</v>
      </c>
      <c r="BX21" s="72">
        <v>18</v>
      </c>
      <c r="BY21" s="73">
        <v>140</v>
      </c>
      <c r="BZ21" s="74">
        <v>197</v>
      </c>
      <c r="CA21" s="71">
        <v>0</v>
      </c>
      <c r="CB21" s="72">
        <v>0</v>
      </c>
      <c r="CC21" s="73">
        <v>0</v>
      </c>
      <c r="CD21" s="277"/>
      <c r="CE21" s="72">
        <v>0</v>
      </c>
      <c r="CF21" s="72">
        <v>0</v>
      </c>
      <c r="CG21" s="72">
        <v>0</v>
      </c>
      <c r="CH21" s="72">
        <v>0</v>
      </c>
      <c r="CI21" s="72">
        <v>0</v>
      </c>
      <c r="CJ21" s="73">
        <v>0</v>
      </c>
      <c r="CK21" s="74">
        <v>0</v>
      </c>
      <c r="CL21" s="71">
        <v>73</v>
      </c>
      <c r="CM21" s="72">
        <v>98</v>
      </c>
      <c r="CN21" s="73">
        <v>171</v>
      </c>
      <c r="CO21" s="277"/>
      <c r="CP21" s="72">
        <v>145</v>
      </c>
      <c r="CQ21" s="72">
        <v>121</v>
      </c>
      <c r="CR21" s="72">
        <v>83</v>
      </c>
      <c r="CS21" s="72">
        <v>68</v>
      </c>
      <c r="CT21" s="72">
        <v>39</v>
      </c>
      <c r="CU21" s="73">
        <v>456</v>
      </c>
      <c r="CV21" s="74">
        <v>627</v>
      </c>
      <c r="CW21" s="127">
        <v>8</v>
      </c>
      <c r="CX21" s="83">
        <v>15</v>
      </c>
      <c r="CY21" s="84">
        <v>23</v>
      </c>
      <c r="CZ21" s="274"/>
      <c r="DA21" s="83">
        <v>16</v>
      </c>
      <c r="DB21" s="83">
        <v>19</v>
      </c>
      <c r="DC21" s="83">
        <v>14</v>
      </c>
      <c r="DD21" s="83">
        <v>5</v>
      </c>
      <c r="DE21" s="83">
        <v>5</v>
      </c>
      <c r="DF21" s="85">
        <v>59</v>
      </c>
      <c r="DG21" s="86">
        <v>82</v>
      </c>
      <c r="DH21" s="71">
        <v>0</v>
      </c>
      <c r="DI21" s="72">
        <v>0</v>
      </c>
      <c r="DJ21" s="73">
        <v>0</v>
      </c>
      <c r="DK21" s="277"/>
      <c r="DL21" s="72">
        <v>1</v>
      </c>
      <c r="DM21" s="72">
        <v>0</v>
      </c>
      <c r="DN21" s="72">
        <v>1</v>
      </c>
      <c r="DO21" s="72">
        <v>0</v>
      </c>
      <c r="DP21" s="72">
        <v>1</v>
      </c>
      <c r="DQ21" s="73">
        <v>3</v>
      </c>
      <c r="DR21" s="74">
        <v>3</v>
      </c>
      <c r="DS21" s="71">
        <v>0</v>
      </c>
      <c r="DT21" s="72">
        <v>4</v>
      </c>
      <c r="DU21" s="73">
        <v>4</v>
      </c>
      <c r="DV21" s="277"/>
      <c r="DW21" s="72">
        <v>0</v>
      </c>
      <c r="DX21" s="72">
        <v>2</v>
      </c>
      <c r="DY21" s="72">
        <v>1</v>
      </c>
      <c r="DZ21" s="72">
        <v>1</v>
      </c>
      <c r="EA21" s="72">
        <v>0</v>
      </c>
      <c r="EB21" s="73">
        <v>4</v>
      </c>
      <c r="EC21" s="74">
        <v>8</v>
      </c>
      <c r="ED21" s="71">
        <v>0</v>
      </c>
      <c r="EE21" s="72">
        <v>5</v>
      </c>
      <c r="EF21" s="73">
        <v>5</v>
      </c>
      <c r="EG21" s="277"/>
      <c r="EH21" s="72">
        <v>1</v>
      </c>
      <c r="EI21" s="72">
        <v>1</v>
      </c>
      <c r="EJ21" s="72">
        <v>2</v>
      </c>
      <c r="EK21" s="72">
        <v>1</v>
      </c>
      <c r="EL21" s="72">
        <v>0</v>
      </c>
      <c r="EM21" s="73">
        <v>5</v>
      </c>
      <c r="EN21" s="74">
        <v>10</v>
      </c>
      <c r="EO21" s="71">
        <v>3</v>
      </c>
      <c r="EP21" s="72">
        <v>3</v>
      </c>
      <c r="EQ21" s="73">
        <v>6</v>
      </c>
      <c r="ER21" s="277"/>
      <c r="ES21" s="72">
        <v>6</v>
      </c>
      <c r="ET21" s="72">
        <v>2</v>
      </c>
      <c r="EU21" s="72">
        <v>2</v>
      </c>
      <c r="EV21" s="72">
        <v>0</v>
      </c>
      <c r="EW21" s="72">
        <v>2</v>
      </c>
      <c r="EX21" s="73">
        <v>12</v>
      </c>
      <c r="EY21" s="74">
        <v>18</v>
      </c>
      <c r="EZ21" s="71">
        <v>4</v>
      </c>
      <c r="FA21" s="72">
        <v>2</v>
      </c>
      <c r="FB21" s="73">
        <v>6</v>
      </c>
      <c r="FC21" s="277"/>
      <c r="FD21" s="72">
        <v>4</v>
      </c>
      <c r="FE21" s="72">
        <v>10</v>
      </c>
      <c r="FF21" s="72">
        <v>4</v>
      </c>
      <c r="FG21" s="72">
        <v>1</v>
      </c>
      <c r="FH21" s="72">
        <v>2</v>
      </c>
      <c r="FI21" s="73">
        <v>21</v>
      </c>
      <c r="FJ21" s="74">
        <v>27</v>
      </c>
      <c r="FK21" s="71">
        <v>1</v>
      </c>
      <c r="FL21" s="72">
        <v>1</v>
      </c>
      <c r="FM21" s="73">
        <v>2</v>
      </c>
      <c r="FN21" s="277"/>
      <c r="FO21" s="72">
        <v>4</v>
      </c>
      <c r="FP21" s="72">
        <v>4</v>
      </c>
      <c r="FQ21" s="72">
        <v>4</v>
      </c>
      <c r="FR21" s="72">
        <v>2</v>
      </c>
      <c r="FS21" s="72">
        <v>0</v>
      </c>
      <c r="FT21" s="73">
        <v>14</v>
      </c>
      <c r="FU21" s="74">
        <v>16</v>
      </c>
      <c r="FV21" s="71">
        <v>0</v>
      </c>
      <c r="FW21" s="72">
        <v>0</v>
      </c>
      <c r="FX21" s="73">
        <v>0</v>
      </c>
      <c r="FY21" s="277"/>
      <c r="FZ21" s="72">
        <v>0</v>
      </c>
      <c r="GA21" s="72">
        <v>0</v>
      </c>
      <c r="GB21" s="72">
        <v>0</v>
      </c>
      <c r="GC21" s="72">
        <v>0</v>
      </c>
      <c r="GD21" s="72">
        <v>0</v>
      </c>
      <c r="GE21" s="73">
        <v>0</v>
      </c>
      <c r="GF21" s="74">
        <v>0</v>
      </c>
      <c r="GG21" s="71">
        <v>8</v>
      </c>
      <c r="GH21" s="72">
        <v>15</v>
      </c>
      <c r="GI21" s="73">
        <v>23</v>
      </c>
      <c r="GJ21" s="277"/>
      <c r="GK21" s="72">
        <v>16</v>
      </c>
      <c r="GL21" s="72">
        <v>19</v>
      </c>
      <c r="GM21" s="72">
        <v>14</v>
      </c>
      <c r="GN21" s="72">
        <v>5</v>
      </c>
      <c r="GO21" s="72">
        <v>5</v>
      </c>
      <c r="GP21" s="73">
        <v>59</v>
      </c>
      <c r="GQ21" s="74">
        <v>82</v>
      </c>
      <c r="GR21" s="127">
        <v>81</v>
      </c>
      <c r="GS21" s="83">
        <v>113</v>
      </c>
      <c r="GT21" s="84">
        <v>194</v>
      </c>
      <c r="GU21" s="274"/>
      <c r="GV21" s="83">
        <v>161</v>
      </c>
      <c r="GW21" s="83">
        <v>140</v>
      </c>
      <c r="GX21" s="83">
        <v>97</v>
      </c>
      <c r="GY21" s="83">
        <v>73</v>
      </c>
      <c r="GZ21" s="83">
        <v>44</v>
      </c>
      <c r="HA21" s="85">
        <v>515</v>
      </c>
      <c r="HB21" s="86">
        <v>709</v>
      </c>
      <c r="HC21" s="71">
        <v>0</v>
      </c>
      <c r="HD21" s="72">
        <v>3</v>
      </c>
      <c r="HE21" s="73">
        <v>3</v>
      </c>
      <c r="HF21" s="277"/>
      <c r="HG21" s="72">
        <v>4</v>
      </c>
      <c r="HH21" s="72">
        <v>3</v>
      </c>
      <c r="HI21" s="72">
        <v>2</v>
      </c>
      <c r="HJ21" s="72">
        <v>2</v>
      </c>
      <c r="HK21" s="72">
        <v>2</v>
      </c>
      <c r="HL21" s="73">
        <v>13</v>
      </c>
      <c r="HM21" s="74">
        <v>16</v>
      </c>
      <c r="HN21" s="71">
        <v>5</v>
      </c>
      <c r="HO21" s="72">
        <v>8</v>
      </c>
      <c r="HP21" s="73">
        <v>13</v>
      </c>
      <c r="HQ21" s="277"/>
      <c r="HR21" s="72">
        <v>5</v>
      </c>
      <c r="HS21" s="72">
        <v>5</v>
      </c>
      <c r="HT21" s="72">
        <v>9</v>
      </c>
      <c r="HU21" s="72">
        <v>5</v>
      </c>
      <c r="HV21" s="72">
        <v>2</v>
      </c>
      <c r="HW21" s="73">
        <v>26</v>
      </c>
      <c r="HX21" s="74">
        <v>39</v>
      </c>
      <c r="HY21" s="71">
        <v>5</v>
      </c>
      <c r="HZ21" s="72">
        <v>13</v>
      </c>
      <c r="IA21" s="73">
        <v>18</v>
      </c>
      <c r="IB21" s="277"/>
      <c r="IC21" s="72">
        <v>17</v>
      </c>
      <c r="ID21" s="72">
        <v>10</v>
      </c>
      <c r="IE21" s="72">
        <v>9</v>
      </c>
      <c r="IF21" s="72">
        <v>5</v>
      </c>
      <c r="IG21" s="72">
        <v>5</v>
      </c>
      <c r="IH21" s="73">
        <v>46</v>
      </c>
      <c r="II21" s="74">
        <v>64</v>
      </c>
      <c r="IJ21" s="71">
        <v>25</v>
      </c>
      <c r="IK21" s="72">
        <v>19</v>
      </c>
      <c r="IL21" s="73">
        <v>44</v>
      </c>
      <c r="IM21" s="277"/>
      <c r="IN21" s="72">
        <v>31</v>
      </c>
      <c r="IO21" s="72">
        <v>31</v>
      </c>
      <c r="IP21" s="72">
        <v>19</v>
      </c>
      <c r="IQ21" s="72">
        <v>12</v>
      </c>
      <c r="IR21" s="72">
        <v>11</v>
      </c>
      <c r="IS21" s="73">
        <v>104</v>
      </c>
      <c r="IT21" s="74">
        <v>148</v>
      </c>
      <c r="IU21" s="71">
        <v>20</v>
      </c>
      <c r="IV21" s="72">
        <v>37</v>
      </c>
      <c r="IW21" s="73">
        <v>57</v>
      </c>
      <c r="IX21" s="277"/>
      <c r="IY21" s="72">
        <v>63</v>
      </c>
      <c r="IZ21" s="72">
        <v>51</v>
      </c>
      <c r="JA21" s="72">
        <v>26</v>
      </c>
      <c r="JB21" s="72">
        <v>26</v>
      </c>
      <c r="JC21" s="72">
        <v>6</v>
      </c>
      <c r="JD21" s="73">
        <v>172</v>
      </c>
      <c r="JE21" s="74">
        <v>229</v>
      </c>
      <c r="JF21" s="71">
        <v>26</v>
      </c>
      <c r="JG21" s="72">
        <v>33</v>
      </c>
      <c r="JH21" s="73">
        <v>59</v>
      </c>
      <c r="JI21" s="277"/>
      <c r="JJ21" s="72">
        <v>41</v>
      </c>
      <c r="JK21" s="72">
        <v>40</v>
      </c>
      <c r="JL21" s="72">
        <v>32</v>
      </c>
      <c r="JM21" s="72">
        <v>23</v>
      </c>
      <c r="JN21" s="72">
        <v>18</v>
      </c>
      <c r="JO21" s="73">
        <v>154</v>
      </c>
      <c r="JP21" s="74">
        <v>213</v>
      </c>
      <c r="JQ21" s="71">
        <v>0</v>
      </c>
      <c r="JR21" s="72">
        <v>0</v>
      </c>
      <c r="JS21" s="73">
        <v>0</v>
      </c>
      <c r="JT21" s="277"/>
      <c r="JU21" s="72">
        <v>0</v>
      </c>
      <c r="JV21" s="72">
        <v>0</v>
      </c>
      <c r="JW21" s="72">
        <v>0</v>
      </c>
      <c r="JX21" s="72">
        <v>0</v>
      </c>
      <c r="JY21" s="72">
        <v>0</v>
      </c>
      <c r="JZ21" s="73">
        <v>0</v>
      </c>
      <c r="KA21" s="74">
        <v>0</v>
      </c>
      <c r="KB21" s="71">
        <v>81</v>
      </c>
      <c r="KC21" s="72">
        <v>113</v>
      </c>
      <c r="KD21" s="73">
        <v>194</v>
      </c>
      <c r="KE21" s="277"/>
      <c r="KF21" s="72">
        <v>161</v>
      </c>
      <c r="KG21" s="72">
        <v>140</v>
      </c>
      <c r="KH21" s="72">
        <v>97</v>
      </c>
      <c r="KI21" s="72">
        <v>73</v>
      </c>
      <c r="KJ21" s="72">
        <v>44</v>
      </c>
      <c r="KK21" s="73">
        <v>515</v>
      </c>
      <c r="KL21" s="74">
        <v>709</v>
      </c>
    </row>
    <row r="22" spans="1:298" ht="19.5" customHeight="1" x14ac:dyDescent="0.2">
      <c r="A22" s="130" t="s">
        <v>19</v>
      </c>
      <c r="B22" s="347">
        <v>29</v>
      </c>
      <c r="C22" s="83">
        <v>34</v>
      </c>
      <c r="D22" s="84">
        <v>63</v>
      </c>
      <c r="E22" s="274"/>
      <c r="F22" s="83">
        <v>68</v>
      </c>
      <c r="G22" s="83">
        <v>56</v>
      </c>
      <c r="H22" s="83">
        <v>20</v>
      </c>
      <c r="I22" s="83">
        <v>22</v>
      </c>
      <c r="J22" s="83">
        <v>10</v>
      </c>
      <c r="K22" s="85">
        <v>176</v>
      </c>
      <c r="L22" s="86">
        <v>239</v>
      </c>
      <c r="M22" s="87">
        <v>0</v>
      </c>
      <c r="N22" s="72">
        <v>0</v>
      </c>
      <c r="O22" s="73">
        <v>0</v>
      </c>
      <c r="P22" s="274"/>
      <c r="Q22" s="72">
        <v>1</v>
      </c>
      <c r="R22" s="72">
        <v>2</v>
      </c>
      <c r="S22" s="72">
        <v>1</v>
      </c>
      <c r="T22" s="72">
        <v>1</v>
      </c>
      <c r="U22" s="72">
        <v>0</v>
      </c>
      <c r="V22" s="73">
        <v>5</v>
      </c>
      <c r="W22" s="74">
        <v>5</v>
      </c>
      <c r="X22" s="71">
        <v>0</v>
      </c>
      <c r="Y22" s="72">
        <v>2</v>
      </c>
      <c r="Z22" s="73">
        <v>2</v>
      </c>
      <c r="AA22" s="277"/>
      <c r="AB22" s="72">
        <v>0</v>
      </c>
      <c r="AC22" s="72">
        <v>3</v>
      </c>
      <c r="AD22" s="72">
        <v>1</v>
      </c>
      <c r="AE22" s="72">
        <v>0</v>
      </c>
      <c r="AF22" s="72">
        <v>1</v>
      </c>
      <c r="AG22" s="73">
        <v>5</v>
      </c>
      <c r="AH22" s="74">
        <v>7</v>
      </c>
      <c r="AI22" s="87">
        <v>3</v>
      </c>
      <c r="AJ22" s="72">
        <v>2</v>
      </c>
      <c r="AK22" s="73">
        <v>5</v>
      </c>
      <c r="AL22" s="277"/>
      <c r="AM22" s="72">
        <v>3</v>
      </c>
      <c r="AN22" s="72">
        <v>5</v>
      </c>
      <c r="AO22" s="72">
        <v>0</v>
      </c>
      <c r="AP22" s="72">
        <v>3</v>
      </c>
      <c r="AQ22" s="72">
        <v>0</v>
      </c>
      <c r="AR22" s="73">
        <v>11</v>
      </c>
      <c r="AS22" s="74">
        <v>16</v>
      </c>
      <c r="AT22" s="71">
        <v>9</v>
      </c>
      <c r="AU22" s="72">
        <v>5</v>
      </c>
      <c r="AV22" s="73">
        <v>14</v>
      </c>
      <c r="AW22" s="277"/>
      <c r="AX22" s="72">
        <v>10</v>
      </c>
      <c r="AY22" s="72">
        <v>11</v>
      </c>
      <c r="AZ22" s="72">
        <v>6</v>
      </c>
      <c r="BA22" s="72">
        <v>4</v>
      </c>
      <c r="BB22" s="72">
        <v>2</v>
      </c>
      <c r="BC22" s="73">
        <v>33</v>
      </c>
      <c r="BD22" s="74">
        <v>47</v>
      </c>
      <c r="BE22" s="87">
        <v>7</v>
      </c>
      <c r="BF22" s="72">
        <v>14</v>
      </c>
      <c r="BG22" s="73">
        <v>21</v>
      </c>
      <c r="BH22" s="277"/>
      <c r="BI22" s="72">
        <v>30</v>
      </c>
      <c r="BJ22" s="72">
        <v>17</v>
      </c>
      <c r="BK22" s="72">
        <v>8</v>
      </c>
      <c r="BL22" s="72">
        <v>5</v>
      </c>
      <c r="BM22" s="72">
        <v>1</v>
      </c>
      <c r="BN22" s="73">
        <v>61</v>
      </c>
      <c r="BO22" s="74">
        <v>82</v>
      </c>
      <c r="BP22" s="71">
        <v>10</v>
      </c>
      <c r="BQ22" s="72">
        <v>11</v>
      </c>
      <c r="BR22" s="73">
        <v>21</v>
      </c>
      <c r="BS22" s="277"/>
      <c r="BT22" s="72">
        <v>24</v>
      </c>
      <c r="BU22" s="72">
        <v>18</v>
      </c>
      <c r="BV22" s="72">
        <v>4</v>
      </c>
      <c r="BW22" s="72">
        <v>9</v>
      </c>
      <c r="BX22" s="72">
        <v>6</v>
      </c>
      <c r="BY22" s="73">
        <v>61</v>
      </c>
      <c r="BZ22" s="74">
        <v>82</v>
      </c>
      <c r="CA22" s="71">
        <v>0</v>
      </c>
      <c r="CB22" s="72">
        <v>0</v>
      </c>
      <c r="CC22" s="73">
        <v>0</v>
      </c>
      <c r="CD22" s="277"/>
      <c r="CE22" s="72">
        <v>0</v>
      </c>
      <c r="CF22" s="72">
        <v>0</v>
      </c>
      <c r="CG22" s="72">
        <v>0</v>
      </c>
      <c r="CH22" s="72">
        <v>0</v>
      </c>
      <c r="CI22" s="72">
        <v>0</v>
      </c>
      <c r="CJ22" s="73">
        <v>0</v>
      </c>
      <c r="CK22" s="74">
        <v>0</v>
      </c>
      <c r="CL22" s="71">
        <v>29</v>
      </c>
      <c r="CM22" s="72">
        <v>34</v>
      </c>
      <c r="CN22" s="73">
        <v>63</v>
      </c>
      <c r="CO22" s="277"/>
      <c r="CP22" s="72">
        <v>68</v>
      </c>
      <c r="CQ22" s="72">
        <v>56</v>
      </c>
      <c r="CR22" s="72">
        <v>20</v>
      </c>
      <c r="CS22" s="72">
        <v>22</v>
      </c>
      <c r="CT22" s="72">
        <v>10</v>
      </c>
      <c r="CU22" s="73">
        <v>176</v>
      </c>
      <c r="CV22" s="74">
        <v>239</v>
      </c>
      <c r="CW22" s="127">
        <v>2</v>
      </c>
      <c r="CX22" s="83">
        <v>2</v>
      </c>
      <c r="CY22" s="84">
        <v>4</v>
      </c>
      <c r="CZ22" s="274"/>
      <c r="DA22" s="83">
        <v>7</v>
      </c>
      <c r="DB22" s="83">
        <v>9</v>
      </c>
      <c r="DC22" s="83">
        <v>7</v>
      </c>
      <c r="DD22" s="83">
        <v>6</v>
      </c>
      <c r="DE22" s="83">
        <v>4</v>
      </c>
      <c r="DF22" s="85">
        <v>33</v>
      </c>
      <c r="DG22" s="86">
        <v>37</v>
      </c>
      <c r="DH22" s="87">
        <v>0</v>
      </c>
      <c r="DI22" s="72">
        <v>0</v>
      </c>
      <c r="DJ22" s="73">
        <v>0</v>
      </c>
      <c r="DK22" s="277"/>
      <c r="DL22" s="72">
        <v>0</v>
      </c>
      <c r="DM22" s="72">
        <v>0</v>
      </c>
      <c r="DN22" s="72">
        <v>0</v>
      </c>
      <c r="DO22" s="72">
        <v>0</v>
      </c>
      <c r="DP22" s="72">
        <v>0</v>
      </c>
      <c r="DQ22" s="73">
        <v>0</v>
      </c>
      <c r="DR22" s="74">
        <v>0</v>
      </c>
      <c r="DS22" s="71">
        <v>0</v>
      </c>
      <c r="DT22" s="72">
        <v>0</v>
      </c>
      <c r="DU22" s="73">
        <v>0</v>
      </c>
      <c r="DV22" s="277"/>
      <c r="DW22" s="72">
        <v>0</v>
      </c>
      <c r="DX22" s="72">
        <v>2</v>
      </c>
      <c r="DY22" s="72">
        <v>1</v>
      </c>
      <c r="DZ22" s="72">
        <v>0</v>
      </c>
      <c r="EA22" s="72">
        <v>0</v>
      </c>
      <c r="EB22" s="73">
        <v>3</v>
      </c>
      <c r="EC22" s="74">
        <v>3</v>
      </c>
      <c r="ED22" s="87">
        <v>1</v>
      </c>
      <c r="EE22" s="72">
        <v>0</v>
      </c>
      <c r="EF22" s="73">
        <v>1</v>
      </c>
      <c r="EG22" s="277"/>
      <c r="EH22" s="72">
        <v>2</v>
      </c>
      <c r="EI22" s="72">
        <v>1</v>
      </c>
      <c r="EJ22" s="72">
        <v>2</v>
      </c>
      <c r="EK22" s="72">
        <v>0</v>
      </c>
      <c r="EL22" s="72">
        <v>0</v>
      </c>
      <c r="EM22" s="73">
        <v>5</v>
      </c>
      <c r="EN22" s="74">
        <v>6</v>
      </c>
      <c r="EO22" s="71">
        <v>1</v>
      </c>
      <c r="EP22" s="72">
        <v>1</v>
      </c>
      <c r="EQ22" s="73">
        <v>2</v>
      </c>
      <c r="ER22" s="277"/>
      <c r="ES22" s="72">
        <v>1</v>
      </c>
      <c r="ET22" s="72">
        <v>2</v>
      </c>
      <c r="EU22" s="72">
        <v>0</v>
      </c>
      <c r="EV22" s="72">
        <v>1</v>
      </c>
      <c r="EW22" s="72">
        <v>1</v>
      </c>
      <c r="EX22" s="73">
        <v>5</v>
      </c>
      <c r="EY22" s="74">
        <v>7</v>
      </c>
      <c r="EZ22" s="87">
        <v>0</v>
      </c>
      <c r="FA22" s="72">
        <v>0</v>
      </c>
      <c r="FB22" s="73">
        <v>0</v>
      </c>
      <c r="FC22" s="277"/>
      <c r="FD22" s="72">
        <v>2</v>
      </c>
      <c r="FE22" s="72">
        <v>1</v>
      </c>
      <c r="FF22" s="72">
        <v>1</v>
      </c>
      <c r="FG22" s="72">
        <v>0</v>
      </c>
      <c r="FH22" s="72">
        <v>1</v>
      </c>
      <c r="FI22" s="73">
        <v>5</v>
      </c>
      <c r="FJ22" s="74">
        <v>5</v>
      </c>
      <c r="FK22" s="71">
        <v>0</v>
      </c>
      <c r="FL22" s="72">
        <v>1</v>
      </c>
      <c r="FM22" s="73">
        <v>1</v>
      </c>
      <c r="FN22" s="277"/>
      <c r="FO22" s="72">
        <v>2</v>
      </c>
      <c r="FP22" s="72">
        <v>3</v>
      </c>
      <c r="FQ22" s="72">
        <v>3</v>
      </c>
      <c r="FR22" s="72">
        <v>5</v>
      </c>
      <c r="FS22" s="72">
        <v>2</v>
      </c>
      <c r="FT22" s="73">
        <v>15</v>
      </c>
      <c r="FU22" s="74">
        <v>16</v>
      </c>
      <c r="FV22" s="71">
        <v>0</v>
      </c>
      <c r="FW22" s="72">
        <v>0</v>
      </c>
      <c r="FX22" s="73">
        <v>0</v>
      </c>
      <c r="FY22" s="277"/>
      <c r="FZ22" s="72">
        <v>0</v>
      </c>
      <c r="GA22" s="72">
        <v>0</v>
      </c>
      <c r="GB22" s="72">
        <v>0</v>
      </c>
      <c r="GC22" s="72">
        <v>0</v>
      </c>
      <c r="GD22" s="72">
        <v>0</v>
      </c>
      <c r="GE22" s="73">
        <v>0</v>
      </c>
      <c r="GF22" s="74">
        <v>0</v>
      </c>
      <c r="GG22" s="71">
        <v>2</v>
      </c>
      <c r="GH22" s="72">
        <v>2</v>
      </c>
      <c r="GI22" s="73">
        <v>4</v>
      </c>
      <c r="GJ22" s="277"/>
      <c r="GK22" s="72">
        <v>7</v>
      </c>
      <c r="GL22" s="72">
        <v>9</v>
      </c>
      <c r="GM22" s="72">
        <v>7</v>
      </c>
      <c r="GN22" s="72">
        <v>6</v>
      </c>
      <c r="GO22" s="72">
        <v>4</v>
      </c>
      <c r="GP22" s="73">
        <v>33</v>
      </c>
      <c r="GQ22" s="74">
        <v>37</v>
      </c>
      <c r="GR22" s="127">
        <v>31</v>
      </c>
      <c r="GS22" s="83">
        <v>36</v>
      </c>
      <c r="GT22" s="84">
        <v>67</v>
      </c>
      <c r="GU22" s="274"/>
      <c r="GV22" s="83">
        <v>75</v>
      </c>
      <c r="GW22" s="83">
        <v>65</v>
      </c>
      <c r="GX22" s="83">
        <v>27</v>
      </c>
      <c r="GY22" s="83">
        <v>28</v>
      </c>
      <c r="GZ22" s="83">
        <v>14</v>
      </c>
      <c r="HA22" s="85">
        <v>209</v>
      </c>
      <c r="HB22" s="86">
        <v>276</v>
      </c>
      <c r="HC22" s="87">
        <v>0</v>
      </c>
      <c r="HD22" s="72">
        <v>0</v>
      </c>
      <c r="HE22" s="73">
        <v>0</v>
      </c>
      <c r="HF22" s="277"/>
      <c r="HG22" s="72">
        <v>1</v>
      </c>
      <c r="HH22" s="72">
        <v>2</v>
      </c>
      <c r="HI22" s="72">
        <v>1</v>
      </c>
      <c r="HJ22" s="72">
        <v>1</v>
      </c>
      <c r="HK22" s="72">
        <v>0</v>
      </c>
      <c r="HL22" s="73">
        <v>5</v>
      </c>
      <c r="HM22" s="74">
        <v>5</v>
      </c>
      <c r="HN22" s="71">
        <v>0</v>
      </c>
      <c r="HO22" s="72">
        <v>2</v>
      </c>
      <c r="HP22" s="73">
        <v>2</v>
      </c>
      <c r="HQ22" s="277"/>
      <c r="HR22" s="72">
        <v>0</v>
      </c>
      <c r="HS22" s="72">
        <v>5</v>
      </c>
      <c r="HT22" s="72">
        <v>2</v>
      </c>
      <c r="HU22" s="72">
        <v>0</v>
      </c>
      <c r="HV22" s="72">
        <v>1</v>
      </c>
      <c r="HW22" s="73">
        <v>8</v>
      </c>
      <c r="HX22" s="74">
        <v>10</v>
      </c>
      <c r="HY22" s="87">
        <v>4</v>
      </c>
      <c r="HZ22" s="72">
        <v>2</v>
      </c>
      <c r="IA22" s="73">
        <v>6</v>
      </c>
      <c r="IB22" s="277"/>
      <c r="IC22" s="72">
        <v>5</v>
      </c>
      <c r="ID22" s="72">
        <v>6</v>
      </c>
      <c r="IE22" s="72">
        <v>2</v>
      </c>
      <c r="IF22" s="72">
        <v>3</v>
      </c>
      <c r="IG22" s="72">
        <v>0</v>
      </c>
      <c r="IH22" s="73">
        <v>16</v>
      </c>
      <c r="II22" s="74">
        <v>22</v>
      </c>
      <c r="IJ22" s="71">
        <v>10</v>
      </c>
      <c r="IK22" s="72">
        <v>6</v>
      </c>
      <c r="IL22" s="73">
        <v>16</v>
      </c>
      <c r="IM22" s="277"/>
      <c r="IN22" s="72">
        <v>11</v>
      </c>
      <c r="IO22" s="72">
        <v>13</v>
      </c>
      <c r="IP22" s="72">
        <v>6</v>
      </c>
      <c r="IQ22" s="72">
        <v>5</v>
      </c>
      <c r="IR22" s="72">
        <v>3</v>
      </c>
      <c r="IS22" s="73">
        <v>38</v>
      </c>
      <c r="IT22" s="74">
        <v>54</v>
      </c>
      <c r="IU22" s="87">
        <v>7</v>
      </c>
      <c r="IV22" s="72">
        <v>14</v>
      </c>
      <c r="IW22" s="73">
        <v>21</v>
      </c>
      <c r="IX22" s="277"/>
      <c r="IY22" s="72">
        <v>32</v>
      </c>
      <c r="IZ22" s="72">
        <v>18</v>
      </c>
      <c r="JA22" s="72">
        <v>9</v>
      </c>
      <c r="JB22" s="72">
        <v>5</v>
      </c>
      <c r="JC22" s="72">
        <v>2</v>
      </c>
      <c r="JD22" s="73">
        <v>66</v>
      </c>
      <c r="JE22" s="74">
        <v>87</v>
      </c>
      <c r="JF22" s="71">
        <v>10</v>
      </c>
      <c r="JG22" s="72">
        <v>12</v>
      </c>
      <c r="JH22" s="73">
        <v>22</v>
      </c>
      <c r="JI22" s="277"/>
      <c r="JJ22" s="72">
        <v>26</v>
      </c>
      <c r="JK22" s="72">
        <v>21</v>
      </c>
      <c r="JL22" s="72">
        <v>7</v>
      </c>
      <c r="JM22" s="72">
        <v>14</v>
      </c>
      <c r="JN22" s="72">
        <v>8</v>
      </c>
      <c r="JO22" s="73">
        <v>76</v>
      </c>
      <c r="JP22" s="74">
        <v>98</v>
      </c>
      <c r="JQ22" s="71">
        <v>0</v>
      </c>
      <c r="JR22" s="72">
        <v>0</v>
      </c>
      <c r="JS22" s="73">
        <v>0</v>
      </c>
      <c r="JT22" s="277"/>
      <c r="JU22" s="72">
        <v>0</v>
      </c>
      <c r="JV22" s="72">
        <v>0</v>
      </c>
      <c r="JW22" s="72">
        <v>0</v>
      </c>
      <c r="JX22" s="72">
        <v>0</v>
      </c>
      <c r="JY22" s="72">
        <v>0</v>
      </c>
      <c r="JZ22" s="73">
        <v>0</v>
      </c>
      <c r="KA22" s="74">
        <v>0</v>
      </c>
      <c r="KB22" s="71">
        <v>31</v>
      </c>
      <c r="KC22" s="72">
        <v>36</v>
      </c>
      <c r="KD22" s="73">
        <v>67</v>
      </c>
      <c r="KE22" s="277"/>
      <c r="KF22" s="72">
        <v>75</v>
      </c>
      <c r="KG22" s="72">
        <v>65</v>
      </c>
      <c r="KH22" s="72">
        <v>27</v>
      </c>
      <c r="KI22" s="72">
        <v>28</v>
      </c>
      <c r="KJ22" s="72">
        <v>14</v>
      </c>
      <c r="KK22" s="73">
        <v>209</v>
      </c>
      <c r="KL22" s="74">
        <v>276</v>
      </c>
    </row>
    <row r="23" spans="1:298" ht="19.5" customHeight="1" x14ac:dyDescent="0.2">
      <c r="A23" s="130" t="s">
        <v>20</v>
      </c>
      <c r="B23" s="347">
        <v>58</v>
      </c>
      <c r="C23" s="83">
        <v>73</v>
      </c>
      <c r="D23" s="84">
        <v>131</v>
      </c>
      <c r="E23" s="274"/>
      <c r="F23" s="83">
        <v>106</v>
      </c>
      <c r="G23" s="83">
        <v>65</v>
      </c>
      <c r="H23" s="83">
        <v>48</v>
      </c>
      <c r="I23" s="83">
        <v>39</v>
      </c>
      <c r="J23" s="83">
        <v>18</v>
      </c>
      <c r="K23" s="85">
        <v>276</v>
      </c>
      <c r="L23" s="86">
        <v>407</v>
      </c>
      <c r="M23" s="71">
        <v>0</v>
      </c>
      <c r="N23" s="72">
        <v>2</v>
      </c>
      <c r="O23" s="73">
        <v>2</v>
      </c>
      <c r="P23" s="274"/>
      <c r="Q23" s="72">
        <v>3</v>
      </c>
      <c r="R23" s="72">
        <v>0</v>
      </c>
      <c r="S23" s="72">
        <v>1</v>
      </c>
      <c r="T23" s="72">
        <v>0</v>
      </c>
      <c r="U23" s="72">
        <v>0</v>
      </c>
      <c r="V23" s="73">
        <v>4</v>
      </c>
      <c r="W23" s="74">
        <v>6</v>
      </c>
      <c r="X23" s="71">
        <v>1</v>
      </c>
      <c r="Y23" s="72">
        <v>2</v>
      </c>
      <c r="Z23" s="73">
        <v>3</v>
      </c>
      <c r="AA23" s="277"/>
      <c r="AB23" s="72">
        <v>7</v>
      </c>
      <c r="AC23" s="72">
        <v>3</v>
      </c>
      <c r="AD23" s="72">
        <v>4</v>
      </c>
      <c r="AE23" s="72">
        <v>2</v>
      </c>
      <c r="AF23" s="72">
        <v>1</v>
      </c>
      <c r="AG23" s="73">
        <v>17</v>
      </c>
      <c r="AH23" s="74">
        <v>20</v>
      </c>
      <c r="AI23" s="71">
        <v>12</v>
      </c>
      <c r="AJ23" s="72">
        <v>9</v>
      </c>
      <c r="AK23" s="73">
        <v>21</v>
      </c>
      <c r="AL23" s="277"/>
      <c r="AM23" s="72">
        <v>8</v>
      </c>
      <c r="AN23" s="72">
        <v>6</v>
      </c>
      <c r="AO23" s="72">
        <v>6</v>
      </c>
      <c r="AP23" s="72">
        <v>8</v>
      </c>
      <c r="AQ23" s="72">
        <v>5</v>
      </c>
      <c r="AR23" s="73">
        <v>33</v>
      </c>
      <c r="AS23" s="74">
        <v>54</v>
      </c>
      <c r="AT23" s="71">
        <v>12</v>
      </c>
      <c r="AU23" s="72">
        <v>18</v>
      </c>
      <c r="AV23" s="73">
        <v>30</v>
      </c>
      <c r="AW23" s="277"/>
      <c r="AX23" s="72">
        <v>28</v>
      </c>
      <c r="AY23" s="72">
        <v>23</v>
      </c>
      <c r="AZ23" s="72">
        <v>9</v>
      </c>
      <c r="BA23" s="72">
        <v>6</v>
      </c>
      <c r="BB23" s="72">
        <v>3</v>
      </c>
      <c r="BC23" s="73">
        <v>69</v>
      </c>
      <c r="BD23" s="74">
        <v>99</v>
      </c>
      <c r="BE23" s="71">
        <v>17</v>
      </c>
      <c r="BF23" s="72">
        <v>24</v>
      </c>
      <c r="BG23" s="73">
        <v>41</v>
      </c>
      <c r="BH23" s="277"/>
      <c r="BI23" s="72">
        <v>36</v>
      </c>
      <c r="BJ23" s="72">
        <v>19</v>
      </c>
      <c r="BK23" s="72">
        <v>12</v>
      </c>
      <c r="BL23" s="72">
        <v>8</v>
      </c>
      <c r="BM23" s="72">
        <v>5</v>
      </c>
      <c r="BN23" s="73">
        <v>80</v>
      </c>
      <c r="BO23" s="74">
        <v>121</v>
      </c>
      <c r="BP23" s="71">
        <v>16</v>
      </c>
      <c r="BQ23" s="72">
        <v>18</v>
      </c>
      <c r="BR23" s="73">
        <v>34</v>
      </c>
      <c r="BS23" s="277"/>
      <c r="BT23" s="72">
        <v>24</v>
      </c>
      <c r="BU23" s="72">
        <v>14</v>
      </c>
      <c r="BV23" s="72">
        <v>16</v>
      </c>
      <c r="BW23" s="72">
        <v>15</v>
      </c>
      <c r="BX23" s="72">
        <v>4</v>
      </c>
      <c r="BY23" s="73">
        <v>73</v>
      </c>
      <c r="BZ23" s="74">
        <v>107</v>
      </c>
      <c r="CA23" s="71">
        <v>0</v>
      </c>
      <c r="CB23" s="72">
        <v>0</v>
      </c>
      <c r="CC23" s="73">
        <v>0</v>
      </c>
      <c r="CD23" s="277"/>
      <c r="CE23" s="72">
        <v>0</v>
      </c>
      <c r="CF23" s="72">
        <v>0</v>
      </c>
      <c r="CG23" s="72">
        <v>0</v>
      </c>
      <c r="CH23" s="72">
        <v>0</v>
      </c>
      <c r="CI23" s="72">
        <v>0</v>
      </c>
      <c r="CJ23" s="73">
        <v>0</v>
      </c>
      <c r="CK23" s="74">
        <v>0</v>
      </c>
      <c r="CL23" s="71">
        <v>58</v>
      </c>
      <c r="CM23" s="72">
        <v>73</v>
      </c>
      <c r="CN23" s="73">
        <v>131</v>
      </c>
      <c r="CO23" s="277"/>
      <c r="CP23" s="72">
        <v>106</v>
      </c>
      <c r="CQ23" s="72">
        <v>65</v>
      </c>
      <c r="CR23" s="72">
        <v>48</v>
      </c>
      <c r="CS23" s="72">
        <v>39</v>
      </c>
      <c r="CT23" s="72">
        <v>18</v>
      </c>
      <c r="CU23" s="73">
        <v>276</v>
      </c>
      <c r="CV23" s="74">
        <v>407</v>
      </c>
      <c r="CW23" s="127">
        <v>8</v>
      </c>
      <c r="CX23" s="83">
        <v>5</v>
      </c>
      <c r="CY23" s="84">
        <v>13</v>
      </c>
      <c r="CZ23" s="274"/>
      <c r="DA23" s="83">
        <v>10</v>
      </c>
      <c r="DB23" s="83">
        <v>6</v>
      </c>
      <c r="DC23" s="83">
        <v>8</v>
      </c>
      <c r="DD23" s="83">
        <v>6</v>
      </c>
      <c r="DE23" s="83">
        <v>0</v>
      </c>
      <c r="DF23" s="85">
        <v>30</v>
      </c>
      <c r="DG23" s="86">
        <v>43</v>
      </c>
      <c r="DH23" s="71">
        <v>0</v>
      </c>
      <c r="DI23" s="72">
        <v>0</v>
      </c>
      <c r="DJ23" s="73">
        <v>0</v>
      </c>
      <c r="DK23" s="277"/>
      <c r="DL23" s="72">
        <v>0</v>
      </c>
      <c r="DM23" s="72">
        <v>0</v>
      </c>
      <c r="DN23" s="72">
        <v>1</v>
      </c>
      <c r="DO23" s="72">
        <v>0</v>
      </c>
      <c r="DP23" s="72">
        <v>0</v>
      </c>
      <c r="DQ23" s="73">
        <v>1</v>
      </c>
      <c r="DR23" s="74">
        <v>1</v>
      </c>
      <c r="DS23" s="71">
        <v>0</v>
      </c>
      <c r="DT23" s="72">
        <v>0</v>
      </c>
      <c r="DU23" s="73">
        <v>0</v>
      </c>
      <c r="DV23" s="277"/>
      <c r="DW23" s="72">
        <v>0</v>
      </c>
      <c r="DX23" s="72">
        <v>0</v>
      </c>
      <c r="DY23" s="72">
        <v>0</v>
      </c>
      <c r="DZ23" s="72">
        <v>1</v>
      </c>
      <c r="EA23" s="72">
        <v>0</v>
      </c>
      <c r="EB23" s="73">
        <v>1</v>
      </c>
      <c r="EC23" s="74">
        <v>1</v>
      </c>
      <c r="ED23" s="71">
        <v>1</v>
      </c>
      <c r="EE23" s="72">
        <v>1</v>
      </c>
      <c r="EF23" s="73">
        <v>2</v>
      </c>
      <c r="EG23" s="277"/>
      <c r="EH23" s="72">
        <v>1</v>
      </c>
      <c r="EI23" s="72">
        <v>1</v>
      </c>
      <c r="EJ23" s="72">
        <v>0</v>
      </c>
      <c r="EK23" s="72">
        <v>0</v>
      </c>
      <c r="EL23" s="72">
        <v>0</v>
      </c>
      <c r="EM23" s="73">
        <v>2</v>
      </c>
      <c r="EN23" s="74">
        <v>4</v>
      </c>
      <c r="EO23" s="71">
        <v>5</v>
      </c>
      <c r="EP23" s="72">
        <v>1</v>
      </c>
      <c r="EQ23" s="73">
        <v>6</v>
      </c>
      <c r="ER23" s="277"/>
      <c r="ES23" s="72">
        <v>1</v>
      </c>
      <c r="ET23" s="72">
        <v>1</v>
      </c>
      <c r="EU23" s="72">
        <v>0</v>
      </c>
      <c r="EV23" s="72">
        <v>1</v>
      </c>
      <c r="EW23" s="72">
        <v>0</v>
      </c>
      <c r="EX23" s="73">
        <v>3</v>
      </c>
      <c r="EY23" s="74">
        <v>9</v>
      </c>
      <c r="EZ23" s="71">
        <v>2</v>
      </c>
      <c r="FA23" s="72">
        <v>1</v>
      </c>
      <c r="FB23" s="73">
        <v>3</v>
      </c>
      <c r="FC23" s="277"/>
      <c r="FD23" s="72">
        <v>6</v>
      </c>
      <c r="FE23" s="72">
        <v>0</v>
      </c>
      <c r="FF23" s="72">
        <v>4</v>
      </c>
      <c r="FG23" s="72">
        <v>0</v>
      </c>
      <c r="FH23" s="72">
        <v>0</v>
      </c>
      <c r="FI23" s="73">
        <v>10</v>
      </c>
      <c r="FJ23" s="74">
        <v>13</v>
      </c>
      <c r="FK23" s="71">
        <v>0</v>
      </c>
      <c r="FL23" s="72">
        <v>2</v>
      </c>
      <c r="FM23" s="73">
        <v>2</v>
      </c>
      <c r="FN23" s="277"/>
      <c r="FO23" s="72">
        <v>2</v>
      </c>
      <c r="FP23" s="72">
        <v>4</v>
      </c>
      <c r="FQ23" s="72">
        <v>3</v>
      </c>
      <c r="FR23" s="72">
        <v>4</v>
      </c>
      <c r="FS23" s="72">
        <v>0</v>
      </c>
      <c r="FT23" s="73">
        <v>13</v>
      </c>
      <c r="FU23" s="74">
        <v>15</v>
      </c>
      <c r="FV23" s="71">
        <v>0</v>
      </c>
      <c r="FW23" s="72">
        <v>0</v>
      </c>
      <c r="FX23" s="73">
        <v>0</v>
      </c>
      <c r="FY23" s="277"/>
      <c r="FZ23" s="72">
        <v>0</v>
      </c>
      <c r="GA23" s="72">
        <v>0</v>
      </c>
      <c r="GB23" s="72">
        <v>0</v>
      </c>
      <c r="GC23" s="72">
        <v>0</v>
      </c>
      <c r="GD23" s="72">
        <v>0</v>
      </c>
      <c r="GE23" s="73">
        <v>0</v>
      </c>
      <c r="GF23" s="74">
        <v>0</v>
      </c>
      <c r="GG23" s="71">
        <v>8</v>
      </c>
      <c r="GH23" s="72">
        <v>5</v>
      </c>
      <c r="GI23" s="73">
        <v>13</v>
      </c>
      <c r="GJ23" s="277"/>
      <c r="GK23" s="72">
        <v>10</v>
      </c>
      <c r="GL23" s="72">
        <v>6</v>
      </c>
      <c r="GM23" s="72">
        <v>8</v>
      </c>
      <c r="GN23" s="72">
        <v>6</v>
      </c>
      <c r="GO23" s="72">
        <v>0</v>
      </c>
      <c r="GP23" s="73">
        <v>30</v>
      </c>
      <c r="GQ23" s="74">
        <v>43</v>
      </c>
      <c r="GR23" s="127">
        <v>66</v>
      </c>
      <c r="GS23" s="83">
        <v>78</v>
      </c>
      <c r="GT23" s="84">
        <v>144</v>
      </c>
      <c r="GU23" s="274"/>
      <c r="GV23" s="83">
        <v>116</v>
      </c>
      <c r="GW23" s="83">
        <v>71</v>
      </c>
      <c r="GX23" s="83">
        <v>56</v>
      </c>
      <c r="GY23" s="83">
        <v>45</v>
      </c>
      <c r="GZ23" s="83">
        <v>18</v>
      </c>
      <c r="HA23" s="85">
        <v>306</v>
      </c>
      <c r="HB23" s="86">
        <v>450</v>
      </c>
      <c r="HC23" s="71">
        <v>0</v>
      </c>
      <c r="HD23" s="72">
        <v>2</v>
      </c>
      <c r="HE23" s="73">
        <v>2</v>
      </c>
      <c r="HF23" s="277"/>
      <c r="HG23" s="72">
        <v>3</v>
      </c>
      <c r="HH23" s="72">
        <v>0</v>
      </c>
      <c r="HI23" s="72">
        <v>2</v>
      </c>
      <c r="HJ23" s="72">
        <v>0</v>
      </c>
      <c r="HK23" s="72">
        <v>0</v>
      </c>
      <c r="HL23" s="73">
        <v>5</v>
      </c>
      <c r="HM23" s="74">
        <v>7</v>
      </c>
      <c r="HN23" s="71">
        <v>1</v>
      </c>
      <c r="HO23" s="72">
        <v>2</v>
      </c>
      <c r="HP23" s="73">
        <v>3</v>
      </c>
      <c r="HQ23" s="277"/>
      <c r="HR23" s="72">
        <v>7</v>
      </c>
      <c r="HS23" s="72">
        <v>3</v>
      </c>
      <c r="HT23" s="72">
        <v>4</v>
      </c>
      <c r="HU23" s="72">
        <v>3</v>
      </c>
      <c r="HV23" s="72">
        <v>1</v>
      </c>
      <c r="HW23" s="73">
        <v>18</v>
      </c>
      <c r="HX23" s="74">
        <v>21</v>
      </c>
      <c r="HY23" s="71">
        <v>13</v>
      </c>
      <c r="HZ23" s="72">
        <v>10</v>
      </c>
      <c r="IA23" s="73">
        <v>23</v>
      </c>
      <c r="IB23" s="277"/>
      <c r="IC23" s="72">
        <v>9</v>
      </c>
      <c r="ID23" s="72">
        <v>7</v>
      </c>
      <c r="IE23" s="72">
        <v>6</v>
      </c>
      <c r="IF23" s="72">
        <v>8</v>
      </c>
      <c r="IG23" s="72">
        <v>5</v>
      </c>
      <c r="IH23" s="73">
        <v>35</v>
      </c>
      <c r="II23" s="74">
        <v>58</v>
      </c>
      <c r="IJ23" s="71">
        <v>17</v>
      </c>
      <c r="IK23" s="72">
        <v>19</v>
      </c>
      <c r="IL23" s="73">
        <v>36</v>
      </c>
      <c r="IM23" s="277"/>
      <c r="IN23" s="72">
        <v>29</v>
      </c>
      <c r="IO23" s="72">
        <v>24</v>
      </c>
      <c r="IP23" s="72">
        <v>9</v>
      </c>
      <c r="IQ23" s="72">
        <v>7</v>
      </c>
      <c r="IR23" s="72">
        <v>3</v>
      </c>
      <c r="IS23" s="73">
        <v>72</v>
      </c>
      <c r="IT23" s="74">
        <v>108</v>
      </c>
      <c r="IU23" s="71">
        <v>19</v>
      </c>
      <c r="IV23" s="72">
        <v>25</v>
      </c>
      <c r="IW23" s="73">
        <v>44</v>
      </c>
      <c r="IX23" s="277"/>
      <c r="IY23" s="72">
        <v>42</v>
      </c>
      <c r="IZ23" s="72">
        <v>19</v>
      </c>
      <c r="JA23" s="72">
        <v>16</v>
      </c>
      <c r="JB23" s="72">
        <v>8</v>
      </c>
      <c r="JC23" s="72">
        <v>5</v>
      </c>
      <c r="JD23" s="73">
        <v>90</v>
      </c>
      <c r="JE23" s="74">
        <v>134</v>
      </c>
      <c r="JF23" s="71">
        <v>16</v>
      </c>
      <c r="JG23" s="72">
        <v>20</v>
      </c>
      <c r="JH23" s="73">
        <v>36</v>
      </c>
      <c r="JI23" s="277"/>
      <c r="JJ23" s="72">
        <v>26</v>
      </c>
      <c r="JK23" s="72">
        <v>18</v>
      </c>
      <c r="JL23" s="72">
        <v>19</v>
      </c>
      <c r="JM23" s="72">
        <v>19</v>
      </c>
      <c r="JN23" s="72">
        <v>4</v>
      </c>
      <c r="JO23" s="73">
        <v>86</v>
      </c>
      <c r="JP23" s="74">
        <v>122</v>
      </c>
      <c r="JQ23" s="71">
        <v>0</v>
      </c>
      <c r="JR23" s="72">
        <v>0</v>
      </c>
      <c r="JS23" s="73">
        <v>0</v>
      </c>
      <c r="JT23" s="277"/>
      <c r="JU23" s="72">
        <v>0</v>
      </c>
      <c r="JV23" s="72">
        <v>0</v>
      </c>
      <c r="JW23" s="72">
        <v>0</v>
      </c>
      <c r="JX23" s="72">
        <v>0</v>
      </c>
      <c r="JY23" s="72">
        <v>0</v>
      </c>
      <c r="JZ23" s="73">
        <v>0</v>
      </c>
      <c r="KA23" s="74">
        <v>0</v>
      </c>
      <c r="KB23" s="71">
        <v>66</v>
      </c>
      <c r="KC23" s="72">
        <v>78</v>
      </c>
      <c r="KD23" s="73">
        <v>144</v>
      </c>
      <c r="KE23" s="277"/>
      <c r="KF23" s="72">
        <v>116</v>
      </c>
      <c r="KG23" s="72">
        <v>71</v>
      </c>
      <c r="KH23" s="72">
        <v>56</v>
      </c>
      <c r="KI23" s="72">
        <v>45</v>
      </c>
      <c r="KJ23" s="72">
        <v>18</v>
      </c>
      <c r="KK23" s="73">
        <v>306</v>
      </c>
      <c r="KL23" s="74">
        <v>450</v>
      </c>
    </row>
    <row r="24" spans="1:298" ht="19.5" customHeight="1" x14ac:dyDescent="0.2">
      <c r="A24" s="130" t="s">
        <v>21</v>
      </c>
      <c r="B24" s="347">
        <v>48</v>
      </c>
      <c r="C24" s="83">
        <v>46</v>
      </c>
      <c r="D24" s="84">
        <v>94</v>
      </c>
      <c r="E24" s="274"/>
      <c r="F24" s="83">
        <v>65</v>
      </c>
      <c r="G24" s="83">
        <v>67</v>
      </c>
      <c r="H24" s="83">
        <v>38</v>
      </c>
      <c r="I24" s="83">
        <v>35</v>
      </c>
      <c r="J24" s="83">
        <v>16</v>
      </c>
      <c r="K24" s="85">
        <v>221</v>
      </c>
      <c r="L24" s="86">
        <v>315</v>
      </c>
      <c r="M24" s="71">
        <v>0</v>
      </c>
      <c r="N24" s="72">
        <v>1</v>
      </c>
      <c r="O24" s="73">
        <v>1</v>
      </c>
      <c r="P24" s="274"/>
      <c r="Q24" s="72">
        <v>0</v>
      </c>
      <c r="R24" s="72">
        <v>1</v>
      </c>
      <c r="S24" s="72">
        <v>0</v>
      </c>
      <c r="T24" s="72">
        <v>1</v>
      </c>
      <c r="U24" s="72">
        <v>0</v>
      </c>
      <c r="V24" s="73">
        <v>2</v>
      </c>
      <c r="W24" s="74">
        <v>3</v>
      </c>
      <c r="X24" s="71">
        <v>4</v>
      </c>
      <c r="Y24" s="72">
        <v>3</v>
      </c>
      <c r="Z24" s="73">
        <v>7</v>
      </c>
      <c r="AA24" s="277"/>
      <c r="AB24" s="72">
        <v>4</v>
      </c>
      <c r="AC24" s="72">
        <v>4</v>
      </c>
      <c r="AD24" s="72">
        <v>4</v>
      </c>
      <c r="AE24" s="72">
        <v>1</v>
      </c>
      <c r="AF24" s="72">
        <v>0</v>
      </c>
      <c r="AG24" s="73">
        <v>13</v>
      </c>
      <c r="AH24" s="74">
        <v>20</v>
      </c>
      <c r="AI24" s="71">
        <v>10</v>
      </c>
      <c r="AJ24" s="72">
        <v>4</v>
      </c>
      <c r="AK24" s="73">
        <v>14</v>
      </c>
      <c r="AL24" s="277"/>
      <c r="AM24" s="72">
        <v>5</v>
      </c>
      <c r="AN24" s="72">
        <v>5</v>
      </c>
      <c r="AO24" s="72">
        <v>4</v>
      </c>
      <c r="AP24" s="72">
        <v>5</v>
      </c>
      <c r="AQ24" s="72">
        <v>0</v>
      </c>
      <c r="AR24" s="73">
        <v>19</v>
      </c>
      <c r="AS24" s="74">
        <v>33</v>
      </c>
      <c r="AT24" s="71">
        <v>6</v>
      </c>
      <c r="AU24" s="72">
        <v>11</v>
      </c>
      <c r="AV24" s="73">
        <v>17</v>
      </c>
      <c r="AW24" s="277"/>
      <c r="AX24" s="72">
        <v>15</v>
      </c>
      <c r="AY24" s="72">
        <v>15</v>
      </c>
      <c r="AZ24" s="72">
        <v>8</v>
      </c>
      <c r="BA24" s="72">
        <v>3</v>
      </c>
      <c r="BB24" s="72">
        <v>4</v>
      </c>
      <c r="BC24" s="73">
        <v>45</v>
      </c>
      <c r="BD24" s="74">
        <v>62</v>
      </c>
      <c r="BE24" s="71">
        <v>16</v>
      </c>
      <c r="BF24" s="72">
        <v>16</v>
      </c>
      <c r="BG24" s="73">
        <v>32</v>
      </c>
      <c r="BH24" s="277"/>
      <c r="BI24" s="72">
        <v>22</v>
      </c>
      <c r="BJ24" s="72">
        <v>23</v>
      </c>
      <c r="BK24" s="72">
        <v>10</v>
      </c>
      <c r="BL24" s="72">
        <v>11</v>
      </c>
      <c r="BM24" s="72">
        <v>8</v>
      </c>
      <c r="BN24" s="73">
        <v>74</v>
      </c>
      <c r="BO24" s="74">
        <v>106</v>
      </c>
      <c r="BP24" s="71">
        <v>12</v>
      </c>
      <c r="BQ24" s="72">
        <v>11</v>
      </c>
      <c r="BR24" s="73">
        <v>23</v>
      </c>
      <c r="BS24" s="277"/>
      <c r="BT24" s="72">
        <v>19</v>
      </c>
      <c r="BU24" s="72">
        <v>19</v>
      </c>
      <c r="BV24" s="72">
        <v>12</v>
      </c>
      <c r="BW24" s="72">
        <v>14</v>
      </c>
      <c r="BX24" s="72">
        <v>4</v>
      </c>
      <c r="BY24" s="73">
        <v>68</v>
      </c>
      <c r="BZ24" s="74">
        <v>91</v>
      </c>
      <c r="CA24" s="71">
        <v>0</v>
      </c>
      <c r="CB24" s="72">
        <v>0</v>
      </c>
      <c r="CC24" s="73">
        <v>0</v>
      </c>
      <c r="CD24" s="277"/>
      <c r="CE24" s="72">
        <v>0</v>
      </c>
      <c r="CF24" s="72">
        <v>0</v>
      </c>
      <c r="CG24" s="72">
        <v>0</v>
      </c>
      <c r="CH24" s="72">
        <v>0</v>
      </c>
      <c r="CI24" s="72">
        <v>0</v>
      </c>
      <c r="CJ24" s="73">
        <v>0</v>
      </c>
      <c r="CK24" s="74">
        <v>0</v>
      </c>
      <c r="CL24" s="71">
        <v>48</v>
      </c>
      <c r="CM24" s="72">
        <v>46</v>
      </c>
      <c r="CN24" s="73">
        <v>94</v>
      </c>
      <c r="CO24" s="277"/>
      <c r="CP24" s="72">
        <v>65</v>
      </c>
      <c r="CQ24" s="72">
        <v>67</v>
      </c>
      <c r="CR24" s="72">
        <v>38</v>
      </c>
      <c r="CS24" s="72">
        <v>35</v>
      </c>
      <c r="CT24" s="72">
        <v>16</v>
      </c>
      <c r="CU24" s="73">
        <v>221</v>
      </c>
      <c r="CV24" s="74">
        <v>315</v>
      </c>
      <c r="CW24" s="127">
        <v>7</v>
      </c>
      <c r="CX24" s="83">
        <v>6</v>
      </c>
      <c r="CY24" s="84">
        <v>13</v>
      </c>
      <c r="CZ24" s="274"/>
      <c r="DA24" s="83">
        <v>14</v>
      </c>
      <c r="DB24" s="83">
        <v>6</v>
      </c>
      <c r="DC24" s="83">
        <v>7</v>
      </c>
      <c r="DD24" s="83">
        <v>5</v>
      </c>
      <c r="DE24" s="83">
        <v>6</v>
      </c>
      <c r="DF24" s="85">
        <v>38</v>
      </c>
      <c r="DG24" s="86">
        <v>51</v>
      </c>
      <c r="DH24" s="71">
        <v>0</v>
      </c>
      <c r="DI24" s="72">
        <v>1</v>
      </c>
      <c r="DJ24" s="73">
        <v>1</v>
      </c>
      <c r="DK24" s="277"/>
      <c r="DL24" s="72">
        <v>0</v>
      </c>
      <c r="DM24" s="72">
        <v>1</v>
      </c>
      <c r="DN24" s="72">
        <v>0</v>
      </c>
      <c r="DO24" s="72">
        <v>0</v>
      </c>
      <c r="DP24" s="72">
        <v>0</v>
      </c>
      <c r="DQ24" s="73">
        <v>1</v>
      </c>
      <c r="DR24" s="74">
        <v>2</v>
      </c>
      <c r="DS24" s="71">
        <v>1</v>
      </c>
      <c r="DT24" s="72">
        <v>0</v>
      </c>
      <c r="DU24" s="73">
        <v>1</v>
      </c>
      <c r="DV24" s="277"/>
      <c r="DW24" s="72">
        <v>1</v>
      </c>
      <c r="DX24" s="72">
        <v>0</v>
      </c>
      <c r="DY24" s="72">
        <v>0</v>
      </c>
      <c r="DZ24" s="72">
        <v>0</v>
      </c>
      <c r="EA24" s="72">
        <v>0</v>
      </c>
      <c r="EB24" s="73">
        <v>1</v>
      </c>
      <c r="EC24" s="74">
        <v>2</v>
      </c>
      <c r="ED24" s="71">
        <v>0</v>
      </c>
      <c r="EE24" s="72">
        <v>0</v>
      </c>
      <c r="EF24" s="73">
        <v>0</v>
      </c>
      <c r="EG24" s="277"/>
      <c r="EH24" s="72">
        <v>0</v>
      </c>
      <c r="EI24" s="72">
        <v>0</v>
      </c>
      <c r="EJ24" s="72">
        <v>0</v>
      </c>
      <c r="EK24" s="72">
        <v>0</v>
      </c>
      <c r="EL24" s="72">
        <v>0</v>
      </c>
      <c r="EM24" s="73">
        <v>0</v>
      </c>
      <c r="EN24" s="74">
        <v>0</v>
      </c>
      <c r="EO24" s="71">
        <v>0</v>
      </c>
      <c r="EP24" s="72">
        <v>2</v>
      </c>
      <c r="EQ24" s="73">
        <v>2</v>
      </c>
      <c r="ER24" s="277"/>
      <c r="ES24" s="72">
        <v>2</v>
      </c>
      <c r="ET24" s="72">
        <v>0</v>
      </c>
      <c r="EU24" s="72">
        <v>1</v>
      </c>
      <c r="EV24" s="72">
        <v>2</v>
      </c>
      <c r="EW24" s="72">
        <v>2</v>
      </c>
      <c r="EX24" s="73">
        <v>7</v>
      </c>
      <c r="EY24" s="74">
        <v>9</v>
      </c>
      <c r="EZ24" s="71">
        <v>3</v>
      </c>
      <c r="FA24" s="72">
        <v>1</v>
      </c>
      <c r="FB24" s="73">
        <v>4</v>
      </c>
      <c r="FC24" s="277"/>
      <c r="FD24" s="72">
        <v>4</v>
      </c>
      <c r="FE24" s="72">
        <v>1</v>
      </c>
      <c r="FF24" s="72">
        <v>3</v>
      </c>
      <c r="FG24" s="72">
        <v>2</v>
      </c>
      <c r="FH24" s="72">
        <v>1</v>
      </c>
      <c r="FI24" s="73">
        <v>11</v>
      </c>
      <c r="FJ24" s="74">
        <v>15</v>
      </c>
      <c r="FK24" s="71">
        <v>3</v>
      </c>
      <c r="FL24" s="72">
        <v>2</v>
      </c>
      <c r="FM24" s="73">
        <v>5</v>
      </c>
      <c r="FN24" s="277"/>
      <c r="FO24" s="72">
        <v>7</v>
      </c>
      <c r="FP24" s="72">
        <v>4</v>
      </c>
      <c r="FQ24" s="72">
        <v>3</v>
      </c>
      <c r="FR24" s="72">
        <v>1</v>
      </c>
      <c r="FS24" s="72">
        <v>3</v>
      </c>
      <c r="FT24" s="73">
        <v>18</v>
      </c>
      <c r="FU24" s="74">
        <v>23</v>
      </c>
      <c r="FV24" s="71">
        <v>0</v>
      </c>
      <c r="FW24" s="72">
        <v>0</v>
      </c>
      <c r="FX24" s="73">
        <v>0</v>
      </c>
      <c r="FY24" s="277"/>
      <c r="FZ24" s="72">
        <v>0</v>
      </c>
      <c r="GA24" s="72">
        <v>0</v>
      </c>
      <c r="GB24" s="72">
        <v>0</v>
      </c>
      <c r="GC24" s="72">
        <v>0</v>
      </c>
      <c r="GD24" s="72">
        <v>0</v>
      </c>
      <c r="GE24" s="73">
        <v>0</v>
      </c>
      <c r="GF24" s="74">
        <v>0</v>
      </c>
      <c r="GG24" s="71">
        <v>7</v>
      </c>
      <c r="GH24" s="72">
        <v>6</v>
      </c>
      <c r="GI24" s="73">
        <v>13</v>
      </c>
      <c r="GJ24" s="277"/>
      <c r="GK24" s="72">
        <v>14</v>
      </c>
      <c r="GL24" s="72">
        <v>6</v>
      </c>
      <c r="GM24" s="72">
        <v>7</v>
      </c>
      <c r="GN24" s="72">
        <v>5</v>
      </c>
      <c r="GO24" s="72">
        <v>6</v>
      </c>
      <c r="GP24" s="73">
        <v>38</v>
      </c>
      <c r="GQ24" s="74">
        <v>51</v>
      </c>
      <c r="GR24" s="127">
        <v>55</v>
      </c>
      <c r="GS24" s="83">
        <v>52</v>
      </c>
      <c r="GT24" s="84">
        <v>107</v>
      </c>
      <c r="GU24" s="274"/>
      <c r="GV24" s="83">
        <v>79</v>
      </c>
      <c r="GW24" s="83">
        <v>73</v>
      </c>
      <c r="GX24" s="83">
        <v>45</v>
      </c>
      <c r="GY24" s="83">
        <v>40</v>
      </c>
      <c r="GZ24" s="83">
        <v>22</v>
      </c>
      <c r="HA24" s="85">
        <v>259</v>
      </c>
      <c r="HB24" s="86">
        <v>366</v>
      </c>
      <c r="HC24" s="71">
        <v>0</v>
      </c>
      <c r="HD24" s="72">
        <v>2</v>
      </c>
      <c r="HE24" s="73">
        <v>2</v>
      </c>
      <c r="HF24" s="277"/>
      <c r="HG24" s="72">
        <v>0</v>
      </c>
      <c r="HH24" s="72">
        <v>2</v>
      </c>
      <c r="HI24" s="72">
        <v>0</v>
      </c>
      <c r="HJ24" s="72">
        <v>1</v>
      </c>
      <c r="HK24" s="72">
        <v>0</v>
      </c>
      <c r="HL24" s="73">
        <v>3</v>
      </c>
      <c r="HM24" s="74">
        <v>5</v>
      </c>
      <c r="HN24" s="71">
        <v>5</v>
      </c>
      <c r="HO24" s="72">
        <v>3</v>
      </c>
      <c r="HP24" s="73">
        <v>8</v>
      </c>
      <c r="HQ24" s="277"/>
      <c r="HR24" s="72">
        <v>5</v>
      </c>
      <c r="HS24" s="72">
        <v>4</v>
      </c>
      <c r="HT24" s="72">
        <v>4</v>
      </c>
      <c r="HU24" s="72">
        <v>1</v>
      </c>
      <c r="HV24" s="72">
        <v>0</v>
      </c>
      <c r="HW24" s="73">
        <v>14</v>
      </c>
      <c r="HX24" s="74">
        <v>22</v>
      </c>
      <c r="HY24" s="71">
        <v>10</v>
      </c>
      <c r="HZ24" s="72">
        <v>4</v>
      </c>
      <c r="IA24" s="73">
        <v>14</v>
      </c>
      <c r="IB24" s="277"/>
      <c r="IC24" s="72">
        <v>5</v>
      </c>
      <c r="ID24" s="72">
        <v>5</v>
      </c>
      <c r="IE24" s="72">
        <v>4</v>
      </c>
      <c r="IF24" s="72">
        <v>5</v>
      </c>
      <c r="IG24" s="72">
        <v>0</v>
      </c>
      <c r="IH24" s="73">
        <v>19</v>
      </c>
      <c r="II24" s="74">
        <v>33</v>
      </c>
      <c r="IJ24" s="71">
        <v>6</v>
      </c>
      <c r="IK24" s="72">
        <v>13</v>
      </c>
      <c r="IL24" s="73">
        <v>19</v>
      </c>
      <c r="IM24" s="277"/>
      <c r="IN24" s="72">
        <v>17</v>
      </c>
      <c r="IO24" s="72">
        <v>15</v>
      </c>
      <c r="IP24" s="72">
        <v>9</v>
      </c>
      <c r="IQ24" s="72">
        <v>5</v>
      </c>
      <c r="IR24" s="72">
        <v>6</v>
      </c>
      <c r="IS24" s="73">
        <v>52</v>
      </c>
      <c r="IT24" s="74">
        <v>71</v>
      </c>
      <c r="IU24" s="71">
        <v>19</v>
      </c>
      <c r="IV24" s="72">
        <v>17</v>
      </c>
      <c r="IW24" s="73">
        <v>36</v>
      </c>
      <c r="IX24" s="277"/>
      <c r="IY24" s="72">
        <v>26</v>
      </c>
      <c r="IZ24" s="72">
        <v>24</v>
      </c>
      <c r="JA24" s="72">
        <v>13</v>
      </c>
      <c r="JB24" s="72">
        <v>13</v>
      </c>
      <c r="JC24" s="72">
        <v>9</v>
      </c>
      <c r="JD24" s="73">
        <v>85</v>
      </c>
      <c r="JE24" s="74">
        <v>121</v>
      </c>
      <c r="JF24" s="71">
        <v>15</v>
      </c>
      <c r="JG24" s="72">
        <v>13</v>
      </c>
      <c r="JH24" s="73">
        <v>28</v>
      </c>
      <c r="JI24" s="277"/>
      <c r="JJ24" s="72">
        <v>26</v>
      </c>
      <c r="JK24" s="72">
        <v>23</v>
      </c>
      <c r="JL24" s="72">
        <v>15</v>
      </c>
      <c r="JM24" s="72">
        <v>15</v>
      </c>
      <c r="JN24" s="72">
        <v>7</v>
      </c>
      <c r="JO24" s="73">
        <v>86</v>
      </c>
      <c r="JP24" s="74">
        <v>114</v>
      </c>
      <c r="JQ24" s="71">
        <v>0</v>
      </c>
      <c r="JR24" s="72">
        <v>0</v>
      </c>
      <c r="JS24" s="73">
        <v>0</v>
      </c>
      <c r="JT24" s="277"/>
      <c r="JU24" s="72">
        <v>0</v>
      </c>
      <c r="JV24" s="72">
        <v>0</v>
      </c>
      <c r="JW24" s="72">
        <v>0</v>
      </c>
      <c r="JX24" s="72">
        <v>0</v>
      </c>
      <c r="JY24" s="72">
        <v>0</v>
      </c>
      <c r="JZ24" s="73">
        <v>0</v>
      </c>
      <c r="KA24" s="74">
        <v>0</v>
      </c>
      <c r="KB24" s="71">
        <v>55</v>
      </c>
      <c r="KC24" s="72">
        <v>52</v>
      </c>
      <c r="KD24" s="73">
        <v>107</v>
      </c>
      <c r="KE24" s="277"/>
      <c r="KF24" s="72">
        <v>79</v>
      </c>
      <c r="KG24" s="72">
        <v>73</v>
      </c>
      <c r="KH24" s="72">
        <v>45</v>
      </c>
      <c r="KI24" s="72">
        <v>40</v>
      </c>
      <c r="KJ24" s="72">
        <v>22</v>
      </c>
      <c r="KK24" s="73">
        <v>259</v>
      </c>
      <c r="KL24" s="74">
        <v>366</v>
      </c>
    </row>
    <row r="25" spans="1:298" ht="19.5" customHeight="1" x14ac:dyDescent="0.2">
      <c r="A25" s="130" t="s">
        <v>22</v>
      </c>
      <c r="B25" s="347">
        <v>20</v>
      </c>
      <c r="C25" s="83">
        <v>12</v>
      </c>
      <c r="D25" s="84">
        <v>32</v>
      </c>
      <c r="E25" s="274"/>
      <c r="F25" s="83">
        <v>34</v>
      </c>
      <c r="G25" s="83">
        <v>34</v>
      </c>
      <c r="H25" s="83">
        <v>17</v>
      </c>
      <c r="I25" s="83">
        <v>16</v>
      </c>
      <c r="J25" s="83">
        <v>8</v>
      </c>
      <c r="K25" s="85">
        <v>109</v>
      </c>
      <c r="L25" s="86">
        <v>141</v>
      </c>
      <c r="M25" s="71">
        <v>0</v>
      </c>
      <c r="N25" s="72">
        <v>0</v>
      </c>
      <c r="O25" s="73">
        <v>0</v>
      </c>
      <c r="P25" s="274"/>
      <c r="Q25" s="72">
        <v>0</v>
      </c>
      <c r="R25" s="72">
        <v>0</v>
      </c>
      <c r="S25" s="72">
        <v>0</v>
      </c>
      <c r="T25" s="72">
        <v>0</v>
      </c>
      <c r="U25" s="72">
        <v>1</v>
      </c>
      <c r="V25" s="73">
        <v>1</v>
      </c>
      <c r="W25" s="74">
        <v>1</v>
      </c>
      <c r="X25" s="71">
        <v>1</v>
      </c>
      <c r="Y25" s="72">
        <v>0</v>
      </c>
      <c r="Z25" s="73">
        <v>1</v>
      </c>
      <c r="AA25" s="277"/>
      <c r="AB25" s="72">
        <v>3</v>
      </c>
      <c r="AC25" s="72">
        <v>1</v>
      </c>
      <c r="AD25" s="72">
        <v>2</v>
      </c>
      <c r="AE25" s="72">
        <v>2</v>
      </c>
      <c r="AF25" s="72">
        <v>0</v>
      </c>
      <c r="AG25" s="73">
        <v>8</v>
      </c>
      <c r="AH25" s="74">
        <v>9</v>
      </c>
      <c r="AI25" s="71">
        <v>1</v>
      </c>
      <c r="AJ25" s="72">
        <v>0</v>
      </c>
      <c r="AK25" s="73">
        <v>1</v>
      </c>
      <c r="AL25" s="277"/>
      <c r="AM25" s="72">
        <v>4</v>
      </c>
      <c r="AN25" s="72">
        <v>2</v>
      </c>
      <c r="AO25" s="72">
        <v>3</v>
      </c>
      <c r="AP25" s="72">
        <v>1</v>
      </c>
      <c r="AQ25" s="72">
        <v>3</v>
      </c>
      <c r="AR25" s="73">
        <v>13</v>
      </c>
      <c r="AS25" s="74">
        <v>14</v>
      </c>
      <c r="AT25" s="71">
        <v>6</v>
      </c>
      <c r="AU25" s="72">
        <v>0</v>
      </c>
      <c r="AV25" s="73">
        <v>6</v>
      </c>
      <c r="AW25" s="277"/>
      <c r="AX25" s="72">
        <v>6</v>
      </c>
      <c r="AY25" s="72">
        <v>12</v>
      </c>
      <c r="AZ25" s="72">
        <v>3</v>
      </c>
      <c r="BA25" s="72">
        <v>3</v>
      </c>
      <c r="BB25" s="72">
        <v>1</v>
      </c>
      <c r="BC25" s="73">
        <v>25</v>
      </c>
      <c r="BD25" s="74">
        <v>31</v>
      </c>
      <c r="BE25" s="71">
        <v>4</v>
      </c>
      <c r="BF25" s="72">
        <v>7</v>
      </c>
      <c r="BG25" s="73">
        <v>11</v>
      </c>
      <c r="BH25" s="277"/>
      <c r="BI25" s="72">
        <v>14</v>
      </c>
      <c r="BJ25" s="72">
        <v>10</v>
      </c>
      <c r="BK25" s="72">
        <v>4</v>
      </c>
      <c r="BL25" s="72">
        <v>4</v>
      </c>
      <c r="BM25" s="72">
        <v>1</v>
      </c>
      <c r="BN25" s="73">
        <v>33</v>
      </c>
      <c r="BO25" s="74">
        <v>44</v>
      </c>
      <c r="BP25" s="71">
        <v>8</v>
      </c>
      <c r="BQ25" s="72">
        <v>5</v>
      </c>
      <c r="BR25" s="73">
        <v>13</v>
      </c>
      <c r="BS25" s="277"/>
      <c r="BT25" s="72">
        <v>7</v>
      </c>
      <c r="BU25" s="72">
        <v>9</v>
      </c>
      <c r="BV25" s="72">
        <v>5</v>
      </c>
      <c r="BW25" s="72">
        <v>6</v>
      </c>
      <c r="BX25" s="72">
        <v>2</v>
      </c>
      <c r="BY25" s="73">
        <v>29</v>
      </c>
      <c r="BZ25" s="74">
        <v>42</v>
      </c>
      <c r="CA25" s="71">
        <v>0</v>
      </c>
      <c r="CB25" s="72">
        <v>0</v>
      </c>
      <c r="CC25" s="73">
        <v>0</v>
      </c>
      <c r="CD25" s="277"/>
      <c r="CE25" s="72">
        <v>0</v>
      </c>
      <c r="CF25" s="72">
        <v>0</v>
      </c>
      <c r="CG25" s="72">
        <v>0</v>
      </c>
      <c r="CH25" s="72">
        <v>0</v>
      </c>
      <c r="CI25" s="72">
        <v>0</v>
      </c>
      <c r="CJ25" s="73">
        <v>0</v>
      </c>
      <c r="CK25" s="74">
        <v>0</v>
      </c>
      <c r="CL25" s="71">
        <v>20</v>
      </c>
      <c r="CM25" s="72">
        <v>12</v>
      </c>
      <c r="CN25" s="73">
        <v>32</v>
      </c>
      <c r="CO25" s="277"/>
      <c r="CP25" s="72">
        <v>34</v>
      </c>
      <c r="CQ25" s="72">
        <v>34</v>
      </c>
      <c r="CR25" s="72">
        <v>17</v>
      </c>
      <c r="CS25" s="72">
        <v>16</v>
      </c>
      <c r="CT25" s="72">
        <v>8</v>
      </c>
      <c r="CU25" s="73">
        <v>109</v>
      </c>
      <c r="CV25" s="74">
        <v>141</v>
      </c>
      <c r="CW25" s="127">
        <v>0</v>
      </c>
      <c r="CX25" s="83">
        <v>4</v>
      </c>
      <c r="CY25" s="84">
        <v>4</v>
      </c>
      <c r="CZ25" s="274"/>
      <c r="DA25" s="83">
        <v>7</v>
      </c>
      <c r="DB25" s="83">
        <v>4</v>
      </c>
      <c r="DC25" s="83">
        <v>2</v>
      </c>
      <c r="DD25" s="83">
        <v>3</v>
      </c>
      <c r="DE25" s="83">
        <v>2</v>
      </c>
      <c r="DF25" s="85">
        <v>18</v>
      </c>
      <c r="DG25" s="86">
        <v>22</v>
      </c>
      <c r="DH25" s="71">
        <v>0</v>
      </c>
      <c r="DI25" s="72">
        <v>0</v>
      </c>
      <c r="DJ25" s="73">
        <v>0</v>
      </c>
      <c r="DK25" s="277"/>
      <c r="DL25" s="72">
        <v>0</v>
      </c>
      <c r="DM25" s="72">
        <v>0</v>
      </c>
      <c r="DN25" s="72">
        <v>0</v>
      </c>
      <c r="DO25" s="72">
        <v>0</v>
      </c>
      <c r="DP25" s="72">
        <v>0</v>
      </c>
      <c r="DQ25" s="73">
        <v>0</v>
      </c>
      <c r="DR25" s="74">
        <v>0</v>
      </c>
      <c r="DS25" s="71">
        <v>0</v>
      </c>
      <c r="DT25" s="72">
        <v>1</v>
      </c>
      <c r="DU25" s="73">
        <v>1</v>
      </c>
      <c r="DV25" s="277"/>
      <c r="DW25" s="72">
        <v>0</v>
      </c>
      <c r="DX25" s="72">
        <v>0</v>
      </c>
      <c r="DY25" s="72">
        <v>0</v>
      </c>
      <c r="DZ25" s="72">
        <v>0</v>
      </c>
      <c r="EA25" s="72">
        <v>0</v>
      </c>
      <c r="EB25" s="73">
        <v>0</v>
      </c>
      <c r="EC25" s="74">
        <v>1</v>
      </c>
      <c r="ED25" s="71">
        <v>0</v>
      </c>
      <c r="EE25" s="72">
        <v>0</v>
      </c>
      <c r="EF25" s="73">
        <v>0</v>
      </c>
      <c r="EG25" s="277"/>
      <c r="EH25" s="72">
        <v>2</v>
      </c>
      <c r="EI25" s="72">
        <v>0</v>
      </c>
      <c r="EJ25" s="72">
        <v>1</v>
      </c>
      <c r="EK25" s="72">
        <v>0</v>
      </c>
      <c r="EL25" s="72">
        <v>0</v>
      </c>
      <c r="EM25" s="73">
        <v>3</v>
      </c>
      <c r="EN25" s="74">
        <v>3</v>
      </c>
      <c r="EO25" s="71">
        <v>0</v>
      </c>
      <c r="EP25" s="72">
        <v>0</v>
      </c>
      <c r="EQ25" s="73">
        <v>0</v>
      </c>
      <c r="ER25" s="277"/>
      <c r="ES25" s="72">
        <v>3</v>
      </c>
      <c r="ET25" s="72">
        <v>0</v>
      </c>
      <c r="EU25" s="72">
        <v>0</v>
      </c>
      <c r="EV25" s="72">
        <v>0</v>
      </c>
      <c r="EW25" s="72">
        <v>1</v>
      </c>
      <c r="EX25" s="73">
        <v>4</v>
      </c>
      <c r="EY25" s="74">
        <v>4</v>
      </c>
      <c r="EZ25" s="71">
        <v>0</v>
      </c>
      <c r="FA25" s="72">
        <v>2</v>
      </c>
      <c r="FB25" s="73">
        <v>2</v>
      </c>
      <c r="FC25" s="277"/>
      <c r="FD25" s="72">
        <v>1</v>
      </c>
      <c r="FE25" s="72">
        <v>1</v>
      </c>
      <c r="FF25" s="72">
        <v>1</v>
      </c>
      <c r="FG25" s="72">
        <v>0</v>
      </c>
      <c r="FH25" s="72">
        <v>0</v>
      </c>
      <c r="FI25" s="73">
        <v>3</v>
      </c>
      <c r="FJ25" s="74">
        <v>5</v>
      </c>
      <c r="FK25" s="71">
        <v>0</v>
      </c>
      <c r="FL25" s="72">
        <v>1</v>
      </c>
      <c r="FM25" s="73">
        <v>1</v>
      </c>
      <c r="FN25" s="277"/>
      <c r="FO25" s="72">
        <v>1</v>
      </c>
      <c r="FP25" s="72">
        <v>3</v>
      </c>
      <c r="FQ25" s="72">
        <v>0</v>
      </c>
      <c r="FR25" s="72">
        <v>3</v>
      </c>
      <c r="FS25" s="72">
        <v>1</v>
      </c>
      <c r="FT25" s="73">
        <v>8</v>
      </c>
      <c r="FU25" s="74">
        <v>9</v>
      </c>
      <c r="FV25" s="71">
        <v>0</v>
      </c>
      <c r="FW25" s="72">
        <v>0</v>
      </c>
      <c r="FX25" s="73">
        <v>0</v>
      </c>
      <c r="FY25" s="277"/>
      <c r="FZ25" s="72">
        <v>0</v>
      </c>
      <c r="GA25" s="72">
        <v>0</v>
      </c>
      <c r="GB25" s="72">
        <v>0</v>
      </c>
      <c r="GC25" s="72">
        <v>0</v>
      </c>
      <c r="GD25" s="72">
        <v>0</v>
      </c>
      <c r="GE25" s="73">
        <v>0</v>
      </c>
      <c r="GF25" s="74">
        <v>0</v>
      </c>
      <c r="GG25" s="71">
        <v>0</v>
      </c>
      <c r="GH25" s="72">
        <v>4</v>
      </c>
      <c r="GI25" s="73">
        <v>4</v>
      </c>
      <c r="GJ25" s="277"/>
      <c r="GK25" s="72">
        <v>7</v>
      </c>
      <c r="GL25" s="72">
        <v>4</v>
      </c>
      <c r="GM25" s="72">
        <v>2</v>
      </c>
      <c r="GN25" s="72">
        <v>3</v>
      </c>
      <c r="GO25" s="72">
        <v>2</v>
      </c>
      <c r="GP25" s="73">
        <v>18</v>
      </c>
      <c r="GQ25" s="74">
        <v>22</v>
      </c>
      <c r="GR25" s="127">
        <v>20</v>
      </c>
      <c r="GS25" s="83">
        <v>16</v>
      </c>
      <c r="GT25" s="84">
        <v>36</v>
      </c>
      <c r="GU25" s="274"/>
      <c r="GV25" s="83">
        <v>41</v>
      </c>
      <c r="GW25" s="83">
        <v>38</v>
      </c>
      <c r="GX25" s="83">
        <v>19</v>
      </c>
      <c r="GY25" s="83">
        <v>19</v>
      </c>
      <c r="GZ25" s="83">
        <v>10</v>
      </c>
      <c r="HA25" s="85">
        <v>127</v>
      </c>
      <c r="HB25" s="86">
        <v>163</v>
      </c>
      <c r="HC25" s="71">
        <v>0</v>
      </c>
      <c r="HD25" s="72">
        <v>0</v>
      </c>
      <c r="HE25" s="73">
        <v>0</v>
      </c>
      <c r="HF25" s="277"/>
      <c r="HG25" s="72">
        <v>0</v>
      </c>
      <c r="HH25" s="72">
        <v>0</v>
      </c>
      <c r="HI25" s="72">
        <v>0</v>
      </c>
      <c r="HJ25" s="72">
        <v>0</v>
      </c>
      <c r="HK25" s="72">
        <v>1</v>
      </c>
      <c r="HL25" s="73">
        <v>1</v>
      </c>
      <c r="HM25" s="74">
        <v>1</v>
      </c>
      <c r="HN25" s="71">
        <v>1</v>
      </c>
      <c r="HO25" s="72">
        <v>1</v>
      </c>
      <c r="HP25" s="73">
        <v>2</v>
      </c>
      <c r="HQ25" s="277"/>
      <c r="HR25" s="72">
        <v>3</v>
      </c>
      <c r="HS25" s="72">
        <v>1</v>
      </c>
      <c r="HT25" s="72">
        <v>2</v>
      </c>
      <c r="HU25" s="72">
        <v>2</v>
      </c>
      <c r="HV25" s="72">
        <v>0</v>
      </c>
      <c r="HW25" s="73">
        <v>8</v>
      </c>
      <c r="HX25" s="74">
        <v>10</v>
      </c>
      <c r="HY25" s="71">
        <v>1</v>
      </c>
      <c r="HZ25" s="72">
        <v>0</v>
      </c>
      <c r="IA25" s="73">
        <v>1</v>
      </c>
      <c r="IB25" s="277"/>
      <c r="IC25" s="72">
        <v>6</v>
      </c>
      <c r="ID25" s="72">
        <v>2</v>
      </c>
      <c r="IE25" s="72">
        <v>4</v>
      </c>
      <c r="IF25" s="72">
        <v>1</v>
      </c>
      <c r="IG25" s="72">
        <v>3</v>
      </c>
      <c r="IH25" s="73">
        <v>16</v>
      </c>
      <c r="II25" s="74">
        <v>17</v>
      </c>
      <c r="IJ25" s="71">
        <v>6</v>
      </c>
      <c r="IK25" s="72">
        <v>0</v>
      </c>
      <c r="IL25" s="73">
        <v>6</v>
      </c>
      <c r="IM25" s="277"/>
      <c r="IN25" s="72">
        <v>9</v>
      </c>
      <c r="IO25" s="72">
        <v>12</v>
      </c>
      <c r="IP25" s="72">
        <v>3</v>
      </c>
      <c r="IQ25" s="72">
        <v>3</v>
      </c>
      <c r="IR25" s="72">
        <v>2</v>
      </c>
      <c r="IS25" s="73">
        <v>29</v>
      </c>
      <c r="IT25" s="74">
        <v>35</v>
      </c>
      <c r="IU25" s="71">
        <v>4</v>
      </c>
      <c r="IV25" s="72">
        <v>9</v>
      </c>
      <c r="IW25" s="73">
        <v>13</v>
      </c>
      <c r="IX25" s="277"/>
      <c r="IY25" s="72">
        <v>15</v>
      </c>
      <c r="IZ25" s="72">
        <v>11</v>
      </c>
      <c r="JA25" s="72">
        <v>5</v>
      </c>
      <c r="JB25" s="72">
        <v>4</v>
      </c>
      <c r="JC25" s="72">
        <v>1</v>
      </c>
      <c r="JD25" s="73">
        <v>36</v>
      </c>
      <c r="JE25" s="74">
        <v>49</v>
      </c>
      <c r="JF25" s="71">
        <v>8</v>
      </c>
      <c r="JG25" s="72">
        <v>6</v>
      </c>
      <c r="JH25" s="73">
        <v>14</v>
      </c>
      <c r="JI25" s="277"/>
      <c r="JJ25" s="72">
        <v>8</v>
      </c>
      <c r="JK25" s="72">
        <v>12</v>
      </c>
      <c r="JL25" s="72">
        <v>5</v>
      </c>
      <c r="JM25" s="72">
        <v>9</v>
      </c>
      <c r="JN25" s="72">
        <v>3</v>
      </c>
      <c r="JO25" s="73">
        <v>37</v>
      </c>
      <c r="JP25" s="74">
        <v>51</v>
      </c>
      <c r="JQ25" s="71">
        <v>0</v>
      </c>
      <c r="JR25" s="72">
        <v>0</v>
      </c>
      <c r="JS25" s="73">
        <v>0</v>
      </c>
      <c r="JT25" s="277"/>
      <c r="JU25" s="72">
        <v>0</v>
      </c>
      <c r="JV25" s="72">
        <v>0</v>
      </c>
      <c r="JW25" s="72">
        <v>0</v>
      </c>
      <c r="JX25" s="72">
        <v>0</v>
      </c>
      <c r="JY25" s="72">
        <v>0</v>
      </c>
      <c r="JZ25" s="73">
        <v>0</v>
      </c>
      <c r="KA25" s="74">
        <v>0</v>
      </c>
      <c r="KB25" s="71">
        <v>20</v>
      </c>
      <c r="KC25" s="72">
        <v>16</v>
      </c>
      <c r="KD25" s="73">
        <v>36</v>
      </c>
      <c r="KE25" s="277"/>
      <c r="KF25" s="72">
        <v>41</v>
      </c>
      <c r="KG25" s="72">
        <v>38</v>
      </c>
      <c r="KH25" s="72">
        <v>19</v>
      </c>
      <c r="KI25" s="72">
        <v>19</v>
      </c>
      <c r="KJ25" s="72">
        <v>10</v>
      </c>
      <c r="KK25" s="73">
        <v>127</v>
      </c>
      <c r="KL25" s="74">
        <v>163</v>
      </c>
    </row>
    <row r="26" spans="1:298" ht="19.5" customHeight="1" x14ac:dyDescent="0.2">
      <c r="A26" s="130" t="s">
        <v>23</v>
      </c>
      <c r="B26" s="347">
        <v>32</v>
      </c>
      <c r="C26" s="83">
        <v>29</v>
      </c>
      <c r="D26" s="84">
        <v>61</v>
      </c>
      <c r="E26" s="274"/>
      <c r="F26" s="83">
        <v>53</v>
      </c>
      <c r="G26" s="83">
        <v>36</v>
      </c>
      <c r="H26" s="83">
        <v>22</v>
      </c>
      <c r="I26" s="83">
        <v>24</v>
      </c>
      <c r="J26" s="83">
        <v>9</v>
      </c>
      <c r="K26" s="85">
        <v>144</v>
      </c>
      <c r="L26" s="86">
        <v>205</v>
      </c>
      <c r="M26" s="71">
        <v>1</v>
      </c>
      <c r="N26" s="72">
        <v>2</v>
      </c>
      <c r="O26" s="73">
        <v>3</v>
      </c>
      <c r="P26" s="274"/>
      <c r="Q26" s="72">
        <v>0</v>
      </c>
      <c r="R26" s="72">
        <v>0</v>
      </c>
      <c r="S26" s="72">
        <v>1</v>
      </c>
      <c r="T26" s="72">
        <v>1</v>
      </c>
      <c r="U26" s="72">
        <v>0</v>
      </c>
      <c r="V26" s="73">
        <v>2</v>
      </c>
      <c r="W26" s="74">
        <v>5</v>
      </c>
      <c r="X26" s="71">
        <v>2</v>
      </c>
      <c r="Y26" s="72">
        <v>0</v>
      </c>
      <c r="Z26" s="73">
        <v>2</v>
      </c>
      <c r="AA26" s="277"/>
      <c r="AB26" s="72">
        <v>2</v>
      </c>
      <c r="AC26" s="72">
        <v>2</v>
      </c>
      <c r="AD26" s="72">
        <v>0</v>
      </c>
      <c r="AE26" s="72">
        <v>3</v>
      </c>
      <c r="AF26" s="72">
        <v>1</v>
      </c>
      <c r="AG26" s="73">
        <v>8</v>
      </c>
      <c r="AH26" s="74">
        <v>10</v>
      </c>
      <c r="AI26" s="71">
        <v>4</v>
      </c>
      <c r="AJ26" s="72">
        <v>3</v>
      </c>
      <c r="AK26" s="73">
        <v>7</v>
      </c>
      <c r="AL26" s="277"/>
      <c r="AM26" s="72">
        <v>4</v>
      </c>
      <c r="AN26" s="72">
        <v>4</v>
      </c>
      <c r="AO26" s="72">
        <v>1</v>
      </c>
      <c r="AP26" s="72">
        <v>3</v>
      </c>
      <c r="AQ26" s="72">
        <v>0</v>
      </c>
      <c r="AR26" s="73">
        <v>12</v>
      </c>
      <c r="AS26" s="74">
        <v>19</v>
      </c>
      <c r="AT26" s="71">
        <v>14</v>
      </c>
      <c r="AU26" s="72">
        <v>9</v>
      </c>
      <c r="AV26" s="73">
        <v>23</v>
      </c>
      <c r="AW26" s="277"/>
      <c r="AX26" s="72">
        <v>19</v>
      </c>
      <c r="AY26" s="72">
        <v>12</v>
      </c>
      <c r="AZ26" s="72">
        <v>4</v>
      </c>
      <c r="BA26" s="72">
        <v>7</v>
      </c>
      <c r="BB26" s="72">
        <v>2</v>
      </c>
      <c r="BC26" s="73">
        <v>44</v>
      </c>
      <c r="BD26" s="74">
        <v>67</v>
      </c>
      <c r="BE26" s="71">
        <v>8</v>
      </c>
      <c r="BF26" s="72">
        <v>8</v>
      </c>
      <c r="BG26" s="73">
        <v>16</v>
      </c>
      <c r="BH26" s="277"/>
      <c r="BI26" s="72">
        <v>15</v>
      </c>
      <c r="BJ26" s="72">
        <v>12</v>
      </c>
      <c r="BK26" s="72">
        <v>7</v>
      </c>
      <c r="BL26" s="72">
        <v>3</v>
      </c>
      <c r="BM26" s="72">
        <v>2</v>
      </c>
      <c r="BN26" s="73">
        <v>39</v>
      </c>
      <c r="BO26" s="74">
        <v>55</v>
      </c>
      <c r="BP26" s="71">
        <v>3</v>
      </c>
      <c r="BQ26" s="72">
        <v>7</v>
      </c>
      <c r="BR26" s="73">
        <v>10</v>
      </c>
      <c r="BS26" s="277"/>
      <c r="BT26" s="72">
        <v>13</v>
      </c>
      <c r="BU26" s="72">
        <v>6</v>
      </c>
      <c r="BV26" s="72">
        <v>9</v>
      </c>
      <c r="BW26" s="72">
        <v>7</v>
      </c>
      <c r="BX26" s="72">
        <v>4</v>
      </c>
      <c r="BY26" s="73">
        <v>39</v>
      </c>
      <c r="BZ26" s="74">
        <v>49</v>
      </c>
      <c r="CA26" s="71">
        <v>0</v>
      </c>
      <c r="CB26" s="72">
        <v>0</v>
      </c>
      <c r="CC26" s="73">
        <v>0</v>
      </c>
      <c r="CD26" s="277"/>
      <c r="CE26" s="72">
        <v>0</v>
      </c>
      <c r="CF26" s="72">
        <v>0</v>
      </c>
      <c r="CG26" s="72">
        <v>0</v>
      </c>
      <c r="CH26" s="72">
        <v>0</v>
      </c>
      <c r="CI26" s="72">
        <v>0</v>
      </c>
      <c r="CJ26" s="73">
        <v>0</v>
      </c>
      <c r="CK26" s="74">
        <v>0</v>
      </c>
      <c r="CL26" s="71">
        <v>32</v>
      </c>
      <c r="CM26" s="72">
        <v>29</v>
      </c>
      <c r="CN26" s="73">
        <v>61</v>
      </c>
      <c r="CO26" s="277"/>
      <c r="CP26" s="72">
        <v>53</v>
      </c>
      <c r="CQ26" s="72">
        <v>36</v>
      </c>
      <c r="CR26" s="72">
        <v>22</v>
      </c>
      <c r="CS26" s="72">
        <v>24</v>
      </c>
      <c r="CT26" s="72">
        <v>9</v>
      </c>
      <c r="CU26" s="73">
        <v>144</v>
      </c>
      <c r="CV26" s="74">
        <v>205</v>
      </c>
      <c r="CW26" s="127">
        <v>0</v>
      </c>
      <c r="CX26" s="83">
        <v>4</v>
      </c>
      <c r="CY26" s="84">
        <v>4</v>
      </c>
      <c r="CZ26" s="274"/>
      <c r="DA26" s="83">
        <v>6</v>
      </c>
      <c r="DB26" s="83">
        <v>4</v>
      </c>
      <c r="DC26" s="83">
        <v>0</v>
      </c>
      <c r="DD26" s="83">
        <v>4</v>
      </c>
      <c r="DE26" s="83">
        <v>1</v>
      </c>
      <c r="DF26" s="85">
        <v>15</v>
      </c>
      <c r="DG26" s="86">
        <v>19</v>
      </c>
      <c r="DH26" s="71">
        <v>0</v>
      </c>
      <c r="DI26" s="72">
        <v>0</v>
      </c>
      <c r="DJ26" s="73">
        <v>0</v>
      </c>
      <c r="DK26" s="277"/>
      <c r="DL26" s="72">
        <v>0</v>
      </c>
      <c r="DM26" s="72">
        <v>1</v>
      </c>
      <c r="DN26" s="72">
        <v>0</v>
      </c>
      <c r="DO26" s="72">
        <v>1</v>
      </c>
      <c r="DP26" s="72">
        <v>0</v>
      </c>
      <c r="DQ26" s="73">
        <v>2</v>
      </c>
      <c r="DR26" s="74">
        <v>2</v>
      </c>
      <c r="DS26" s="71">
        <v>0</v>
      </c>
      <c r="DT26" s="72">
        <v>0</v>
      </c>
      <c r="DU26" s="73">
        <v>0</v>
      </c>
      <c r="DV26" s="277"/>
      <c r="DW26" s="72">
        <v>3</v>
      </c>
      <c r="DX26" s="72">
        <v>0</v>
      </c>
      <c r="DY26" s="72">
        <v>0</v>
      </c>
      <c r="DZ26" s="72">
        <v>0</v>
      </c>
      <c r="EA26" s="72">
        <v>0</v>
      </c>
      <c r="EB26" s="73">
        <v>3</v>
      </c>
      <c r="EC26" s="74">
        <v>3</v>
      </c>
      <c r="ED26" s="71">
        <v>0</v>
      </c>
      <c r="EE26" s="72">
        <v>0</v>
      </c>
      <c r="EF26" s="73">
        <v>0</v>
      </c>
      <c r="EG26" s="277"/>
      <c r="EH26" s="72">
        <v>0</v>
      </c>
      <c r="EI26" s="72">
        <v>1</v>
      </c>
      <c r="EJ26" s="72">
        <v>0</v>
      </c>
      <c r="EK26" s="72">
        <v>1</v>
      </c>
      <c r="EL26" s="72">
        <v>0</v>
      </c>
      <c r="EM26" s="73">
        <v>2</v>
      </c>
      <c r="EN26" s="74">
        <v>2</v>
      </c>
      <c r="EO26" s="71">
        <v>0</v>
      </c>
      <c r="EP26" s="72">
        <v>1</v>
      </c>
      <c r="EQ26" s="73">
        <v>1</v>
      </c>
      <c r="ER26" s="277"/>
      <c r="ES26" s="72">
        <v>1</v>
      </c>
      <c r="ET26" s="72">
        <v>2</v>
      </c>
      <c r="EU26" s="72">
        <v>0</v>
      </c>
      <c r="EV26" s="72">
        <v>1</v>
      </c>
      <c r="EW26" s="72">
        <v>0</v>
      </c>
      <c r="EX26" s="73">
        <v>4</v>
      </c>
      <c r="EY26" s="74">
        <v>5</v>
      </c>
      <c r="EZ26" s="71">
        <v>0</v>
      </c>
      <c r="FA26" s="72">
        <v>3</v>
      </c>
      <c r="FB26" s="73">
        <v>3</v>
      </c>
      <c r="FC26" s="277"/>
      <c r="FD26" s="72">
        <v>2</v>
      </c>
      <c r="FE26" s="72">
        <v>0</v>
      </c>
      <c r="FF26" s="72">
        <v>0</v>
      </c>
      <c r="FG26" s="72">
        <v>1</v>
      </c>
      <c r="FH26" s="72">
        <v>0</v>
      </c>
      <c r="FI26" s="73">
        <v>3</v>
      </c>
      <c r="FJ26" s="74">
        <v>6</v>
      </c>
      <c r="FK26" s="71">
        <v>0</v>
      </c>
      <c r="FL26" s="72">
        <v>0</v>
      </c>
      <c r="FM26" s="73">
        <v>0</v>
      </c>
      <c r="FN26" s="277"/>
      <c r="FO26" s="72">
        <v>0</v>
      </c>
      <c r="FP26" s="72">
        <v>0</v>
      </c>
      <c r="FQ26" s="72">
        <v>0</v>
      </c>
      <c r="FR26" s="72">
        <v>0</v>
      </c>
      <c r="FS26" s="72">
        <v>1</v>
      </c>
      <c r="FT26" s="73">
        <v>1</v>
      </c>
      <c r="FU26" s="74">
        <v>1</v>
      </c>
      <c r="FV26" s="71">
        <v>0</v>
      </c>
      <c r="FW26" s="72">
        <v>0</v>
      </c>
      <c r="FX26" s="73">
        <v>0</v>
      </c>
      <c r="FY26" s="277"/>
      <c r="FZ26" s="72">
        <v>0</v>
      </c>
      <c r="GA26" s="72">
        <v>0</v>
      </c>
      <c r="GB26" s="72">
        <v>0</v>
      </c>
      <c r="GC26" s="72">
        <v>0</v>
      </c>
      <c r="GD26" s="72">
        <v>0</v>
      </c>
      <c r="GE26" s="73">
        <v>0</v>
      </c>
      <c r="GF26" s="74">
        <v>0</v>
      </c>
      <c r="GG26" s="71">
        <v>0</v>
      </c>
      <c r="GH26" s="72">
        <v>4</v>
      </c>
      <c r="GI26" s="73">
        <v>4</v>
      </c>
      <c r="GJ26" s="277"/>
      <c r="GK26" s="72">
        <v>6</v>
      </c>
      <c r="GL26" s="72">
        <v>4</v>
      </c>
      <c r="GM26" s="72">
        <v>0</v>
      </c>
      <c r="GN26" s="72">
        <v>4</v>
      </c>
      <c r="GO26" s="72">
        <v>1</v>
      </c>
      <c r="GP26" s="73">
        <v>15</v>
      </c>
      <c r="GQ26" s="74">
        <v>19</v>
      </c>
      <c r="GR26" s="127">
        <v>32</v>
      </c>
      <c r="GS26" s="83">
        <v>33</v>
      </c>
      <c r="GT26" s="84">
        <v>65</v>
      </c>
      <c r="GU26" s="274"/>
      <c r="GV26" s="83">
        <v>59</v>
      </c>
      <c r="GW26" s="83">
        <v>40</v>
      </c>
      <c r="GX26" s="83">
        <v>22</v>
      </c>
      <c r="GY26" s="83">
        <v>28</v>
      </c>
      <c r="GZ26" s="83">
        <v>10</v>
      </c>
      <c r="HA26" s="85">
        <v>159</v>
      </c>
      <c r="HB26" s="86">
        <v>224</v>
      </c>
      <c r="HC26" s="71">
        <v>1</v>
      </c>
      <c r="HD26" s="72">
        <v>2</v>
      </c>
      <c r="HE26" s="73">
        <v>3</v>
      </c>
      <c r="HF26" s="277"/>
      <c r="HG26" s="72">
        <v>0</v>
      </c>
      <c r="HH26" s="72">
        <v>1</v>
      </c>
      <c r="HI26" s="72">
        <v>1</v>
      </c>
      <c r="HJ26" s="72">
        <v>2</v>
      </c>
      <c r="HK26" s="72">
        <v>0</v>
      </c>
      <c r="HL26" s="73">
        <v>4</v>
      </c>
      <c r="HM26" s="74">
        <v>7</v>
      </c>
      <c r="HN26" s="71">
        <v>2</v>
      </c>
      <c r="HO26" s="72">
        <v>0</v>
      </c>
      <c r="HP26" s="73">
        <v>2</v>
      </c>
      <c r="HQ26" s="277"/>
      <c r="HR26" s="72">
        <v>5</v>
      </c>
      <c r="HS26" s="72">
        <v>2</v>
      </c>
      <c r="HT26" s="72">
        <v>0</v>
      </c>
      <c r="HU26" s="72">
        <v>3</v>
      </c>
      <c r="HV26" s="72">
        <v>1</v>
      </c>
      <c r="HW26" s="73">
        <v>11</v>
      </c>
      <c r="HX26" s="74">
        <v>13</v>
      </c>
      <c r="HY26" s="71">
        <v>4</v>
      </c>
      <c r="HZ26" s="72">
        <v>3</v>
      </c>
      <c r="IA26" s="73">
        <v>7</v>
      </c>
      <c r="IB26" s="277"/>
      <c r="IC26" s="72">
        <v>4</v>
      </c>
      <c r="ID26" s="72">
        <v>5</v>
      </c>
      <c r="IE26" s="72">
        <v>1</v>
      </c>
      <c r="IF26" s="72">
        <v>4</v>
      </c>
      <c r="IG26" s="72">
        <v>0</v>
      </c>
      <c r="IH26" s="73">
        <v>14</v>
      </c>
      <c r="II26" s="74">
        <v>21</v>
      </c>
      <c r="IJ26" s="71">
        <v>14</v>
      </c>
      <c r="IK26" s="72">
        <v>10</v>
      </c>
      <c r="IL26" s="73">
        <v>24</v>
      </c>
      <c r="IM26" s="277"/>
      <c r="IN26" s="72">
        <v>20</v>
      </c>
      <c r="IO26" s="72">
        <v>14</v>
      </c>
      <c r="IP26" s="72">
        <v>4</v>
      </c>
      <c r="IQ26" s="72">
        <v>8</v>
      </c>
      <c r="IR26" s="72">
        <v>2</v>
      </c>
      <c r="IS26" s="73">
        <v>48</v>
      </c>
      <c r="IT26" s="74">
        <v>72</v>
      </c>
      <c r="IU26" s="71">
        <v>8</v>
      </c>
      <c r="IV26" s="72">
        <v>11</v>
      </c>
      <c r="IW26" s="73">
        <v>19</v>
      </c>
      <c r="IX26" s="277"/>
      <c r="IY26" s="72">
        <v>17</v>
      </c>
      <c r="IZ26" s="72">
        <v>12</v>
      </c>
      <c r="JA26" s="72">
        <v>7</v>
      </c>
      <c r="JB26" s="72">
        <v>4</v>
      </c>
      <c r="JC26" s="72">
        <v>2</v>
      </c>
      <c r="JD26" s="73">
        <v>42</v>
      </c>
      <c r="JE26" s="74">
        <v>61</v>
      </c>
      <c r="JF26" s="71">
        <v>3</v>
      </c>
      <c r="JG26" s="72">
        <v>7</v>
      </c>
      <c r="JH26" s="73">
        <v>10</v>
      </c>
      <c r="JI26" s="277"/>
      <c r="JJ26" s="72">
        <v>13</v>
      </c>
      <c r="JK26" s="72">
        <v>6</v>
      </c>
      <c r="JL26" s="72">
        <v>9</v>
      </c>
      <c r="JM26" s="72">
        <v>7</v>
      </c>
      <c r="JN26" s="72">
        <v>5</v>
      </c>
      <c r="JO26" s="73">
        <v>40</v>
      </c>
      <c r="JP26" s="74">
        <v>50</v>
      </c>
      <c r="JQ26" s="71">
        <v>0</v>
      </c>
      <c r="JR26" s="72">
        <v>0</v>
      </c>
      <c r="JS26" s="73">
        <v>0</v>
      </c>
      <c r="JT26" s="277"/>
      <c r="JU26" s="72">
        <v>0</v>
      </c>
      <c r="JV26" s="72">
        <v>0</v>
      </c>
      <c r="JW26" s="72">
        <v>0</v>
      </c>
      <c r="JX26" s="72">
        <v>0</v>
      </c>
      <c r="JY26" s="72">
        <v>0</v>
      </c>
      <c r="JZ26" s="73">
        <v>0</v>
      </c>
      <c r="KA26" s="74">
        <v>0</v>
      </c>
      <c r="KB26" s="71">
        <v>32</v>
      </c>
      <c r="KC26" s="72">
        <v>33</v>
      </c>
      <c r="KD26" s="73">
        <v>65</v>
      </c>
      <c r="KE26" s="277"/>
      <c r="KF26" s="72">
        <v>59</v>
      </c>
      <c r="KG26" s="72">
        <v>40</v>
      </c>
      <c r="KH26" s="72">
        <v>22</v>
      </c>
      <c r="KI26" s="72">
        <v>28</v>
      </c>
      <c r="KJ26" s="72">
        <v>10</v>
      </c>
      <c r="KK26" s="73">
        <v>159</v>
      </c>
      <c r="KL26" s="74">
        <v>224</v>
      </c>
    </row>
    <row r="27" spans="1:298" ht="19.5" customHeight="1" x14ac:dyDescent="0.2">
      <c r="A27" s="130" t="s">
        <v>24</v>
      </c>
      <c r="B27" s="347">
        <v>40</v>
      </c>
      <c r="C27" s="83">
        <v>23</v>
      </c>
      <c r="D27" s="84">
        <v>63</v>
      </c>
      <c r="E27" s="274"/>
      <c r="F27" s="83">
        <v>45</v>
      </c>
      <c r="G27" s="83">
        <v>28</v>
      </c>
      <c r="H27" s="83">
        <v>17</v>
      </c>
      <c r="I27" s="83">
        <v>14</v>
      </c>
      <c r="J27" s="83">
        <v>8</v>
      </c>
      <c r="K27" s="85">
        <v>112</v>
      </c>
      <c r="L27" s="86">
        <v>175</v>
      </c>
      <c r="M27" s="71">
        <v>0</v>
      </c>
      <c r="N27" s="72">
        <v>0</v>
      </c>
      <c r="O27" s="73">
        <v>0</v>
      </c>
      <c r="P27" s="274"/>
      <c r="Q27" s="72">
        <v>2</v>
      </c>
      <c r="R27" s="72">
        <v>0</v>
      </c>
      <c r="S27" s="72">
        <v>0</v>
      </c>
      <c r="T27" s="72">
        <v>0</v>
      </c>
      <c r="U27" s="72">
        <v>0</v>
      </c>
      <c r="V27" s="73">
        <v>2</v>
      </c>
      <c r="W27" s="74">
        <v>2</v>
      </c>
      <c r="X27" s="71">
        <v>2</v>
      </c>
      <c r="Y27" s="72">
        <v>2</v>
      </c>
      <c r="Z27" s="73">
        <v>4</v>
      </c>
      <c r="AA27" s="277"/>
      <c r="AB27" s="72">
        <v>2</v>
      </c>
      <c r="AC27" s="72">
        <v>3</v>
      </c>
      <c r="AD27" s="72">
        <v>1</v>
      </c>
      <c r="AE27" s="72">
        <v>1</v>
      </c>
      <c r="AF27" s="72">
        <v>1</v>
      </c>
      <c r="AG27" s="73">
        <v>8</v>
      </c>
      <c r="AH27" s="74">
        <v>12</v>
      </c>
      <c r="AI27" s="71">
        <v>3</v>
      </c>
      <c r="AJ27" s="72">
        <v>3</v>
      </c>
      <c r="AK27" s="73">
        <v>6</v>
      </c>
      <c r="AL27" s="277"/>
      <c r="AM27" s="72">
        <v>3</v>
      </c>
      <c r="AN27" s="72">
        <v>4</v>
      </c>
      <c r="AO27" s="72">
        <v>0</v>
      </c>
      <c r="AP27" s="72">
        <v>2</v>
      </c>
      <c r="AQ27" s="72">
        <v>0</v>
      </c>
      <c r="AR27" s="73">
        <v>9</v>
      </c>
      <c r="AS27" s="74">
        <v>15</v>
      </c>
      <c r="AT27" s="71">
        <v>8</v>
      </c>
      <c r="AU27" s="72">
        <v>3</v>
      </c>
      <c r="AV27" s="73">
        <v>11</v>
      </c>
      <c r="AW27" s="277"/>
      <c r="AX27" s="72">
        <v>4</v>
      </c>
      <c r="AY27" s="72">
        <v>3</v>
      </c>
      <c r="AZ27" s="72">
        <v>1</v>
      </c>
      <c r="BA27" s="72">
        <v>2</v>
      </c>
      <c r="BB27" s="72">
        <v>2</v>
      </c>
      <c r="BC27" s="73">
        <v>12</v>
      </c>
      <c r="BD27" s="74">
        <v>23</v>
      </c>
      <c r="BE27" s="71">
        <v>11</v>
      </c>
      <c r="BF27" s="72">
        <v>5</v>
      </c>
      <c r="BG27" s="73">
        <v>16</v>
      </c>
      <c r="BH27" s="277"/>
      <c r="BI27" s="72">
        <v>14</v>
      </c>
      <c r="BJ27" s="72">
        <v>13</v>
      </c>
      <c r="BK27" s="72">
        <v>6</v>
      </c>
      <c r="BL27" s="72">
        <v>6</v>
      </c>
      <c r="BM27" s="72">
        <v>2</v>
      </c>
      <c r="BN27" s="73">
        <v>41</v>
      </c>
      <c r="BO27" s="74">
        <v>57</v>
      </c>
      <c r="BP27" s="71">
        <v>16</v>
      </c>
      <c r="BQ27" s="72">
        <v>10</v>
      </c>
      <c r="BR27" s="73">
        <v>26</v>
      </c>
      <c r="BS27" s="277"/>
      <c r="BT27" s="72">
        <v>20</v>
      </c>
      <c r="BU27" s="72">
        <v>5</v>
      </c>
      <c r="BV27" s="72">
        <v>9</v>
      </c>
      <c r="BW27" s="72">
        <v>3</v>
      </c>
      <c r="BX27" s="72">
        <v>3</v>
      </c>
      <c r="BY27" s="73">
        <v>40</v>
      </c>
      <c r="BZ27" s="74">
        <v>66</v>
      </c>
      <c r="CA27" s="71">
        <v>0</v>
      </c>
      <c r="CB27" s="72">
        <v>0</v>
      </c>
      <c r="CC27" s="73">
        <v>0</v>
      </c>
      <c r="CD27" s="277"/>
      <c r="CE27" s="72">
        <v>0</v>
      </c>
      <c r="CF27" s="72">
        <v>0</v>
      </c>
      <c r="CG27" s="72">
        <v>0</v>
      </c>
      <c r="CH27" s="72">
        <v>0</v>
      </c>
      <c r="CI27" s="72">
        <v>0</v>
      </c>
      <c r="CJ27" s="73">
        <v>0</v>
      </c>
      <c r="CK27" s="74">
        <v>0</v>
      </c>
      <c r="CL27" s="71">
        <v>40</v>
      </c>
      <c r="CM27" s="72">
        <v>23</v>
      </c>
      <c r="CN27" s="73">
        <v>63</v>
      </c>
      <c r="CO27" s="277"/>
      <c r="CP27" s="72">
        <v>45</v>
      </c>
      <c r="CQ27" s="72">
        <v>28</v>
      </c>
      <c r="CR27" s="72">
        <v>17</v>
      </c>
      <c r="CS27" s="72">
        <v>14</v>
      </c>
      <c r="CT27" s="72">
        <v>8</v>
      </c>
      <c r="CU27" s="73">
        <v>112</v>
      </c>
      <c r="CV27" s="74">
        <v>175</v>
      </c>
      <c r="CW27" s="127">
        <v>2</v>
      </c>
      <c r="CX27" s="83">
        <v>2</v>
      </c>
      <c r="CY27" s="84">
        <v>4</v>
      </c>
      <c r="CZ27" s="274"/>
      <c r="DA27" s="83">
        <v>9</v>
      </c>
      <c r="DB27" s="83">
        <v>5</v>
      </c>
      <c r="DC27" s="83">
        <v>3</v>
      </c>
      <c r="DD27" s="83">
        <v>5</v>
      </c>
      <c r="DE27" s="83">
        <v>2</v>
      </c>
      <c r="DF27" s="85">
        <v>24</v>
      </c>
      <c r="DG27" s="86">
        <v>28</v>
      </c>
      <c r="DH27" s="71">
        <v>0</v>
      </c>
      <c r="DI27" s="72">
        <v>0</v>
      </c>
      <c r="DJ27" s="73">
        <v>0</v>
      </c>
      <c r="DK27" s="277"/>
      <c r="DL27" s="72">
        <v>0</v>
      </c>
      <c r="DM27" s="72">
        <v>0</v>
      </c>
      <c r="DN27" s="72">
        <v>0</v>
      </c>
      <c r="DO27" s="72">
        <v>0</v>
      </c>
      <c r="DP27" s="72">
        <v>0</v>
      </c>
      <c r="DQ27" s="73">
        <v>0</v>
      </c>
      <c r="DR27" s="74">
        <v>0</v>
      </c>
      <c r="DS27" s="71">
        <v>0</v>
      </c>
      <c r="DT27" s="72">
        <v>0</v>
      </c>
      <c r="DU27" s="73">
        <v>0</v>
      </c>
      <c r="DV27" s="277"/>
      <c r="DW27" s="72">
        <v>0</v>
      </c>
      <c r="DX27" s="72">
        <v>0</v>
      </c>
      <c r="DY27" s="72">
        <v>0</v>
      </c>
      <c r="DZ27" s="72">
        <v>0</v>
      </c>
      <c r="EA27" s="72">
        <v>0</v>
      </c>
      <c r="EB27" s="73">
        <v>0</v>
      </c>
      <c r="EC27" s="74">
        <v>0</v>
      </c>
      <c r="ED27" s="71">
        <v>0</v>
      </c>
      <c r="EE27" s="72">
        <v>1</v>
      </c>
      <c r="EF27" s="73">
        <v>1</v>
      </c>
      <c r="EG27" s="277"/>
      <c r="EH27" s="72">
        <v>1</v>
      </c>
      <c r="EI27" s="72">
        <v>1</v>
      </c>
      <c r="EJ27" s="72">
        <v>0</v>
      </c>
      <c r="EK27" s="72">
        <v>0</v>
      </c>
      <c r="EL27" s="72">
        <v>0</v>
      </c>
      <c r="EM27" s="73">
        <v>2</v>
      </c>
      <c r="EN27" s="74">
        <v>3</v>
      </c>
      <c r="EO27" s="71">
        <v>0</v>
      </c>
      <c r="EP27" s="72">
        <v>0</v>
      </c>
      <c r="EQ27" s="73">
        <v>0</v>
      </c>
      <c r="ER27" s="277"/>
      <c r="ES27" s="72">
        <v>2</v>
      </c>
      <c r="ET27" s="72">
        <v>1</v>
      </c>
      <c r="EU27" s="72">
        <v>0</v>
      </c>
      <c r="EV27" s="72">
        <v>1</v>
      </c>
      <c r="EW27" s="72">
        <v>1</v>
      </c>
      <c r="EX27" s="73">
        <v>5</v>
      </c>
      <c r="EY27" s="74">
        <v>5</v>
      </c>
      <c r="EZ27" s="71">
        <v>2</v>
      </c>
      <c r="FA27" s="72">
        <v>1</v>
      </c>
      <c r="FB27" s="73">
        <v>3</v>
      </c>
      <c r="FC27" s="277"/>
      <c r="FD27" s="72">
        <v>2</v>
      </c>
      <c r="FE27" s="72">
        <v>2</v>
      </c>
      <c r="FF27" s="72">
        <v>1</v>
      </c>
      <c r="FG27" s="72">
        <v>0</v>
      </c>
      <c r="FH27" s="72">
        <v>0</v>
      </c>
      <c r="FI27" s="73">
        <v>5</v>
      </c>
      <c r="FJ27" s="74">
        <v>8</v>
      </c>
      <c r="FK27" s="71">
        <v>0</v>
      </c>
      <c r="FL27" s="72">
        <v>0</v>
      </c>
      <c r="FM27" s="73">
        <v>0</v>
      </c>
      <c r="FN27" s="277"/>
      <c r="FO27" s="72">
        <v>4</v>
      </c>
      <c r="FP27" s="72">
        <v>1</v>
      </c>
      <c r="FQ27" s="72">
        <v>2</v>
      </c>
      <c r="FR27" s="72">
        <v>4</v>
      </c>
      <c r="FS27" s="72">
        <v>1</v>
      </c>
      <c r="FT27" s="73">
        <v>12</v>
      </c>
      <c r="FU27" s="74">
        <v>12</v>
      </c>
      <c r="FV27" s="71">
        <v>0</v>
      </c>
      <c r="FW27" s="72">
        <v>0</v>
      </c>
      <c r="FX27" s="73">
        <v>0</v>
      </c>
      <c r="FY27" s="277"/>
      <c r="FZ27" s="72">
        <v>0</v>
      </c>
      <c r="GA27" s="72">
        <v>0</v>
      </c>
      <c r="GB27" s="72">
        <v>0</v>
      </c>
      <c r="GC27" s="72">
        <v>0</v>
      </c>
      <c r="GD27" s="72">
        <v>0</v>
      </c>
      <c r="GE27" s="73">
        <v>0</v>
      </c>
      <c r="GF27" s="74">
        <v>0</v>
      </c>
      <c r="GG27" s="71">
        <v>2</v>
      </c>
      <c r="GH27" s="72">
        <v>2</v>
      </c>
      <c r="GI27" s="73">
        <v>4</v>
      </c>
      <c r="GJ27" s="277"/>
      <c r="GK27" s="72">
        <v>9</v>
      </c>
      <c r="GL27" s="72">
        <v>5</v>
      </c>
      <c r="GM27" s="72">
        <v>3</v>
      </c>
      <c r="GN27" s="72">
        <v>5</v>
      </c>
      <c r="GO27" s="72">
        <v>2</v>
      </c>
      <c r="GP27" s="73">
        <v>24</v>
      </c>
      <c r="GQ27" s="74">
        <v>28</v>
      </c>
      <c r="GR27" s="127">
        <v>42</v>
      </c>
      <c r="GS27" s="83">
        <v>25</v>
      </c>
      <c r="GT27" s="84">
        <v>67</v>
      </c>
      <c r="GU27" s="274"/>
      <c r="GV27" s="83">
        <v>54</v>
      </c>
      <c r="GW27" s="83">
        <v>33</v>
      </c>
      <c r="GX27" s="83">
        <v>20</v>
      </c>
      <c r="GY27" s="83">
        <v>19</v>
      </c>
      <c r="GZ27" s="83">
        <v>10</v>
      </c>
      <c r="HA27" s="85">
        <v>136</v>
      </c>
      <c r="HB27" s="86">
        <v>203</v>
      </c>
      <c r="HC27" s="71">
        <v>0</v>
      </c>
      <c r="HD27" s="72">
        <v>0</v>
      </c>
      <c r="HE27" s="73">
        <v>0</v>
      </c>
      <c r="HF27" s="277"/>
      <c r="HG27" s="72">
        <v>2</v>
      </c>
      <c r="HH27" s="72">
        <v>0</v>
      </c>
      <c r="HI27" s="72">
        <v>0</v>
      </c>
      <c r="HJ27" s="72">
        <v>0</v>
      </c>
      <c r="HK27" s="72">
        <v>0</v>
      </c>
      <c r="HL27" s="73">
        <v>2</v>
      </c>
      <c r="HM27" s="74">
        <v>2</v>
      </c>
      <c r="HN27" s="71">
        <v>2</v>
      </c>
      <c r="HO27" s="72">
        <v>2</v>
      </c>
      <c r="HP27" s="73">
        <v>4</v>
      </c>
      <c r="HQ27" s="277"/>
      <c r="HR27" s="72">
        <v>2</v>
      </c>
      <c r="HS27" s="72">
        <v>3</v>
      </c>
      <c r="HT27" s="72">
        <v>1</v>
      </c>
      <c r="HU27" s="72">
        <v>1</v>
      </c>
      <c r="HV27" s="72">
        <v>1</v>
      </c>
      <c r="HW27" s="73">
        <v>8</v>
      </c>
      <c r="HX27" s="74">
        <v>12</v>
      </c>
      <c r="HY27" s="71">
        <v>3</v>
      </c>
      <c r="HZ27" s="72">
        <v>4</v>
      </c>
      <c r="IA27" s="73">
        <v>7</v>
      </c>
      <c r="IB27" s="277"/>
      <c r="IC27" s="72">
        <v>4</v>
      </c>
      <c r="ID27" s="72">
        <v>5</v>
      </c>
      <c r="IE27" s="72">
        <v>0</v>
      </c>
      <c r="IF27" s="72">
        <v>2</v>
      </c>
      <c r="IG27" s="72">
        <v>0</v>
      </c>
      <c r="IH27" s="73">
        <v>11</v>
      </c>
      <c r="II27" s="74">
        <v>18</v>
      </c>
      <c r="IJ27" s="71">
        <v>8</v>
      </c>
      <c r="IK27" s="72">
        <v>3</v>
      </c>
      <c r="IL27" s="73">
        <v>11</v>
      </c>
      <c r="IM27" s="277"/>
      <c r="IN27" s="72">
        <v>6</v>
      </c>
      <c r="IO27" s="72">
        <v>4</v>
      </c>
      <c r="IP27" s="72">
        <v>1</v>
      </c>
      <c r="IQ27" s="72">
        <v>3</v>
      </c>
      <c r="IR27" s="72">
        <v>3</v>
      </c>
      <c r="IS27" s="73">
        <v>17</v>
      </c>
      <c r="IT27" s="74">
        <v>28</v>
      </c>
      <c r="IU27" s="71">
        <v>13</v>
      </c>
      <c r="IV27" s="72">
        <v>6</v>
      </c>
      <c r="IW27" s="73">
        <v>19</v>
      </c>
      <c r="IX27" s="277"/>
      <c r="IY27" s="72">
        <v>16</v>
      </c>
      <c r="IZ27" s="72">
        <v>15</v>
      </c>
      <c r="JA27" s="72">
        <v>7</v>
      </c>
      <c r="JB27" s="72">
        <v>6</v>
      </c>
      <c r="JC27" s="72">
        <v>2</v>
      </c>
      <c r="JD27" s="73">
        <v>46</v>
      </c>
      <c r="JE27" s="74">
        <v>65</v>
      </c>
      <c r="JF27" s="71">
        <v>16</v>
      </c>
      <c r="JG27" s="72">
        <v>10</v>
      </c>
      <c r="JH27" s="73">
        <v>26</v>
      </c>
      <c r="JI27" s="277"/>
      <c r="JJ27" s="72">
        <v>24</v>
      </c>
      <c r="JK27" s="72">
        <v>6</v>
      </c>
      <c r="JL27" s="72">
        <v>11</v>
      </c>
      <c r="JM27" s="72">
        <v>7</v>
      </c>
      <c r="JN27" s="72">
        <v>4</v>
      </c>
      <c r="JO27" s="73">
        <v>52</v>
      </c>
      <c r="JP27" s="74">
        <v>78</v>
      </c>
      <c r="JQ27" s="71">
        <v>0</v>
      </c>
      <c r="JR27" s="72">
        <v>0</v>
      </c>
      <c r="JS27" s="73">
        <v>0</v>
      </c>
      <c r="JT27" s="277"/>
      <c r="JU27" s="72">
        <v>0</v>
      </c>
      <c r="JV27" s="72">
        <v>0</v>
      </c>
      <c r="JW27" s="72">
        <v>0</v>
      </c>
      <c r="JX27" s="72">
        <v>0</v>
      </c>
      <c r="JY27" s="72">
        <v>0</v>
      </c>
      <c r="JZ27" s="73">
        <v>0</v>
      </c>
      <c r="KA27" s="74">
        <v>0</v>
      </c>
      <c r="KB27" s="71">
        <v>42</v>
      </c>
      <c r="KC27" s="72">
        <v>25</v>
      </c>
      <c r="KD27" s="73">
        <v>67</v>
      </c>
      <c r="KE27" s="277"/>
      <c r="KF27" s="72">
        <v>54</v>
      </c>
      <c r="KG27" s="72">
        <v>33</v>
      </c>
      <c r="KH27" s="72">
        <v>20</v>
      </c>
      <c r="KI27" s="72">
        <v>19</v>
      </c>
      <c r="KJ27" s="72">
        <v>10</v>
      </c>
      <c r="KK27" s="73">
        <v>136</v>
      </c>
      <c r="KL27" s="74">
        <v>203</v>
      </c>
    </row>
    <row r="28" spans="1:298" ht="19.5" customHeight="1" x14ac:dyDescent="0.2">
      <c r="A28" s="130" t="s">
        <v>25</v>
      </c>
      <c r="B28" s="347">
        <v>11</v>
      </c>
      <c r="C28" s="83">
        <v>13</v>
      </c>
      <c r="D28" s="84">
        <v>24</v>
      </c>
      <c r="E28" s="274"/>
      <c r="F28" s="83">
        <v>45</v>
      </c>
      <c r="G28" s="83">
        <v>10</v>
      </c>
      <c r="H28" s="83">
        <v>15</v>
      </c>
      <c r="I28" s="83">
        <v>14</v>
      </c>
      <c r="J28" s="83">
        <v>6</v>
      </c>
      <c r="K28" s="85">
        <v>90</v>
      </c>
      <c r="L28" s="86">
        <v>114</v>
      </c>
      <c r="M28" s="71">
        <v>0</v>
      </c>
      <c r="N28" s="72">
        <v>0</v>
      </c>
      <c r="O28" s="73">
        <v>0</v>
      </c>
      <c r="P28" s="274"/>
      <c r="Q28" s="72">
        <v>3</v>
      </c>
      <c r="R28" s="72">
        <v>0</v>
      </c>
      <c r="S28" s="72">
        <v>0</v>
      </c>
      <c r="T28" s="72">
        <v>0</v>
      </c>
      <c r="U28" s="72">
        <v>0</v>
      </c>
      <c r="V28" s="73">
        <v>3</v>
      </c>
      <c r="W28" s="74">
        <v>3</v>
      </c>
      <c r="X28" s="71">
        <v>1</v>
      </c>
      <c r="Y28" s="72">
        <v>2</v>
      </c>
      <c r="Z28" s="73">
        <v>3</v>
      </c>
      <c r="AA28" s="277"/>
      <c r="AB28" s="72">
        <v>0</v>
      </c>
      <c r="AC28" s="72">
        <v>2</v>
      </c>
      <c r="AD28" s="72">
        <v>1</v>
      </c>
      <c r="AE28" s="72">
        <v>2</v>
      </c>
      <c r="AF28" s="72">
        <v>0</v>
      </c>
      <c r="AG28" s="73">
        <v>5</v>
      </c>
      <c r="AH28" s="74">
        <v>8</v>
      </c>
      <c r="AI28" s="71">
        <v>2</v>
      </c>
      <c r="AJ28" s="72">
        <v>4</v>
      </c>
      <c r="AK28" s="73">
        <v>6</v>
      </c>
      <c r="AL28" s="277"/>
      <c r="AM28" s="72">
        <v>5</v>
      </c>
      <c r="AN28" s="72">
        <v>0</v>
      </c>
      <c r="AO28" s="72">
        <v>0</v>
      </c>
      <c r="AP28" s="72">
        <v>2</v>
      </c>
      <c r="AQ28" s="72">
        <v>1</v>
      </c>
      <c r="AR28" s="73">
        <v>8</v>
      </c>
      <c r="AS28" s="74">
        <v>14</v>
      </c>
      <c r="AT28" s="71">
        <v>1</v>
      </c>
      <c r="AU28" s="72">
        <v>3</v>
      </c>
      <c r="AV28" s="73">
        <v>4</v>
      </c>
      <c r="AW28" s="277"/>
      <c r="AX28" s="72">
        <v>11</v>
      </c>
      <c r="AY28" s="72">
        <v>4</v>
      </c>
      <c r="AZ28" s="72">
        <v>3</v>
      </c>
      <c r="BA28" s="72">
        <v>3</v>
      </c>
      <c r="BB28" s="72">
        <v>3</v>
      </c>
      <c r="BC28" s="73">
        <v>24</v>
      </c>
      <c r="BD28" s="74">
        <v>28</v>
      </c>
      <c r="BE28" s="71">
        <v>4</v>
      </c>
      <c r="BF28" s="72">
        <v>1</v>
      </c>
      <c r="BG28" s="73">
        <v>5</v>
      </c>
      <c r="BH28" s="277"/>
      <c r="BI28" s="72">
        <v>14</v>
      </c>
      <c r="BJ28" s="72">
        <v>4</v>
      </c>
      <c r="BK28" s="72">
        <v>6</v>
      </c>
      <c r="BL28" s="72">
        <v>3</v>
      </c>
      <c r="BM28" s="72">
        <v>0</v>
      </c>
      <c r="BN28" s="73">
        <v>27</v>
      </c>
      <c r="BO28" s="74">
        <v>32</v>
      </c>
      <c r="BP28" s="71">
        <v>3</v>
      </c>
      <c r="BQ28" s="72">
        <v>3</v>
      </c>
      <c r="BR28" s="73">
        <v>6</v>
      </c>
      <c r="BS28" s="277"/>
      <c r="BT28" s="72">
        <v>12</v>
      </c>
      <c r="BU28" s="72">
        <v>0</v>
      </c>
      <c r="BV28" s="72">
        <v>5</v>
      </c>
      <c r="BW28" s="72">
        <v>4</v>
      </c>
      <c r="BX28" s="72">
        <v>2</v>
      </c>
      <c r="BY28" s="73">
        <v>23</v>
      </c>
      <c r="BZ28" s="74">
        <v>29</v>
      </c>
      <c r="CA28" s="71">
        <v>0</v>
      </c>
      <c r="CB28" s="72">
        <v>0</v>
      </c>
      <c r="CC28" s="73">
        <v>0</v>
      </c>
      <c r="CD28" s="277"/>
      <c r="CE28" s="72">
        <v>0</v>
      </c>
      <c r="CF28" s="72">
        <v>0</v>
      </c>
      <c r="CG28" s="72">
        <v>0</v>
      </c>
      <c r="CH28" s="72">
        <v>0</v>
      </c>
      <c r="CI28" s="72">
        <v>0</v>
      </c>
      <c r="CJ28" s="73">
        <v>0</v>
      </c>
      <c r="CK28" s="74">
        <v>0</v>
      </c>
      <c r="CL28" s="71">
        <v>11</v>
      </c>
      <c r="CM28" s="72">
        <v>13</v>
      </c>
      <c r="CN28" s="73">
        <v>24</v>
      </c>
      <c r="CO28" s="277"/>
      <c r="CP28" s="72">
        <v>45</v>
      </c>
      <c r="CQ28" s="72">
        <v>10</v>
      </c>
      <c r="CR28" s="72">
        <v>15</v>
      </c>
      <c r="CS28" s="72">
        <v>14</v>
      </c>
      <c r="CT28" s="72">
        <v>6</v>
      </c>
      <c r="CU28" s="73">
        <v>90</v>
      </c>
      <c r="CV28" s="74">
        <v>114</v>
      </c>
      <c r="CW28" s="127">
        <v>2</v>
      </c>
      <c r="CX28" s="83">
        <v>3</v>
      </c>
      <c r="CY28" s="84">
        <v>5</v>
      </c>
      <c r="CZ28" s="274"/>
      <c r="DA28" s="83">
        <v>3</v>
      </c>
      <c r="DB28" s="83">
        <v>1</v>
      </c>
      <c r="DC28" s="83">
        <v>0</v>
      </c>
      <c r="DD28" s="83">
        <v>4</v>
      </c>
      <c r="DE28" s="83">
        <v>0</v>
      </c>
      <c r="DF28" s="85">
        <v>8</v>
      </c>
      <c r="DG28" s="86">
        <v>13</v>
      </c>
      <c r="DH28" s="71">
        <v>0</v>
      </c>
      <c r="DI28" s="72">
        <v>0</v>
      </c>
      <c r="DJ28" s="73">
        <v>0</v>
      </c>
      <c r="DK28" s="277"/>
      <c r="DL28" s="72">
        <v>0</v>
      </c>
      <c r="DM28" s="72">
        <v>0</v>
      </c>
      <c r="DN28" s="72">
        <v>0</v>
      </c>
      <c r="DO28" s="72">
        <v>0</v>
      </c>
      <c r="DP28" s="72">
        <v>0</v>
      </c>
      <c r="DQ28" s="73">
        <v>0</v>
      </c>
      <c r="DR28" s="74">
        <v>0</v>
      </c>
      <c r="DS28" s="71">
        <v>0</v>
      </c>
      <c r="DT28" s="72">
        <v>0</v>
      </c>
      <c r="DU28" s="73">
        <v>0</v>
      </c>
      <c r="DV28" s="277"/>
      <c r="DW28" s="72">
        <v>0</v>
      </c>
      <c r="DX28" s="72">
        <v>0</v>
      </c>
      <c r="DY28" s="72">
        <v>0</v>
      </c>
      <c r="DZ28" s="72">
        <v>0</v>
      </c>
      <c r="EA28" s="72">
        <v>0</v>
      </c>
      <c r="EB28" s="73">
        <v>0</v>
      </c>
      <c r="EC28" s="74">
        <v>0</v>
      </c>
      <c r="ED28" s="71">
        <v>0</v>
      </c>
      <c r="EE28" s="72">
        <v>2</v>
      </c>
      <c r="EF28" s="73">
        <v>2</v>
      </c>
      <c r="EG28" s="277"/>
      <c r="EH28" s="72">
        <v>0</v>
      </c>
      <c r="EI28" s="72">
        <v>1</v>
      </c>
      <c r="EJ28" s="72">
        <v>0</v>
      </c>
      <c r="EK28" s="72">
        <v>0</v>
      </c>
      <c r="EL28" s="72">
        <v>0</v>
      </c>
      <c r="EM28" s="73">
        <v>1</v>
      </c>
      <c r="EN28" s="74">
        <v>3</v>
      </c>
      <c r="EO28" s="71">
        <v>1</v>
      </c>
      <c r="EP28" s="72">
        <v>0</v>
      </c>
      <c r="EQ28" s="73">
        <v>1</v>
      </c>
      <c r="ER28" s="277"/>
      <c r="ES28" s="72">
        <v>0</v>
      </c>
      <c r="ET28" s="72">
        <v>0</v>
      </c>
      <c r="EU28" s="72">
        <v>0</v>
      </c>
      <c r="EV28" s="72">
        <v>1</v>
      </c>
      <c r="EW28" s="72">
        <v>0</v>
      </c>
      <c r="EX28" s="73">
        <v>1</v>
      </c>
      <c r="EY28" s="74">
        <v>2</v>
      </c>
      <c r="EZ28" s="71">
        <v>0</v>
      </c>
      <c r="FA28" s="72">
        <v>1</v>
      </c>
      <c r="FB28" s="73">
        <v>1</v>
      </c>
      <c r="FC28" s="277"/>
      <c r="FD28" s="72">
        <v>1</v>
      </c>
      <c r="FE28" s="72">
        <v>0</v>
      </c>
      <c r="FF28" s="72">
        <v>0</v>
      </c>
      <c r="FG28" s="72">
        <v>2</v>
      </c>
      <c r="FH28" s="72">
        <v>0</v>
      </c>
      <c r="FI28" s="73">
        <v>3</v>
      </c>
      <c r="FJ28" s="74">
        <v>4</v>
      </c>
      <c r="FK28" s="71">
        <v>1</v>
      </c>
      <c r="FL28" s="72">
        <v>0</v>
      </c>
      <c r="FM28" s="73">
        <v>1</v>
      </c>
      <c r="FN28" s="277"/>
      <c r="FO28" s="72">
        <v>2</v>
      </c>
      <c r="FP28" s="72">
        <v>0</v>
      </c>
      <c r="FQ28" s="72">
        <v>0</v>
      </c>
      <c r="FR28" s="72">
        <v>1</v>
      </c>
      <c r="FS28" s="72">
        <v>0</v>
      </c>
      <c r="FT28" s="73">
        <v>3</v>
      </c>
      <c r="FU28" s="74">
        <v>4</v>
      </c>
      <c r="FV28" s="71">
        <v>0</v>
      </c>
      <c r="FW28" s="72">
        <v>0</v>
      </c>
      <c r="FX28" s="73">
        <v>0</v>
      </c>
      <c r="FY28" s="277"/>
      <c r="FZ28" s="72">
        <v>0</v>
      </c>
      <c r="GA28" s="72">
        <v>0</v>
      </c>
      <c r="GB28" s="72">
        <v>0</v>
      </c>
      <c r="GC28" s="72">
        <v>0</v>
      </c>
      <c r="GD28" s="72">
        <v>0</v>
      </c>
      <c r="GE28" s="73">
        <v>0</v>
      </c>
      <c r="GF28" s="74">
        <v>0</v>
      </c>
      <c r="GG28" s="71">
        <v>2</v>
      </c>
      <c r="GH28" s="72">
        <v>3</v>
      </c>
      <c r="GI28" s="73">
        <v>5</v>
      </c>
      <c r="GJ28" s="277"/>
      <c r="GK28" s="72">
        <v>3</v>
      </c>
      <c r="GL28" s="72">
        <v>1</v>
      </c>
      <c r="GM28" s="72">
        <v>0</v>
      </c>
      <c r="GN28" s="72">
        <v>4</v>
      </c>
      <c r="GO28" s="72">
        <v>0</v>
      </c>
      <c r="GP28" s="73">
        <v>8</v>
      </c>
      <c r="GQ28" s="74">
        <v>13</v>
      </c>
      <c r="GR28" s="127">
        <v>13</v>
      </c>
      <c r="GS28" s="83">
        <v>16</v>
      </c>
      <c r="GT28" s="84">
        <v>29</v>
      </c>
      <c r="GU28" s="274"/>
      <c r="GV28" s="83">
        <v>48</v>
      </c>
      <c r="GW28" s="83">
        <v>11</v>
      </c>
      <c r="GX28" s="83">
        <v>15</v>
      </c>
      <c r="GY28" s="83">
        <v>18</v>
      </c>
      <c r="GZ28" s="83">
        <v>6</v>
      </c>
      <c r="HA28" s="85">
        <v>98</v>
      </c>
      <c r="HB28" s="86">
        <v>127</v>
      </c>
      <c r="HC28" s="71">
        <v>0</v>
      </c>
      <c r="HD28" s="72">
        <v>0</v>
      </c>
      <c r="HE28" s="73">
        <v>0</v>
      </c>
      <c r="HF28" s="277"/>
      <c r="HG28" s="72">
        <v>3</v>
      </c>
      <c r="HH28" s="72">
        <v>0</v>
      </c>
      <c r="HI28" s="72">
        <v>0</v>
      </c>
      <c r="HJ28" s="72">
        <v>0</v>
      </c>
      <c r="HK28" s="72">
        <v>0</v>
      </c>
      <c r="HL28" s="73">
        <v>3</v>
      </c>
      <c r="HM28" s="74">
        <v>3</v>
      </c>
      <c r="HN28" s="71">
        <v>1</v>
      </c>
      <c r="HO28" s="72">
        <v>2</v>
      </c>
      <c r="HP28" s="73">
        <v>3</v>
      </c>
      <c r="HQ28" s="277"/>
      <c r="HR28" s="72">
        <v>0</v>
      </c>
      <c r="HS28" s="72">
        <v>2</v>
      </c>
      <c r="HT28" s="72">
        <v>1</v>
      </c>
      <c r="HU28" s="72">
        <v>2</v>
      </c>
      <c r="HV28" s="72">
        <v>0</v>
      </c>
      <c r="HW28" s="73">
        <v>5</v>
      </c>
      <c r="HX28" s="74">
        <v>8</v>
      </c>
      <c r="HY28" s="71">
        <v>2</v>
      </c>
      <c r="HZ28" s="72">
        <v>6</v>
      </c>
      <c r="IA28" s="73">
        <v>8</v>
      </c>
      <c r="IB28" s="277"/>
      <c r="IC28" s="72">
        <v>5</v>
      </c>
      <c r="ID28" s="72">
        <v>1</v>
      </c>
      <c r="IE28" s="72">
        <v>0</v>
      </c>
      <c r="IF28" s="72">
        <v>2</v>
      </c>
      <c r="IG28" s="72">
        <v>1</v>
      </c>
      <c r="IH28" s="73">
        <v>9</v>
      </c>
      <c r="II28" s="74">
        <v>17</v>
      </c>
      <c r="IJ28" s="71">
        <v>2</v>
      </c>
      <c r="IK28" s="72">
        <v>3</v>
      </c>
      <c r="IL28" s="73">
        <v>5</v>
      </c>
      <c r="IM28" s="277"/>
      <c r="IN28" s="72">
        <v>11</v>
      </c>
      <c r="IO28" s="72">
        <v>4</v>
      </c>
      <c r="IP28" s="72">
        <v>3</v>
      </c>
      <c r="IQ28" s="72">
        <v>4</v>
      </c>
      <c r="IR28" s="72">
        <v>3</v>
      </c>
      <c r="IS28" s="73">
        <v>25</v>
      </c>
      <c r="IT28" s="74">
        <v>30</v>
      </c>
      <c r="IU28" s="71">
        <v>4</v>
      </c>
      <c r="IV28" s="72">
        <v>2</v>
      </c>
      <c r="IW28" s="73">
        <v>6</v>
      </c>
      <c r="IX28" s="277"/>
      <c r="IY28" s="72">
        <v>15</v>
      </c>
      <c r="IZ28" s="72">
        <v>4</v>
      </c>
      <c r="JA28" s="72">
        <v>6</v>
      </c>
      <c r="JB28" s="72">
        <v>5</v>
      </c>
      <c r="JC28" s="72">
        <v>0</v>
      </c>
      <c r="JD28" s="73">
        <v>30</v>
      </c>
      <c r="JE28" s="74">
        <v>36</v>
      </c>
      <c r="JF28" s="71">
        <v>4</v>
      </c>
      <c r="JG28" s="72">
        <v>3</v>
      </c>
      <c r="JH28" s="73">
        <v>7</v>
      </c>
      <c r="JI28" s="277"/>
      <c r="JJ28" s="72">
        <v>14</v>
      </c>
      <c r="JK28" s="72">
        <v>0</v>
      </c>
      <c r="JL28" s="72">
        <v>5</v>
      </c>
      <c r="JM28" s="72">
        <v>5</v>
      </c>
      <c r="JN28" s="72">
        <v>2</v>
      </c>
      <c r="JO28" s="73">
        <v>26</v>
      </c>
      <c r="JP28" s="74">
        <v>33</v>
      </c>
      <c r="JQ28" s="71">
        <v>0</v>
      </c>
      <c r="JR28" s="72">
        <v>0</v>
      </c>
      <c r="JS28" s="73">
        <v>0</v>
      </c>
      <c r="JT28" s="277"/>
      <c r="JU28" s="72">
        <v>0</v>
      </c>
      <c r="JV28" s="72">
        <v>0</v>
      </c>
      <c r="JW28" s="72">
        <v>0</v>
      </c>
      <c r="JX28" s="72">
        <v>0</v>
      </c>
      <c r="JY28" s="72">
        <v>0</v>
      </c>
      <c r="JZ28" s="73">
        <v>0</v>
      </c>
      <c r="KA28" s="74">
        <v>0</v>
      </c>
      <c r="KB28" s="71">
        <v>13</v>
      </c>
      <c r="KC28" s="72">
        <v>16</v>
      </c>
      <c r="KD28" s="73">
        <v>29</v>
      </c>
      <c r="KE28" s="277"/>
      <c r="KF28" s="72">
        <v>48</v>
      </c>
      <c r="KG28" s="72">
        <v>11</v>
      </c>
      <c r="KH28" s="72">
        <v>15</v>
      </c>
      <c r="KI28" s="72">
        <v>18</v>
      </c>
      <c r="KJ28" s="72">
        <v>6</v>
      </c>
      <c r="KK28" s="73">
        <v>98</v>
      </c>
      <c r="KL28" s="74">
        <v>127</v>
      </c>
    </row>
    <row r="29" spans="1:298" ht="19.5" customHeight="1" x14ac:dyDescent="0.2">
      <c r="A29" s="130" t="s">
        <v>26</v>
      </c>
      <c r="B29" s="347">
        <v>20</v>
      </c>
      <c r="C29" s="83">
        <v>15</v>
      </c>
      <c r="D29" s="84">
        <v>35</v>
      </c>
      <c r="E29" s="274"/>
      <c r="F29" s="83">
        <v>21</v>
      </c>
      <c r="G29" s="83">
        <v>27</v>
      </c>
      <c r="H29" s="83">
        <v>24</v>
      </c>
      <c r="I29" s="83">
        <v>10</v>
      </c>
      <c r="J29" s="83">
        <v>6</v>
      </c>
      <c r="K29" s="85">
        <v>88</v>
      </c>
      <c r="L29" s="86">
        <v>123</v>
      </c>
      <c r="M29" s="71">
        <v>0</v>
      </c>
      <c r="N29" s="72">
        <v>0</v>
      </c>
      <c r="O29" s="73">
        <v>0</v>
      </c>
      <c r="P29" s="274"/>
      <c r="Q29" s="72">
        <v>0</v>
      </c>
      <c r="R29" s="72">
        <v>0</v>
      </c>
      <c r="S29" s="72">
        <v>1</v>
      </c>
      <c r="T29" s="72">
        <v>0</v>
      </c>
      <c r="U29" s="72">
        <v>0</v>
      </c>
      <c r="V29" s="73">
        <v>1</v>
      </c>
      <c r="W29" s="74">
        <v>1</v>
      </c>
      <c r="X29" s="71">
        <v>1</v>
      </c>
      <c r="Y29" s="72">
        <v>0</v>
      </c>
      <c r="Z29" s="73">
        <v>1</v>
      </c>
      <c r="AA29" s="277"/>
      <c r="AB29" s="72">
        <v>0</v>
      </c>
      <c r="AC29" s="72">
        <v>2</v>
      </c>
      <c r="AD29" s="72">
        <v>0</v>
      </c>
      <c r="AE29" s="72">
        <v>0</v>
      </c>
      <c r="AF29" s="72">
        <v>0</v>
      </c>
      <c r="AG29" s="73">
        <v>2</v>
      </c>
      <c r="AH29" s="74">
        <v>3</v>
      </c>
      <c r="AI29" s="71">
        <v>2</v>
      </c>
      <c r="AJ29" s="72">
        <v>4</v>
      </c>
      <c r="AK29" s="73">
        <v>6</v>
      </c>
      <c r="AL29" s="277"/>
      <c r="AM29" s="72">
        <v>2</v>
      </c>
      <c r="AN29" s="72">
        <v>3</v>
      </c>
      <c r="AO29" s="72">
        <v>1</v>
      </c>
      <c r="AP29" s="72">
        <v>2</v>
      </c>
      <c r="AQ29" s="72">
        <v>3</v>
      </c>
      <c r="AR29" s="73">
        <v>11</v>
      </c>
      <c r="AS29" s="74">
        <v>17</v>
      </c>
      <c r="AT29" s="71">
        <v>5</v>
      </c>
      <c r="AU29" s="72">
        <v>1</v>
      </c>
      <c r="AV29" s="73">
        <v>6</v>
      </c>
      <c r="AW29" s="277"/>
      <c r="AX29" s="72">
        <v>5</v>
      </c>
      <c r="AY29" s="72">
        <v>4</v>
      </c>
      <c r="AZ29" s="72">
        <v>7</v>
      </c>
      <c r="BA29" s="72">
        <v>1</v>
      </c>
      <c r="BB29" s="72">
        <v>1</v>
      </c>
      <c r="BC29" s="73">
        <v>18</v>
      </c>
      <c r="BD29" s="74">
        <v>24</v>
      </c>
      <c r="BE29" s="71">
        <v>4</v>
      </c>
      <c r="BF29" s="72">
        <v>4</v>
      </c>
      <c r="BG29" s="73">
        <v>8</v>
      </c>
      <c r="BH29" s="277"/>
      <c r="BI29" s="72">
        <v>7</v>
      </c>
      <c r="BJ29" s="72">
        <v>9</v>
      </c>
      <c r="BK29" s="72">
        <v>10</v>
      </c>
      <c r="BL29" s="72">
        <v>1</v>
      </c>
      <c r="BM29" s="72">
        <v>0</v>
      </c>
      <c r="BN29" s="73">
        <v>27</v>
      </c>
      <c r="BO29" s="74">
        <v>35</v>
      </c>
      <c r="BP29" s="71">
        <v>8</v>
      </c>
      <c r="BQ29" s="72">
        <v>6</v>
      </c>
      <c r="BR29" s="73">
        <v>14</v>
      </c>
      <c r="BS29" s="277"/>
      <c r="BT29" s="72">
        <v>7</v>
      </c>
      <c r="BU29" s="72">
        <v>9</v>
      </c>
      <c r="BV29" s="72">
        <v>5</v>
      </c>
      <c r="BW29" s="72">
        <v>6</v>
      </c>
      <c r="BX29" s="72">
        <v>2</v>
      </c>
      <c r="BY29" s="73">
        <v>29</v>
      </c>
      <c r="BZ29" s="74">
        <v>43</v>
      </c>
      <c r="CA29" s="71">
        <v>0</v>
      </c>
      <c r="CB29" s="72">
        <v>0</v>
      </c>
      <c r="CC29" s="73">
        <v>0</v>
      </c>
      <c r="CD29" s="277"/>
      <c r="CE29" s="72">
        <v>0</v>
      </c>
      <c r="CF29" s="72">
        <v>0</v>
      </c>
      <c r="CG29" s="72">
        <v>0</v>
      </c>
      <c r="CH29" s="72">
        <v>0</v>
      </c>
      <c r="CI29" s="72">
        <v>0</v>
      </c>
      <c r="CJ29" s="73">
        <v>0</v>
      </c>
      <c r="CK29" s="74">
        <v>0</v>
      </c>
      <c r="CL29" s="71">
        <v>20</v>
      </c>
      <c r="CM29" s="72">
        <v>15</v>
      </c>
      <c r="CN29" s="73">
        <v>35</v>
      </c>
      <c r="CO29" s="277"/>
      <c r="CP29" s="72">
        <v>21</v>
      </c>
      <c r="CQ29" s="72">
        <v>27</v>
      </c>
      <c r="CR29" s="72">
        <v>24</v>
      </c>
      <c r="CS29" s="72">
        <v>10</v>
      </c>
      <c r="CT29" s="72">
        <v>6</v>
      </c>
      <c r="CU29" s="73">
        <v>88</v>
      </c>
      <c r="CV29" s="74">
        <v>123</v>
      </c>
      <c r="CW29" s="127">
        <v>2</v>
      </c>
      <c r="CX29" s="83">
        <v>2</v>
      </c>
      <c r="CY29" s="84">
        <v>4</v>
      </c>
      <c r="CZ29" s="274"/>
      <c r="DA29" s="83">
        <v>1</v>
      </c>
      <c r="DB29" s="83">
        <v>3</v>
      </c>
      <c r="DC29" s="83">
        <v>0</v>
      </c>
      <c r="DD29" s="83">
        <v>5</v>
      </c>
      <c r="DE29" s="83">
        <v>4</v>
      </c>
      <c r="DF29" s="85">
        <v>13</v>
      </c>
      <c r="DG29" s="86">
        <v>17</v>
      </c>
      <c r="DH29" s="71">
        <v>0</v>
      </c>
      <c r="DI29" s="72">
        <v>0</v>
      </c>
      <c r="DJ29" s="73">
        <v>0</v>
      </c>
      <c r="DK29" s="277"/>
      <c r="DL29" s="72">
        <v>0</v>
      </c>
      <c r="DM29" s="72">
        <v>0</v>
      </c>
      <c r="DN29" s="72">
        <v>0</v>
      </c>
      <c r="DO29" s="72">
        <v>0</v>
      </c>
      <c r="DP29" s="72">
        <v>0</v>
      </c>
      <c r="DQ29" s="73">
        <v>0</v>
      </c>
      <c r="DR29" s="74">
        <v>0</v>
      </c>
      <c r="DS29" s="71">
        <v>0</v>
      </c>
      <c r="DT29" s="72">
        <v>0</v>
      </c>
      <c r="DU29" s="73">
        <v>0</v>
      </c>
      <c r="DV29" s="277"/>
      <c r="DW29" s="72">
        <v>0</v>
      </c>
      <c r="DX29" s="72">
        <v>0</v>
      </c>
      <c r="DY29" s="72">
        <v>0</v>
      </c>
      <c r="DZ29" s="72">
        <v>0</v>
      </c>
      <c r="EA29" s="72">
        <v>0</v>
      </c>
      <c r="EB29" s="73">
        <v>0</v>
      </c>
      <c r="EC29" s="74">
        <v>0</v>
      </c>
      <c r="ED29" s="71">
        <v>0</v>
      </c>
      <c r="EE29" s="72">
        <v>0</v>
      </c>
      <c r="EF29" s="73">
        <v>0</v>
      </c>
      <c r="EG29" s="277"/>
      <c r="EH29" s="72">
        <v>0</v>
      </c>
      <c r="EI29" s="72">
        <v>0</v>
      </c>
      <c r="EJ29" s="72">
        <v>0</v>
      </c>
      <c r="EK29" s="72">
        <v>0</v>
      </c>
      <c r="EL29" s="72">
        <v>0</v>
      </c>
      <c r="EM29" s="73">
        <v>0</v>
      </c>
      <c r="EN29" s="74">
        <v>0</v>
      </c>
      <c r="EO29" s="71">
        <v>0</v>
      </c>
      <c r="EP29" s="72">
        <v>0</v>
      </c>
      <c r="EQ29" s="73">
        <v>0</v>
      </c>
      <c r="ER29" s="277"/>
      <c r="ES29" s="72">
        <v>0</v>
      </c>
      <c r="ET29" s="72">
        <v>1</v>
      </c>
      <c r="EU29" s="72">
        <v>0</v>
      </c>
      <c r="EV29" s="72">
        <v>1</v>
      </c>
      <c r="EW29" s="72">
        <v>0</v>
      </c>
      <c r="EX29" s="73">
        <v>2</v>
      </c>
      <c r="EY29" s="74">
        <v>2</v>
      </c>
      <c r="EZ29" s="71">
        <v>1</v>
      </c>
      <c r="FA29" s="72">
        <v>2</v>
      </c>
      <c r="FB29" s="73">
        <v>3</v>
      </c>
      <c r="FC29" s="277"/>
      <c r="FD29" s="72">
        <v>1</v>
      </c>
      <c r="FE29" s="72">
        <v>1</v>
      </c>
      <c r="FF29" s="72">
        <v>0</v>
      </c>
      <c r="FG29" s="72">
        <v>2</v>
      </c>
      <c r="FH29" s="72">
        <v>1</v>
      </c>
      <c r="FI29" s="73">
        <v>5</v>
      </c>
      <c r="FJ29" s="74">
        <v>8</v>
      </c>
      <c r="FK29" s="71">
        <v>1</v>
      </c>
      <c r="FL29" s="72">
        <v>0</v>
      </c>
      <c r="FM29" s="73">
        <v>1</v>
      </c>
      <c r="FN29" s="277"/>
      <c r="FO29" s="72">
        <v>0</v>
      </c>
      <c r="FP29" s="72">
        <v>1</v>
      </c>
      <c r="FQ29" s="72">
        <v>0</v>
      </c>
      <c r="FR29" s="72">
        <v>2</v>
      </c>
      <c r="FS29" s="72">
        <v>3</v>
      </c>
      <c r="FT29" s="73">
        <v>6</v>
      </c>
      <c r="FU29" s="74">
        <v>7</v>
      </c>
      <c r="FV29" s="71">
        <v>0</v>
      </c>
      <c r="FW29" s="72">
        <v>0</v>
      </c>
      <c r="FX29" s="73">
        <v>0</v>
      </c>
      <c r="FY29" s="277"/>
      <c r="FZ29" s="72">
        <v>0</v>
      </c>
      <c r="GA29" s="72">
        <v>0</v>
      </c>
      <c r="GB29" s="72">
        <v>0</v>
      </c>
      <c r="GC29" s="72">
        <v>0</v>
      </c>
      <c r="GD29" s="72">
        <v>0</v>
      </c>
      <c r="GE29" s="73">
        <v>0</v>
      </c>
      <c r="GF29" s="74">
        <v>0</v>
      </c>
      <c r="GG29" s="71">
        <v>2</v>
      </c>
      <c r="GH29" s="72">
        <v>2</v>
      </c>
      <c r="GI29" s="73">
        <v>4</v>
      </c>
      <c r="GJ29" s="277"/>
      <c r="GK29" s="72">
        <v>1</v>
      </c>
      <c r="GL29" s="72">
        <v>3</v>
      </c>
      <c r="GM29" s="72">
        <v>0</v>
      </c>
      <c r="GN29" s="72">
        <v>5</v>
      </c>
      <c r="GO29" s="72">
        <v>4</v>
      </c>
      <c r="GP29" s="73">
        <v>13</v>
      </c>
      <c r="GQ29" s="74">
        <v>17</v>
      </c>
      <c r="GR29" s="127">
        <v>22</v>
      </c>
      <c r="GS29" s="83">
        <v>17</v>
      </c>
      <c r="GT29" s="84">
        <v>39</v>
      </c>
      <c r="GU29" s="274"/>
      <c r="GV29" s="83">
        <v>22</v>
      </c>
      <c r="GW29" s="83">
        <v>30</v>
      </c>
      <c r="GX29" s="83">
        <v>24</v>
      </c>
      <c r="GY29" s="83">
        <v>15</v>
      </c>
      <c r="GZ29" s="83">
        <v>10</v>
      </c>
      <c r="HA29" s="85">
        <v>101</v>
      </c>
      <c r="HB29" s="86">
        <v>140</v>
      </c>
      <c r="HC29" s="71">
        <v>0</v>
      </c>
      <c r="HD29" s="72">
        <v>0</v>
      </c>
      <c r="HE29" s="73">
        <v>0</v>
      </c>
      <c r="HF29" s="277"/>
      <c r="HG29" s="72">
        <v>0</v>
      </c>
      <c r="HH29" s="72">
        <v>0</v>
      </c>
      <c r="HI29" s="72">
        <v>1</v>
      </c>
      <c r="HJ29" s="72">
        <v>0</v>
      </c>
      <c r="HK29" s="72">
        <v>0</v>
      </c>
      <c r="HL29" s="73">
        <v>1</v>
      </c>
      <c r="HM29" s="74">
        <v>1</v>
      </c>
      <c r="HN29" s="71">
        <v>1</v>
      </c>
      <c r="HO29" s="72">
        <v>0</v>
      </c>
      <c r="HP29" s="73">
        <v>1</v>
      </c>
      <c r="HQ29" s="277"/>
      <c r="HR29" s="72">
        <v>0</v>
      </c>
      <c r="HS29" s="72">
        <v>2</v>
      </c>
      <c r="HT29" s="72">
        <v>0</v>
      </c>
      <c r="HU29" s="72">
        <v>0</v>
      </c>
      <c r="HV29" s="72">
        <v>0</v>
      </c>
      <c r="HW29" s="73">
        <v>2</v>
      </c>
      <c r="HX29" s="74">
        <v>3</v>
      </c>
      <c r="HY29" s="71">
        <v>2</v>
      </c>
      <c r="HZ29" s="72">
        <v>4</v>
      </c>
      <c r="IA29" s="73">
        <v>6</v>
      </c>
      <c r="IB29" s="277"/>
      <c r="IC29" s="72">
        <v>2</v>
      </c>
      <c r="ID29" s="72">
        <v>3</v>
      </c>
      <c r="IE29" s="72">
        <v>1</v>
      </c>
      <c r="IF29" s="72">
        <v>2</v>
      </c>
      <c r="IG29" s="72">
        <v>3</v>
      </c>
      <c r="IH29" s="73">
        <v>11</v>
      </c>
      <c r="II29" s="74">
        <v>17</v>
      </c>
      <c r="IJ29" s="71">
        <v>5</v>
      </c>
      <c r="IK29" s="72">
        <v>1</v>
      </c>
      <c r="IL29" s="73">
        <v>6</v>
      </c>
      <c r="IM29" s="277"/>
      <c r="IN29" s="72">
        <v>5</v>
      </c>
      <c r="IO29" s="72">
        <v>5</v>
      </c>
      <c r="IP29" s="72">
        <v>7</v>
      </c>
      <c r="IQ29" s="72">
        <v>2</v>
      </c>
      <c r="IR29" s="72">
        <v>1</v>
      </c>
      <c r="IS29" s="73">
        <v>20</v>
      </c>
      <c r="IT29" s="74">
        <v>26</v>
      </c>
      <c r="IU29" s="71">
        <v>5</v>
      </c>
      <c r="IV29" s="72">
        <v>6</v>
      </c>
      <c r="IW29" s="73">
        <v>11</v>
      </c>
      <c r="IX29" s="277"/>
      <c r="IY29" s="72">
        <v>8</v>
      </c>
      <c r="IZ29" s="72">
        <v>10</v>
      </c>
      <c r="JA29" s="72">
        <v>10</v>
      </c>
      <c r="JB29" s="72">
        <v>3</v>
      </c>
      <c r="JC29" s="72">
        <v>1</v>
      </c>
      <c r="JD29" s="73">
        <v>32</v>
      </c>
      <c r="JE29" s="74">
        <v>43</v>
      </c>
      <c r="JF29" s="71">
        <v>9</v>
      </c>
      <c r="JG29" s="72">
        <v>6</v>
      </c>
      <c r="JH29" s="73">
        <v>15</v>
      </c>
      <c r="JI29" s="277"/>
      <c r="JJ29" s="72">
        <v>7</v>
      </c>
      <c r="JK29" s="72">
        <v>10</v>
      </c>
      <c r="JL29" s="72">
        <v>5</v>
      </c>
      <c r="JM29" s="72">
        <v>8</v>
      </c>
      <c r="JN29" s="72">
        <v>5</v>
      </c>
      <c r="JO29" s="73">
        <v>35</v>
      </c>
      <c r="JP29" s="74">
        <v>50</v>
      </c>
      <c r="JQ29" s="71">
        <v>0</v>
      </c>
      <c r="JR29" s="72">
        <v>0</v>
      </c>
      <c r="JS29" s="73">
        <v>0</v>
      </c>
      <c r="JT29" s="277"/>
      <c r="JU29" s="72">
        <v>0</v>
      </c>
      <c r="JV29" s="72">
        <v>0</v>
      </c>
      <c r="JW29" s="72">
        <v>0</v>
      </c>
      <c r="JX29" s="72">
        <v>0</v>
      </c>
      <c r="JY29" s="72">
        <v>0</v>
      </c>
      <c r="JZ29" s="73">
        <v>0</v>
      </c>
      <c r="KA29" s="74">
        <v>0</v>
      </c>
      <c r="KB29" s="71">
        <v>22</v>
      </c>
      <c r="KC29" s="72">
        <v>17</v>
      </c>
      <c r="KD29" s="73">
        <v>39</v>
      </c>
      <c r="KE29" s="277"/>
      <c r="KF29" s="72">
        <v>22</v>
      </c>
      <c r="KG29" s="72">
        <v>30</v>
      </c>
      <c r="KH29" s="72">
        <v>24</v>
      </c>
      <c r="KI29" s="72">
        <v>15</v>
      </c>
      <c r="KJ29" s="72">
        <v>10</v>
      </c>
      <c r="KK29" s="73">
        <v>101</v>
      </c>
      <c r="KL29" s="74">
        <v>140</v>
      </c>
    </row>
    <row r="30" spans="1:298" ht="19.5" customHeight="1" x14ac:dyDescent="0.2">
      <c r="A30" s="130" t="s">
        <v>27</v>
      </c>
      <c r="B30" s="347">
        <v>18</v>
      </c>
      <c r="C30" s="83">
        <v>18</v>
      </c>
      <c r="D30" s="84">
        <v>36</v>
      </c>
      <c r="E30" s="274"/>
      <c r="F30" s="83">
        <v>19</v>
      </c>
      <c r="G30" s="83">
        <v>22</v>
      </c>
      <c r="H30" s="83">
        <v>21</v>
      </c>
      <c r="I30" s="83">
        <v>16</v>
      </c>
      <c r="J30" s="83">
        <v>11</v>
      </c>
      <c r="K30" s="85">
        <v>89</v>
      </c>
      <c r="L30" s="86">
        <v>125</v>
      </c>
      <c r="M30" s="71">
        <v>1</v>
      </c>
      <c r="N30" s="72">
        <v>0</v>
      </c>
      <c r="O30" s="73">
        <v>1</v>
      </c>
      <c r="P30" s="274"/>
      <c r="Q30" s="72">
        <v>0</v>
      </c>
      <c r="R30" s="72">
        <v>1</v>
      </c>
      <c r="S30" s="72">
        <v>0</v>
      </c>
      <c r="T30" s="72">
        <v>0</v>
      </c>
      <c r="U30" s="72">
        <v>0</v>
      </c>
      <c r="V30" s="73">
        <v>1</v>
      </c>
      <c r="W30" s="74">
        <v>2</v>
      </c>
      <c r="X30" s="71">
        <v>0</v>
      </c>
      <c r="Y30" s="72">
        <v>1</v>
      </c>
      <c r="Z30" s="73">
        <v>1</v>
      </c>
      <c r="AA30" s="277"/>
      <c r="AB30" s="72">
        <v>1</v>
      </c>
      <c r="AC30" s="72">
        <v>2</v>
      </c>
      <c r="AD30" s="72">
        <v>1</v>
      </c>
      <c r="AE30" s="72">
        <v>1</v>
      </c>
      <c r="AF30" s="72">
        <v>1</v>
      </c>
      <c r="AG30" s="73">
        <v>6</v>
      </c>
      <c r="AH30" s="74">
        <v>7</v>
      </c>
      <c r="AI30" s="71">
        <v>1</v>
      </c>
      <c r="AJ30" s="72">
        <v>1</v>
      </c>
      <c r="AK30" s="73">
        <v>2</v>
      </c>
      <c r="AL30" s="277"/>
      <c r="AM30" s="72">
        <v>1</v>
      </c>
      <c r="AN30" s="72">
        <v>0</v>
      </c>
      <c r="AO30" s="72">
        <v>3</v>
      </c>
      <c r="AP30" s="72">
        <v>0</v>
      </c>
      <c r="AQ30" s="72">
        <v>1</v>
      </c>
      <c r="AR30" s="73">
        <v>5</v>
      </c>
      <c r="AS30" s="74">
        <v>7</v>
      </c>
      <c r="AT30" s="71">
        <v>4</v>
      </c>
      <c r="AU30" s="72">
        <v>1</v>
      </c>
      <c r="AV30" s="73">
        <v>5</v>
      </c>
      <c r="AW30" s="277"/>
      <c r="AX30" s="72">
        <v>8</v>
      </c>
      <c r="AY30" s="72">
        <v>6</v>
      </c>
      <c r="AZ30" s="72">
        <v>3</v>
      </c>
      <c r="BA30" s="72">
        <v>2</v>
      </c>
      <c r="BB30" s="72">
        <v>4</v>
      </c>
      <c r="BC30" s="73">
        <v>23</v>
      </c>
      <c r="BD30" s="74">
        <v>28</v>
      </c>
      <c r="BE30" s="71">
        <v>6</v>
      </c>
      <c r="BF30" s="72">
        <v>8</v>
      </c>
      <c r="BG30" s="73">
        <v>14</v>
      </c>
      <c r="BH30" s="277"/>
      <c r="BI30" s="72">
        <v>5</v>
      </c>
      <c r="BJ30" s="72">
        <v>10</v>
      </c>
      <c r="BK30" s="72">
        <v>6</v>
      </c>
      <c r="BL30" s="72">
        <v>6</v>
      </c>
      <c r="BM30" s="72">
        <v>1</v>
      </c>
      <c r="BN30" s="73">
        <v>28</v>
      </c>
      <c r="BO30" s="74">
        <v>42</v>
      </c>
      <c r="BP30" s="71">
        <v>6</v>
      </c>
      <c r="BQ30" s="72">
        <v>7</v>
      </c>
      <c r="BR30" s="73">
        <v>13</v>
      </c>
      <c r="BS30" s="277"/>
      <c r="BT30" s="72">
        <v>4</v>
      </c>
      <c r="BU30" s="72">
        <v>3</v>
      </c>
      <c r="BV30" s="72">
        <v>8</v>
      </c>
      <c r="BW30" s="72">
        <v>7</v>
      </c>
      <c r="BX30" s="72">
        <v>4</v>
      </c>
      <c r="BY30" s="73">
        <v>26</v>
      </c>
      <c r="BZ30" s="74">
        <v>39</v>
      </c>
      <c r="CA30" s="71">
        <v>0</v>
      </c>
      <c r="CB30" s="72">
        <v>0</v>
      </c>
      <c r="CC30" s="73">
        <v>0</v>
      </c>
      <c r="CD30" s="277"/>
      <c r="CE30" s="72">
        <v>0</v>
      </c>
      <c r="CF30" s="72">
        <v>0</v>
      </c>
      <c r="CG30" s="72">
        <v>0</v>
      </c>
      <c r="CH30" s="72">
        <v>0</v>
      </c>
      <c r="CI30" s="72">
        <v>0</v>
      </c>
      <c r="CJ30" s="73">
        <v>0</v>
      </c>
      <c r="CK30" s="74">
        <v>0</v>
      </c>
      <c r="CL30" s="71">
        <v>18</v>
      </c>
      <c r="CM30" s="72">
        <v>18</v>
      </c>
      <c r="CN30" s="73">
        <v>36</v>
      </c>
      <c r="CO30" s="277"/>
      <c r="CP30" s="72">
        <v>19</v>
      </c>
      <c r="CQ30" s="72">
        <v>22</v>
      </c>
      <c r="CR30" s="72">
        <v>21</v>
      </c>
      <c r="CS30" s="72">
        <v>16</v>
      </c>
      <c r="CT30" s="72">
        <v>11</v>
      </c>
      <c r="CU30" s="73">
        <v>89</v>
      </c>
      <c r="CV30" s="74">
        <v>125</v>
      </c>
      <c r="CW30" s="127">
        <v>4</v>
      </c>
      <c r="CX30" s="83">
        <v>1</v>
      </c>
      <c r="CY30" s="84">
        <v>5</v>
      </c>
      <c r="CZ30" s="274"/>
      <c r="DA30" s="83">
        <v>4</v>
      </c>
      <c r="DB30" s="83">
        <v>2</v>
      </c>
      <c r="DC30" s="83">
        <v>1</v>
      </c>
      <c r="DD30" s="83">
        <v>3</v>
      </c>
      <c r="DE30" s="83">
        <v>1</v>
      </c>
      <c r="DF30" s="85">
        <v>11</v>
      </c>
      <c r="DG30" s="86">
        <v>16</v>
      </c>
      <c r="DH30" s="71">
        <v>0</v>
      </c>
      <c r="DI30" s="72">
        <v>0</v>
      </c>
      <c r="DJ30" s="73">
        <v>0</v>
      </c>
      <c r="DK30" s="277"/>
      <c r="DL30" s="72">
        <v>0</v>
      </c>
      <c r="DM30" s="72">
        <v>0</v>
      </c>
      <c r="DN30" s="72">
        <v>0</v>
      </c>
      <c r="DO30" s="72">
        <v>0</v>
      </c>
      <c r="DP30" s="72">
        <v>0</v>
      </c>
      <c r="DQ30" s="73">
        <v>0</v>
      </c>
      <c r="DR30" s="74">
        <v>0</v>
      </c>
      <c r="DS30" s="71">
        <v>0</v>
      </c>
      <c r="DT30" s="72">
        <v>1</v>
      </c>
      <c r="DU30" s="73">
        <v>1</v>
      </c>
      <c r="DV30" s="277"/>
      <c r="DW30" s="72">
        <v>0</v>
      </c>
      <c r="DX30" s="72">
        <v>0</v>
      </c>
      <c r="DY30" s="72">
        <v>0</v>
      </c>
      <c r="DZ30" s="72">
        <v>0</v>
      </c>
      <c r="EA30" s="72">
        <v>0</v>
      </c>
      <c r="EB30" s="73">
        <v>0</v>
      </c>
      <c r="EC30" s="74">
        <v>1</v>
      </c>
      <c r="ED30" s="71">
        <v>0</v>
      </c>
      <c r="EE30" s="72">
        <v>0</v>
      </c>
      <c r="EF30" s="73">
        <v>0</v>
      </c>
      <c r="EG30" s="277"/>
      <c r="EH30" s="72">
        <v>0</v>
      </c>
      <c r="EI30" s="72">
        <v>0</v>
      </c>
      <c r="EJ30" s="72">
        <v>0</v>
      </c>
      <c r="EK30" s="72">
        <v>0</v>
      </c>
      <c r="EL30" s="72">
        <v>0</v>
      </c>
      <c r="EM30" s="73">
        <v>0</v>
      </c>
      <c r="EN30" s="74">
        <v>0</v>
      </c>
      <c r="EO30" s="71">
        <v>3</v>
      </c>
      <c r="EP30" s="72">
        <v>0</v>
      </c>
      <c r="EQ30" s="73">
        <v>3</v>
      </c>
      <c r="ER30" s="277"/>
      <c r="ES30" s="72">
        <v>0</v>
      </c>
      <c r="ET30" s="72">
        <v>0</v>
      </c>
      <c r="EU30" s="72">
        <v>0</v>
      </c>
      <c r="EV30" s="72">
        <v>0</v>
      </c>
      <c r="EW30" s="72">
        <v>0</v>
      </c>
      <c r="EX30" s="73">
        <v>0</v>
      </c>
      <c r="EY30" s="74">
        <v>3</v>
      </c>
      <c r="EZ30" s="71">
        <v>0</v>
      </c>
      <c r="FA30" s="72">
        <v>0</v>
      </c>
      <c r="FB30" s="73">
        <v>0</v>
      </c>
      <c r="FC30" s="277"/>
      <c r="FD30" s="72">
        <v>3</v>
      </c>
      <c r="FE30" s="72">
        <v>1</v>
      </c>
      <c r="FF30" s="72">
        <v>0</v>
      </c>
      <c r="FG30" s="72">
        <v>1</v>
      </c>
      <c r="FH30" s="72">
        <v>1</v>
      </c>
      <c r="FI30" s="73">
        <v>6</v>
      </c>
      <c r="FJ30" s="74">
        <v>6</v>
      </c>
      <c r="FK30" s="71">
        <v>1</v>
      </c>
      <c r="FL30" s="72">
        <v>0</v>
      </c>
      <c r="FM30" s="73">
        <v>1</v>
      </c>
      <c r="FN30" s="277"/>
      <c r="FO30" s="72">
        <v>1</v>
      </c>
      <c r="FP30" s="72">
        <v>1</v>
      </c>
      <c r="FQ30" s="72">
        <v>1</v>
      </c>
      <c r="FR30" s="72">
        <v>2</v>
      </c>
      <c r="FS30" s="72">
        <v>0</v>
      </c>
      <c r="FT30" s="73">
        <v>5</v>
      </c>
      <c r="FU30" s="74">
        <v>6</v>
      </c>
      <c r="FV30" s="71">
        <v>0</v>
      </c>
      <c r="FW30" s="72">
        <v>0</v>
      </c>
      <c r="FX30" s="73">
        <v>0</v>
      </c>
      <c r="FY30" s="277"/>
      <c r="FZ30" s="72">
        <v>0</v>
      </c>
      <c r="GA30" s="72">
        <v>0</v>
      </c>
      <c r="GB30" s="72">
        <v>0</v>
      </c>
      <c r="GC30" s="72">
        <v>0</v>
      </c>
      <c r="GD30" s="72">
        <v>0</v>
      </c>
      <c r="GE30" s="73">
        <v>0</v>
      </c>
      <c r="GF30" s="74">
        <v>0</v>
      </c>
      <c r="GG30" s="71">
        <v>4</v>
      </c>
      <c r="GH30" s="72">
        <v>1</v>
      </c>
      <c r="GI30" s="73">
        <v>5</v>
      </c>
      <c r="GJ30" s="277"/>
      <c r="GK30" s="72">
        <v>4</v>
      </c>
      <c r="GL30" s="72">
        <v>2</v>
      </c>
      <c r="GM30" s="72">
        <v>1</v>
      </c>
      <c r="GN30" s="72">
        <v>3</v>
      </c>
      <c r="GO30" s="72">
        <v>1</v>
      </c>
      <c r="GP30" s="73">
        <v>11</v>
      </c>
      <c r="GQ30" s="74">
        <v>16</v>
      </c>
      <c r="GR30" s="127">
        <v>22</v>
      </c>
      <c r="GS30" s="83">
        <v>19</v>
      </c>
      <c r="GT30" s="84">
        <v>41</v>
      </c>
      <c r="GU30" s="274"/>
      <c r="GV30" s="83">
        <v>23</v>
      </c>
      <c r="GW30" s="83">
        <v>24</v>
      </c>
      <c r="GX30" s="83">
        <v>22</v>
      </c>
      <c r="GY30" s="83">
        <v>19</v>
      </c>
      <c r="GZ30" s="83">
        <v>12</v>
      </c>
      <c r="HA30" s="85">
        <v>100</v>
      </c>
      <c r="HB30" s="86">
        <v>141</v>
      </c>
      <c r="HC30" s="71">
        <v>1</v>
      </c>
      <c r="HD30" s="72">
        <v>0</v>
      </c>
      <c r="HE30" s="73">
        <v>1</v>
      </c>
      <c r="HF30" s="277"/>
      <c r="HG30" s="72">
        <v>0</v>
      </c>
      <c r="HH30" s="72">
        <v>1</v>
      </c>
      <c r="HI30" s="72">
        <v>0</v>
      </c>
      <c r="HJ30" s="72">
        <v>0</v>
      </c>
      <c r="HK30" s="72">
        <v>0</v>
      </c>
      <c r="HL30" s="73">
        <v>1</v>
      </c>
      <c r="HM30" s="74">
        <v>2</v>
      </c>
      <c r="HN30" s="71">
        <v>0</v>
      </c>
      <c r="HO30" s="72">
        <v>2</v>
      </c>
      <c r="HP30" s="73">
        <v>2</v>
      </c>
      <c r="HQ30" s="277"/>
      <c r="HR30" s="72">
        <v>1</v>
      </c>
      <c r="HS30" s="72">
        <v>2</v>
      </c>
      <c r="HT30" s="72">
        <v>1</v>
      </c>
      <c r="HU30" s="72">
        <v>1</v>
      </c>
      <c r="HV30" s="72">
        <v>1</v>
      </c>
      <c r="HW30" s="73">
        <v>6</v>
      </c>
      <c r="HX30" s="74">
        <v>8</v>
      </c>
      <c r="HY30" s="71">
        <v>1</v>
      </c>
      <c r="HZ30" s="72">
        <v>1</v>
      </c>
      <c r="IA30" s="73">
        <v>2</v>
      </c>
      <c r="IB30" s="277"/>
      <c r="IC30" s="72">
        <v>1</v>
      </c>
      <c r="ID30" s="72">
        <v>0</v>
      </c>
      <c r="IE30" s="72">
        <v>3</v>
      </c>
      <c r="IF30" s="72">
        <v>0</v>
      </c>
      <c r="IG30" s="72">
        <v>1</v>
      </c>
      <c r="IH30" s="73">
        <v>5</v>
      </c>
      <c r="II30" s="74">
        <v>7</v>
      </c>
      <c r="IJ30" s="71">
        <v>7</v>
      </c>
      <c r="IK30" s="72">
        <v>1</v>
      </c>
      <c r="IL30" s="73">
        <v>8</v>
      </c>
      <c r="IM30" s="277"/>
      <c r="IN30" s="72">
        <v>8</v>
      </c>
      <c r="IO30" s="72">
        <v>6</v>
      </c>
      <c r="IP30" s="72">
        <v>3</v>
      </c>
      <c r="IQ30" s="72">
        <v>2</v>
      </c>
      <c r="IR30" s="72">
        <v>4</v>
      </c>
      <c r="IS30" s="73">
        <v>23</v>
      </c>
      <c r="IT30" s="74">
        <v>31</v>
      </c>
      <c r="IU30" s="71">
        <v>6</v>
      </c>
      <c r="IV30" s="72">
        <v>8</v>
      </c>
      <c r="IW30" s="73">
        <v>14</v>
      </c>
      <c r="IX30" s="277"/>
      <c r="IY30" s="72">
        <v>8</v>
      </c>
      <c r="IZ30" s="72">
        <v>11</v>
      </c>
      <c r="JA30" s="72">
        <v>6</v>
      </c>
      <c r="JB30" s="72">
        <v>7</v>
      </c>
      <c r="JC30" s="72">
        <v>2</v>
      </c>
      <c r="JD30" s="73">
        <v>34</v>
      </c>
      <c r="JE30" s="74">
        <v>48</v>
      </c>
      <c r="JF30" s="71">
        <v>7</v>
      </c>
      <c r="JG30" s="72">
        <v>7</v>
      </c>
      <c r="JH30" s="73">
        <v>14</v>
      </c>
      <c r="JI30" s="277"/>
      <c r="JJ30" s="72">
        <v>5</v>
      </c>
      <c r="JK30" s="72">
        <v>4</v>
      </c>
      <c r="JL30" s="72">
        <v>9</v>
      </c>
      <c r="JM30" s="72">
        <v>9</v>
      </c>
      <c r="JN30" s="72">
        <v>4</v>
      </c>
      <c r="JO30" s="73">
        <v>31</v>
      </c>
      <c r="JP30" s="74">
        <v>45</v>
      </c>
      <c r="JQ30" s="71">
        <v>0</v>
      </c>
      <c r="JR30" s="72">
        <v>0</v>
      </c>
      <c r="JS30" s="73">
        <v>0</v>
      </c>
      <c r="JT30" s="277"/>
      <c r="JU30" s="72">
        <v>0</v>
      </c>
      <c r="JV30" s="72">
        <v>0</v>
      </c>
      <c r="JW30" s="72">
        <v>0</v>
      </c>
      <c r="JX30" s="72">
        <v>0</v>
      </c>
      <c r="JY30" s="72">
        <v>0</v>
      </c>
      <c r="JZ30" s="73">
        <v>0</v>
      </c>
      <c r="KA30" s="74">
        <v>0</v>
      </c>
      <c r="KB30" s="71">
        <v>22</v>
      </c>
      <c r="KC30" s="72">
        <v>19</v>
      </c>
      <c r="KD30" s="73">
        <v>41</v>
      </c>
      <c r="KE30" s="277"/>
      <c r="KF30" s="72">
        <v>23</v>
      </c>
      <c r="KG30" s="72">
        <v>24</v>
      </c>
      <c r="KH30" s="72">
        <v>22</v>
      </c>
      <c r="KI30" s="72">
        <v>19</v>
      </c>
      <c r="KJ30" s="72">
        <v>12</v>
      </c>
      <c r="KK30" s="73">
        <v>100</v>
      </c>
      <c r="KL30" s="74">
        <v>141</v>
      </c>
    </row>
    <row r="31" spans="1:298" ht="19.5" customHeight="1" x14ac:dyDescent="0.2">
      <c r="A31" s="130" t="s">
        <v>28</v>
      </c>
      <c r="B31" s="347">
        <v>4</v>
      </c>
      <c r="C31" s="83">
        <v>3</v>
      </c>
      <c r="D31" s="84">
        <v>7</v>
      </c>
      <c r="E31" s="274"/>
      <c r="F31" s="83">
        <v>7</v>
      </c>
      <c r="G31" s="83">
        <v>6</v>
      </c>
      <c r="H31" s="83">
        <v>2</v>
      </c>
      <c r="I31" s="83">
        <v>2</v>
      </c>
      <c r="J31" s="83">
        <v>0</v>
      </c>
      <c r="K31" s="85">
        <v>17</v>
      </c>
      <c r="L31" s="86">
        <v>24</v>
      </c>
      <c r="M31" s="71">
        <v>0</v>
      </c>
      <c r="N31" s="72">
        <v>0</v>
      </c>
      <c r="O31" s="73">
        <v>0</v>
      </c>
      <c r="P31" s="274"/>
      <c r="Q31" s="72">
        <v>0</v>
      </c>
      <c r="R31" s="72">
        <v>0</v>
      </c>
      <c r="S31" s="72">
        <v>0</v>
      </c>
      <c r="T31" s="72">
        <v>0</v>
      </c>
      <c r="U31" s="72">
        <v>0</v>
      </c>
      <c r="V31" s="73">
        <v>0</v>
      </c>
      <c r="W31" s="74">
        <v>0</v>
      </c>
      <c r="X31" s="71">
        <v>0</v>
      </c>
      <c r="Y31" s="72">
        <v>0</v>
      </c>
      <c r="Z31" s="73">
        <v>0</v>
      </c>
      <c r="AA31" s="277"/>
      <c r="AB31" s="72">
        <v>0</v>
      </c>
      <c r="AC31" s="72">
        <v>1</v>
      </c>
      <c r="AD31" s="72">
        <v>0</v>
      </c>
      <c r="AE31" s="72">
        <v>0</v>
      </c>
      <c r="AF31" s="72">
        <v>0</v>
      </c>
      <c r="AG31" s="73">
        <v>1</v>
      </c>
      <c r="AH31" s="74">
        <v>1</v>
      </c>
      <c r="AI31" s="71">
        <v>1</v>
      </c>
      <c r="AJ31" s="72">
        <v>1</v>
      </c>
      <c r="AK31" s="73">
        <v>2</v>
      </c>
      <c r="AL31" s="277"/>
      <c r="AM31" s="72">
        <v>0</v>
      </c>
      <c r="AN31" s="72">
        <v>1</v>
      </c>
      <c r="AO31" s="72">
        <v>0</v>
      </c>
      <c r="AP31" s="72">
        <v>0</v>
      </c>
      <c r="AQ31" s="72">
        <v>0</v>
      </c>
      <c r="AR31" s="73">
        <v>1</v>
      </c>
      <c r="AS31" s="74">
        <v>3</v>
      </c>
      <c r="AT31" s="71">
        <v>2</v>
      </c>
      <c r="AU31" s="72">
        <v>1</v>
      </c>
      <c r="AV31" s="73">
        <v>3</v>
      </c>
      <c r="AW31" s="277"/>
      <c r="AX31" s="72">
        <v>2</v>
      </c>
      <c r="AY31" s="72">
        <v>3</v>
      </c>
      <c r="AZ31" s="72">
        <v>0</v>
      </c>
      <c r="BA31" s="72">
        <v>1</v>
      </c>
      <c r="BB31" s="72">
        <v>0</v>
      </c>
      <c r="BC31" s="73">
        <v>6</v>
      </c>
      <c r="BD31" s="74">
        <v>9</v>
      </c>
      <c r="BE31" s="71">
        <v>1</v>
      </c>
      <c r="BF31" s="72">
        <v>1</v>
      </c>
      <c r="BG31" s="73">
        <v>2</v>
      </c>
      <c r="BH31" s="277"/>
      <c r="BI31" s="72">
        <v>5</v>
      </c>
      <c r="BJ31" s="72">
        <v>0</v>
      </c>
      <c r="BK31" s="72">
        <v>0</v>
      </c>
      <c r="BL31" s="72">
        <v>1</v>
      </c>
      <c r="BM31" s="72">
        <v>0</v>
      </c>
      <c r="BN31" s="73">
        <v>6</v>
      </c>
      <c r="BO31" s="74">
        <v>8</v>
      </c>
      <c r="BP31" s="71">
        <v>0</v>
      </c>
      <c r="BQ31" s="72">
        <v>0</v>
      </c>
      <c r="BR31" s="73">
        <v>0</v>
      </c>
      <c r="BS31" s="277"/>
      <c r="BT31" s="72">
        <v>0</v>
      </c>
      <c r="BU31" s="72">
        <v>1</v>
      </c>
      <c r="BV31" s="72">
        <v>2</v>
      </c>
      <c r="BW31" s="72">
        <v>0</v>
      </c>
      <c r="BX31" s="72">
        <v>0</v>
      </c>
      <c r="BY31" s="73">
        <v>3</v>
      </c>
      <c r="BZ31" s="74">
        <v>3</v>
      </c>
      <c r="CA31" s="71">
        <v>0</v>
      </c>
      <c r="CB31" s="72">
        <v>0</v>
      </c>
      <c r="CC31" s="73">
        <v>0</v>
      </c>
      <c r="CD31" s="277"/>
      <c r="CE31" s="72">
        <v>0</v>
      </c>
      <c r="CF31" s="72">
        <v>0</v>
      </c>
      <c r="CG31" s="72">
        <v>0</v>
      </c>
      <c r="CH31" s="72">
        <v>0</v>
      </c>
      <c r="CI31" s="72">
        <v>0</v>
      </c>
      <c r="CJ31" s="73">
        <v>0</v>
      </c>
      <c r="CK31" s="74">
        <v>0</v>
      </c>
      <c r="CL31" s="71">
        <v>4</v>
      </c>
      <c r="CM31" s="72">
        <v>3</v>
      </c>
      <c r="CN31" s="73">
        <v>7</v>
      </c>
      <c r="CO31" s="277"/>
      <c r="CP31" s="72">
        <v>7</v>
      </c>
      <c r="CQ31" s="72">
        <v>6</v>
      </c>
      <c r="CR31" s="72">
        <v>2</v>
      </c>
      <c r="CS31" s="72">
        <v>2</v>
      </c>
      <c r="CT31" s="72">
        <v>0</v>
      </c>
      <c r="CU31" s="73">
        <v>17</v>
      </c>
      <c r="CV31" s="74">
        <v>24</v>
      </c>
      <c r="CW31" s="127">
        <v>1</v>
      </c>
      <c r="CX31" s="83">
        <v>0</v>
      </c>
      <c r="CY31" s="84">
        <v>1</v>
      </c>
      <c r="CZ31" s="274"/>
      <c r="DA31" s="83">
        <v>1</v>
      </c>
      <c r="DB31" s="83">
        <v>2</v>
      </c>
      <c r="DC31" s="83">
        <v>0</v>
      </c>
      <c r="DD31" s="83">
        <v>0</v>
      </c>
      <c r="DE31" s="83">
        <v>1</v>
      </c>
      <c r="DF31" s="85">
        <v>4</v>
      </c>
      <c r="DG31" s="86">
        <v>5</v>
      </c>
      <c r="DH31" s="71">
        <v>0</v>
      </c>
      <c r="DI31" s="72">
        <v>0</v>
      </c>
      <c r="DJ31" s="73">
        <v>0</v>
      </c>
      <c r="DK31" s="277"/>
      <c r="DL31" s="72">
        <v>0</v>
      </c>
      <c r="DM31" s="72">
        <v>0</v>
      </c>
      <c r="DN31" s="72">
        <v>0</v>
      </c>
      <c r="DO31" s="72">
        <v>0</v>
      </c>
      <c r="DP31" s="72">
        <v>0</v>
      </c>
      <c r="DQ31" s="73">
        <v>0</v>
      </c>
      <c r="DR31" s="74">
        <v>0</v>
      </c>
      <c r="DS31" s="71">
        <v>0</v>
      </c>
      <c r="DT31" s="72">
        <v>0</v>
      </c>
      <c r="DU31" s="73">
        <v>0</v>
      </c>
      <c r="DV31" s="277"/>
      <c r="DW31" s="72">
        <v>0</v>
      </c>
      <c r="DX31" s="72">
        <v>0</v>
      </c>
      <c r="DY31" s="72">
        <v>0</v>
      </c>
      <c r="DZ31" s="72">
        <v>0</v>
      </c>
      <c r="EA31" s="72">
        <v>0</v>
      </c>
      <c r="EB31" s="73">
        <v>0</v>
      </c>
      <c r="EC31" s="74">
        <v>0</v>
      </c>
      <c r="ED31" s="71">
        <v>1</v>
      </c>
      <c r="EE31" s="72">
        <v>0</v>
      </c>
      <c r="EF31" s="73">
        <v>1</v>
      </c>
      <c r="EG31" s="277"/>
      <c r="EH31" s="72">
        <v>0</v>
      </c>
      <c r="EI31" s="72">
        <v>0</v>
      </c>
      <c r="EJ31" s="72">
        <v>0</v>
      </c>
      <c r="EK31" s="72">
        <v>0</v>
      </c>
      <c r="EL31" s="72">
        <v>0</v>
      </c>
      <c r="EM31" s="73">
        <v>0</v>
      </c>
      <c r="EN31" s="74">
        <v>1</v>
      </c>
      <c r="EO31" s="71">
        <v>0</v>
      </c>
      <c r="EP31" s="72">
        <v>0</v>
      </c>
      <c r="EQ31" s="73">
        <v>0</v>
      </c>
      <c r="ER31" s="277"/>
      <c r="ES31" s="72">
        <v>0</v>
      </c>
      <c r="ET31" s="72">
        <v>1</v>
      </c>
      <c r="EU31" s="72">
        <v>0</v>
      </c>
      <c r="EV31" s="72">
        <v>0</v>
      </c>
      <c r="EW31" s="72">
        <v>1</v>
      </c>
      <c r="EX31" s="73">
        <v>2</v>
      </c>
      <c r="EY31" s="74">
        <v>2</v>
      </c>
      <c r="EZ31" s="71">
        <v>0</v>
      </c>
      <c r="FA31" s="72">
        <v>0</v>
      </c>
      <c r="FB31" s="73">
        <v>0</v>
      </c>
      <c r="FC31" s="277"/>
      <c r="FD31" s="72">
        <v>0</v>
      </c>
      <c r="FE31" s="72">
        <v>0</v>
      </c>
      <c r="FF31" s="72">
        <v>0</v>
      </c>
      <c r="FG31" s="72">
        <v>0</v>
      </c>
      <c r="FH31" s="72">
        <v>0</v>
      </c>
      <c r="FI31" s="73">
        <v>0</v>
      </c>
      <c r="FJ31" s="74">
        <v>0</v>
      </c>
      <c r="FK31" s="71">
        <v>0</v>
      </c>
      <c r="FL31" s="72">
        <v>0</v>
      </c>
      <c r="FM31" s="73">
        <v>0</v>
      </c>
      <c r="FN31" s="277"/>
      <c r="FO31" s="72">
        <v>1</v>
      </c>
      <c r="FP31" s="72">
        <v>1</v>
      </c>
      <c r="FQ31" s="72">
        <v>0</v>
      </c>
      <c r="FR31" s="72">
        <v>0</v>
      </c>
      <c r="FS31" s="72">
        <v>0</v>
      </c>
      <c r="FT31" s="73">
        <v>2</v>
      </c>
      <c r="FU31" s="74">
        <v>2</v>
      </c>
      <c r="FV31" s="71">
        <v>0</v>
      </c>
      <c r="FW31" s="72">
        <v>0</v>
      </c>
      <c r="FX31" s="73">
        <v>0</v>
      </c>
      <c r="FY31" s="277"/>
      <c r="FZ31" s="72">
        <v>0</v>
      </c>
      <c r="GA31" s="72">
        <v>0</v>
      </c>
      <c r="GB31" s="72">
        <v>0</v>
      </c>
      <c r="GC31" s="72">
        <v>0</v>
      </c>
      <c r="GD31" s="72">
        <v>0</v>
      </c>
      <c r="GE31" s="73">
        <v>0</v>
      </c>
      <c r="GF31" s="74">
        <v>0</v>
      </c>
      <c r="GG31" s="71">
        <v>1</v>
      </c>
      <c r="GH31" s="72">
        <v>0</v>
      </c>
      <c r="GI31" s="73">
        <v>1</v>
      </c>
      <c r="GJ31" s="277"/>
      <c r="GK31" s="72">
        <v>1</v>
      </c>
      <c r="GL31" s="72">
        <v>2</v>
      </c>
      <c r="GM31" s="72">
        <v>0</v>
      </c>
      <c r="GN31" s="72">
        <v>0</v>
      </c>
      <c r="GO31" s="72">
        <v>1</v>
      </c>
      <c r="GP31" s="73">
        <v>4</v>
      </c>
      <c r="GQ31" s="74">
        <v>5</v>
      </c>
      <c r="GR31" s="127">
        <v>5</v>
      </c>
      <c r="GS31" s="83">
        <v>3</v>
      </c>
      <c r="GT31" s="84">
        <v>8</v>
      </c>
      <c r="GU31" s="274"/>
      <c r="GV31" s="83">
        <v>8</v>
      </c>
      <c r="GW31" s="83">
        <v>8</v>
      </c>
      <c r="GX31" s="83">
        <v>2</v>
      </c>
      <c r="GY31" s="83">
        <v>2</v>
      </c>
      <c r="GZ31" s="83">
        <v>1</v>
      </c>
      <c r="HA31" s="85">
        <v>21</v>
      </c>
      <c r="HB31" s="86">
        <v>29</v>
      </c>
      <c r="HC31" s="71">
        <v>0</v>
      </c>
      <c r="HD31" s="72">
        <v>0</v>
      </c>
      <c r="HE31" s="73">
        <v>0</v>
      </c>
      <c r="HF31" s="277"/>
      <c r="HG31" s="72">
        <v>0</v>
      </c>
      <c r="HH31" s="72">
        <v>0</v>
      </c>
      <c r="HI31" s="72">
        <v>0</v>
      </c>
      <c r="HJ31" s="72">
        <v>0</v>
      </c>
      <c r="HK31" s="72">
        <v>0</v>
      </c>
      <c r="HL31" s="73">
        <v>0</v>
      </c>
      <c r="HM31" s="74">
        <v>0</v>
      </c>
      <c r="HN31" s="71">
        <v>0</v>
      </c>
      <c r="HO31" s="72">
        <v>0</v>
      </c>
      <c r="HP31" s="73">
        <v>0</v>
      </c>
      <c r="HQ31" s="277"/>
      <c r="HR31" s="72">
        <v>0</v>
      </c>
      <c r="HS31" s="72">
        <v>1</v>
      </c>
      <c r="HT31" s="72">
        <v>0</v>
      </c>
      <c r="HU31" s="72">
        <v>0</v>
      </c>
      <c r="HV31" s="72">
        <v>0</v>
      </c>
      <c r="HW31" s="73">
        <v>1</v>
      </c>
      <c r="HX31" s="74">
        <v>1</v>
      </c>
      <c r="HY31" s="71">
        <v>2</v>
      </c>
      <c r="HZ31" s="72">
        <v>1</v>
      </c>
      <c r="IA31" s="73">
        <v>3</v>
      </c>
      <c r="IB31" s="277"/>
      <c r="IC31" s="72">
        <v>0</v>
      </c>
      <c r="ID31" s="72">
        <v>1</v>
      </c>
      <c r="IE31" s="72">
        <v>0</v>
      </c>
      <c r="IF31" s="72">
        <v>0</v>
      </c>
      <c r="IG31" s="72">
        <v>0</v>
      </c>
      <c r="IH31" s="73">
        <v>1</v>
      </c>
      <c r="II31" s="74">
        <v>4</v>
      </c>
      <c r="IJ31" s="71">
        <v>2</v>
      </c>
      <c r="IK31" s="72">
        <v>1</v>
      </c>
      <c r="IL31" s="73">
        <v>3</v>
      </c>
      <c r="IM31" s="277"/>
      <c r="IN31" s="72">
        <v>2</v>
      </c>
      <c r="IO31" s="72">
        <v>4</v>
      </c>
      <c r="IP31" s="72">
        <v>0</v>
      </c>
      <c r="IQ31" s="72">
        <v>1</v>
      </c>
      <c r="IR31" s="72">
        <v>1</v>
      </c>
      <c r="IS31" s="73">
        <v>8</v>
      </c>
      <c r="IT31" s="74">
        <v>11</v>
      </c>
      <c r="IU31" s="71">
        <v>1</v>
      </c>
      <c r="IV31" s="72">
        <v>1</v>
      </c>
      <c r="IW31" s="73">
        <v>2</v>
      </c>
      <c r="IX31" s="277"/>
      <c r="IY31" s="72">
        <v>5</v>
      </c>
      <c r="IZ31" s="72">
        <v>0</v>
      </c>
      <c r="JA31" s="72">
        <v>0</v>
      </c>
      <c r="JB31" s="72">
        <v>1</v>
      </c>
      <c r="JC31" s="72">
        <v>0</v>
      </c>
      <c r="JD31" s="73">
        <v>6</v>
      </c>
      <c r="JE31" s="74">
        <v>8</v>
      </c>
      <c r="JF31" s="71">
        <v>0</v>
      </c>
      <c r="JG31" s="72">
        <v>0</v>
      </c>
      <c r="JH31" s="73">
        <v>0</v>
      </c>
      <c r="JI31" s="277"/>
      <c r="JJ31" s="72">
        <v>1</v>
      </c>
      <c r="JK31" s="72">
        <v>2</v>
      </c>
      <c r="JL31" s="72">
        <v>2</v>
      </c>
      <c r="JM31" s="72">
        <v>0</v>
      </c>
      <c r="JN31" s="72">
        <v>0</v>
      </c>
      <c r="JO31" s="73">
        <v>5</v>
      </c>
      <c r="JP31" s="74">
        <v>5</v>
      </c>
      <c r="JQ31" s="71">
        <v>0</v>
      </c>
      <c r="JR31" s="72">
        <v>0</v>
      </c>
      <c r="JS31" s="73">
        <v>0</v>
      </c>
      <c r="JT31" s="277"/>
      <c r="JU31" s="72">
        <v>0</v>
      </c>
      <c r="JV31" s="72">
        <v>0</v>
      </c>
      <c r="JW31" s="72">
        <v>0</v>
      </c>
      <c r="JX31" s="72">
        <v>0</v>
      </c>
      <c r="JY31" s="72">
        <v>0</v>
      </c>
      <c r="JZ31" s="73">
        <v>0</v>
      </c>
      <c r="KA31" s="74">
        <v>0</v>
      </c>
      <c r="KB31" s="71">
        <v>5</v>
      </c>
      <c r="KC31" s="72">
        <v>3</v>
      </c>
      <c r="KD31" s="73">
        <v>8</v>
      </c>
      <c r="KE31" s="277"/>
      <c r="KF31" s="72">
        <v>8</v>
      </c>
      <c r="KG31" s="72">
        <v>8</v>
      </c>
      <c r="KH31" s="72">
        <v>2</v>
      </c>
      <c r="KI31" s="72">
        <v>2</v>
      </c>
      <c r="KJ31" s="72">
        <v>1</v>
      </c>
      <c r="KK31" s="73">
        <v>21</v>
      </c>
      <c r="KL31" s="74">
        <v>29</v>
      </c>
    </row>
    <row r="32" spans="1:298" ht="19.5" customHeight="1" x14ac:dyDescent="0.2">
      <c r="A32" s="130" t="s">
        <v>29</v>
      </c>
      <c r="B32" s="347">
        <v>5</v>
      </c>
      <c r="C32" s="83">
        <v>4</v>
      </c>
      <c r="D32" s="84">
        <v>9</v>
      </c>
      <c r="E32" s="274"/>
      <c r="F32" s="83">
        <v>4</v>
      </c>
      <c r="G32" s="83">
        <v>5</v>
      </c>
      <c r="H32" s="83">
        <v>3</v>
      </c>
      <c r="I32" s="83">
        <v>3</v>
      </c>
      <c r="J32" s="83">
        <v>4</v>
      </c>
      <c r="K32" s="85">
        <v>19</v>
      </c>
      <c r="L32" s="86">
        <v>28</v>
      </c>
      <c r="M32" s="71">
        <v>0</v>
      </c>
      <c r="N32" s="72">
        <v>0</v>
      </c>
      <c r="O32" s="73">
        <v>0</v>
      </c>
      <c r="P32" s="274"/>
      <c r="Q32" s="72">
        <v>0</v>
      </c>
      <c r="R32" s="72">
        <v>0</v>
      </c>
      <c r="S32" s="72">
        <v>0</v>
      </c>
      <c r="T32" s="72">
        <v>0</v>
      </c>
      <c r="U32" s="72">
        <v>0</v>
      </c>
      <c r="V32" s="73">
        <v>0</v>
      </c>
      <c r="W32" s="74">
        <v>0</v>
      </c>
      <c r="X32" s="71">
        <v>0</v>
      </c>
      <c r="Y32" s="72">
        <v>0</v>
      </c>
      <c r="Z32" s="73">
        <v>0</v>
      </c>
      <c r="AA32" s="277"/>
      <c r="AB32" s="72">
        <v>0</v>
      </c>
      <c r="AC32" s="72">
        <v>0</v>
      </c>
      <c r="AD32" s="72">
        <v>0</v>
      </c>
      <c r="AE32" s="72">
        <v>0</v>
      </c>
      <c r="AF32" s="72">
        <v>0</v>
      </c>
      <c r="AG32" s="73">
        <v>0</v>
      </c>
      <c r="AH32" s="74">
        <v>0</v>
      </c>
      <c r="AI32" s="71">
        <v>3</v>
      </c>
      <c r="AJ32" s="72">
        <v>1</v>
      </c>
      <c r="AK32" s="73">
        <v>4</v>
      </c>
      <c r="AL32" s="277"/>
      <c r="AM32" s="72">
        <v>0</v>
      </c>
      <c r="AN32" s="72">
        <v>1</v>
      </c>
      <c r="AO32" s="72">
        <v>0</v>
      </c>
      <c r="AP32" s="72">
        <v>0</v>
      </c>
      <c r="AQ32" s="72">
        <v>1</v>
      </c>
      <c r="AR32" s="73">
        <v>2</v>
      </c>
      <c r="AS32" s="74">
        <v>6</v>
      </c>
      <c r="AT32" s="71">
        <v>1</v>
      </c>
      <c r="AU32" s="72">
        <v>1</v>
      </c>
      <c r="AV32" s="73">
        <v>2</v>
      </c>
      <c r="AW32" s="277"/>
      <c r="AX32" s="72">
        <v>2</v>
      </c>
      <c r="AY32" s="72">
        <v>1</v>
      </c>
      <c r="AZ32" s="72">
        <v>0</v>
      </c>
      <c r="BA32" s="72">
        <v>0</v>
      </c>
      <c r="BB32" s="72">
        <v>1</v>
      </c>
      <c r="BC32" s="73">
        <v>4</v>
      </c>
      <c r="BD32" s="74">
        <v>6</v>
      </c>
      <c r="BE32" s="71">
        <v>0</v>
      </c>
      <c r="BF32" s="72">
        <v>2</v>
      </c>
      <c r="BG32" s="73">
        <v>2</v>
      </c>
      <c r="BH32" s="277"/>
      <c r="BI32" s="72">
        <v>2</v>
      </c>
      <c r="BJ32" s="72">
        <v>3</v>
      </c>
      <c r="BK32" s="72">
        <v>1</v>
      </c>
      <c r="BL32" s="72">
        <v>2</v>
      </c>
      <c r="BM32" s="72">
        <v>1</v>
      </c>
      <c r="BN32" s="73">
        <v>9</v>
      </c>
      <c r="BO32" s="74">
        <v>11</v>
      </c>
      <c r="BP32" s="71">
        <v>1</v>
      </c>
      <c r="BQ32" s="72">
        <v>0</v>
      </c>
      <c r="BR32" s="73">
        <v>1</v>
      </c>
      <c r="BS32" s="277"/>
      <c r="BT32" s="72">
        <v>0</v>
      </c>
      <c r="BU32" s="72">
        <v>0</v>
      </c>
      <c r="BV32" s="72">
        <v>2</v>
      </c>
      <c r="BW32" s="72">
        <v>1</v>
      </c>
      <c r="BX32" s="72">
        <v>1</v>
      </c>
      <c r="BY32" s="73">
        <v>4</v>
      </c>
      <c r="BZ32" s="74">
        <v>5</v>
      </c>
      <c r="CA32" s="71">
        <v>0</v>
      </c>
      <c r="CB32" s="72">
        <v>0</v>
      </c>
      <c r="CC32" s="73">
        <v>0</v>
      </c>
      <c r="CD32" s="277"/>
      <c r="CE32" s="72">
        <v>0</v>
      </c>
      <c r="CF32" s="72">
        <v>0</v>
      </c>
      <c r="CG32" s="72">
        <v>0</v>
      </c>
      <c r="CH32" s="72">
        <v>0</v>
      </c>
      <c r="CI32" s="72">
        <v>0</v>
      </c>
      <c r="CJ32" s="73">
        <v>0</v>
      </c>
      <c r="CK32" s="74">
        <v>0</v>
      </c>
      <c r="CL32" s="71">
        <v>5</v>
      </c>
      <c r="CM32" s="72">
        <v>4</v>
      </c>
      <c r="CN32" s="73">
        <v>9</v>
      </c>
      <c r="CO32" s="277"/>
      <c r="CP32" s="72">
        <v>4</v>
      </c>
      <c r="CQ32" s="72">
        <v>5</v>
      </c>
      <c r="CR32" s="72">
        <v>3</v>
      </c>
      <c r="CS32" s="72">
        <v>3</v>
      </c>
      <c r="CT32" s="72">
        <v>4</v>
      </c>
      <c r="CU32" s="73">
        <v>19</v>
      </c>
      <c r="CV32" s="74">
        <v>28</v>
      </c>
      <c r="CW32" s="127">
        <v>1</v>
      </c>
      <c r="CX32" s="83">
        <v>0</v>
      </c>
      <c r="CY32" s="84">
        <v>1</v>
      </c>
      <c r="CZ32" s="274"/>
      <c r="DA32" s="83">
        <v>3</v>
      </c>
      <c r="DB32" s="83">
        <v>2</v>
      </c>
      <c r="DC32" s="83">
        <v>0</v>
      </c>
      <c r="DD32" s="83">
        <v>1</v>
      </c>
      <c r="DE32" s="83">
        <v>0</v>
      </c>
      <c r="DF32" s="85">
        <v>6</v>
      </c>
      <c r="DG32" s="86">
        <v>7</v>
      </c>
      <c r="DH32" s="71">
        <v>0</v>
      </c>
      <c r="DI32" s="72">
        <v>0</v>
      </c>
      <c r="DJ32" s="73">
        <v>0</v>
      </c>
      <c r="DK32" s="277"/>
      <c r="DL32" s="72">
        <v>0</v>
      </c>
      <c r="DM32" s="72">
        <v>0</v>
      </c>
      <c r="DN32" s="72">
        <v>0</v>
      </c>
      <c r="DO32" s="72">
        <v>0</v>
      </c>
      <c r="DP32" s="72">
        <v>0</v>
      </c>
      <c r="DQ32" s="73">
        <v>0</v>
      </c>
      <c r="DR32" s="74">
        <v>0</v>
      </c>
      <c r="DS32" s="71">
        <v>0</v>
      </c>
      <c r="DT32" s="72">
        <v>0</v>
      </c>
      <c r="DU32" s="73">
        <v>0</v>
      </c>
      <c r="DV32" s="277"/>
      <c r="DW32" s="72">
        <v>0</v>
      </c>
      <c r="DX32" s="72">
        <v>0</v>
      </c>
      <c r="DY32" s="72">
        <v>0</v>
      </c>
      <c r="DZ32" s="72">
        <v>0</v>
      </c>
      <c r="EA32" s="72">
        <v>0</v>
      </c>
      <c r="EB32" s="73">
        <v>0</v>
      </c>
      <c r="EC32" s="74">
        <v>0</v>
      </c>
      <c r="ED32" s="71">
        <v>0</v>
      </c>
      <c r="EE32" s="72">
        <v>0</v>
      </c>
      <c r="EF32" s="73">
        <v>0</v>
      </c>
      <c r="EG32" s="277"/>
      <c r="EH32" s="72">
        <v>0</v>
      </c>
      <c r="EI32" s="72">
        <v>0</v>
      </c>
      <c r="EJ32" s="72">
        <v>0</v>
      </c>
      <c r="EK32" s="72">
        <v>0</v>
      </c>
      <c r="EL32" s="72">
        <v>0</v>
      </c>
      <c r="EM32" s="73">
        <v>0</v>
      </c>
      <c r="EN32" s="74">
        <v>0</v>
      </c>
      <c r="EO32" s="71">
        <v>0</v>
      </c>
      <c r="EP32" s="72">
        <v>0</v>
      </c>
      <c r="EQ32" s="73">
        <v>0</v>
      </c>
      <c r="ER32" s="277"/>
      <c r="ES32" s="72">
        <v>2</v>
      </c>
      <c r="ET32" s="72">
        <v>0</v>
      </c>
      <c r="EU32" s="72">
        <v>0</v>
      </c>
      <c r="EV32" s="72">
        <v>0</v>
      </c>
      <c r="EW32" s="72">
        <v>0</v>
      </c>
      <c r="EX32" s="73">
        <v>2</v>
      </c>
      <c r="EY32" s="74">
        <v>2</v>
      </c>
      <c r="EZ32" s="71">
        <v>1</v>
      </c>
      <c r="FA32" s="72">
        <v>0</v>
      </c>
      <c r="FB32" s="73">
        <v>1</v>
      </c>
      <c r="FC32" s="277"/>
      <c r="FD32" s="72">
        <v>1</v>
      </c>
      <c r="FE32" s="72">
        <v>0</v>
      </c>
      <c r="FF32" s="72">
        <v>0</v>
      </c>
      <c r="FG32" s="72">
        <v>1</v>
      </c>
      <c r="FH32" s="72">
        <v>0</v>
      </c>
      <c r="FI32" s="73">
        <v>2</v>
      </c>
      <c r="FJ32" s="74">
        <v>3</v>
      </c>
      <c r="FK32" s="71">
        <v>0</v>
      </c>
      <c r="FL32" s="72">
        <v>0</v>
      </c>
      <c r="FM32" s="73">
        <v>0</v>
      </c>
      <c r="FN32" s="277"/>
      <c r="FO32" s="72">
        <v>0</v>
      </c>
      <c r="FP32" s="72">
        <v>2</v>
      </c>
      <c r="FQ32" s="72">
        <v>0</v>
      </c>
      <c r="FR32" s="72">
        <v>0</v>
      </c>
      <c r="FS32" s="72">
        <v>0</v>
      </c>
      <c r="FT32" s="73">
        <v>2</v>
      </c>
      <c r="FU32" s="74">
        <v>2</v>
      </c>
      <c r="FV32" s="71">
        <v>0</v>
      </c>
      <c r="FW32" s="72">
        <v>0</v>
      </c>
      <c r="FX32" s="73">
        <v>0</v>
      </c>
      <c r="FY32" s="277"/>
      <c r="FZ32" s="72">
        <v>0</v>
      </c>
      <c r="GA32" s="72">
        <v>0</v>
      </c>
      <c r="GB32" s="72">
        <v>0</v>
      </c>
      <c r="GC32" s="72">
        <v>0</v>
      </c>
      <c r="GD32" s="72">
        <v>0</v>
      </c>
      <c r="GE32" s="73">
        <v>0</v>
      </c>
      <c r="GF32" s="74">
        <v>0</v>
      </c>
      <c r="GG32" s="71">
        <v>1</v>
      </c>
      <c r="GH32" s="72">
        <v>0</v>
      </c>
      <c r="GI32" s="73">
        <v>1</v>
      </c>
      <c r="GJ32" s="277"/>
      <c r="GK32" s="72">
        <v>3</v>
      </c>
      <c r="GL32" s="72">
        <v>2</v>
      </c>
      <c r="GM32" s="72">
        <v>0</v>
      </c>
      <c r="GN32" s="72">
        <v>1</v>
      </c>
      <c r="GO32" s="72">
        <v>0</v>
      </c>
      <c r="GP32" s="73">
        <v>6</v>
      </c>
      <c r="GQ32" s="74">
        <v>7</v>
      </c>
      <c r="GR32" s="127">
        <v>6</v>
      </c>
      <c r="GS32" s="83">
        <v>4</v>
      </c>
      <c r="GT32" s="84">
        <v>10</v>
      </c>
      <c r="GU32" s="274"/>
      <c r="GV32" s="83">
        <v>7</v>
      </c>
      <c r="GW32" s="83">
        <v>7</v>
      </c>
      <c r="GX32" s="83">
        <v>3</v>
      </c>
      <c r="GY32" s="83">
        <v>4</v>
      </c>
      <c r="GZ32" s="83">
        <v>4</v>
      </c>
      <c r="HA32" s="85">
        <v>25</v>
      </c>
      <c r="HB32" s="86">
        <v>35</v>
      </c>
      <c r="HC32" s="71">
        <v>0</v>
      </c>
      <c r="HD32" s="72">
        <v>0</v>
      </c>
      <c r="HE32" s="73">
        <v>0</v>
      </c>
      <c r="HF32" s="277"/>
      <c r="HG32" s="72">
        <v>0</v>
      </c>
      <c r="HH32" s="72">
        <v>0</v>
      </c>
      <c r="HI32" s="72">
        <v>0</v>
      </c>
      <c r="HJ32" s="72">
        <v>0</v>
      </c>
      <c r="HK32" s="72">
        <v>0</v>
      </c>
      <c r="HL32" s="73">
        <v>0</v>
      </c>
      <c r="HM32" s="74">
        <v>0</v>
      </c>
      <c r="HN32" s="71">
        <v>0</v>
      </c>
      <c r="HO32" s="72">
        <v>0</v>
      </c>
      <c r="HP32" s="73">
        <v>0</v>
      </c>
      <c r="HQ32" s="277"/>
      <c r="HR32" s="72">
        <v>0</v>
      </c>
      <c r="HS32" s="72">
        <v>0</v>
      </c>
      <c r="HT32" s="72">
        <v>0</v>
      </c>
      <c r="HU32" s="72">
        <v>0</v>
      </c>
      <c r="HV32" s="72">
        <v>0</v>
      </c>
      <c r="HW32" s="73">
        <v>0</v>
      </c>
      <c r="HX32" s="74">
        <v>0</v>
      </c>
      <c r="HY32" s="71">
        <v>3</v>
      </c>
      <c r="HZ32" s="72">
        <v>1</v>
      </c>
      <c r="IA32" s="73">
        <v>4</v>
      </c>
      <c r="IB32" s="277"/>
      <c r="IC32" s="72">
        <v>0</v>
      </c>
      <c r="ID32" s="72">
        <v>1</v>
      </c>
      <c r="IE32" s="72">
        <v>0</v>
      </c>
      <c r="IF32" s="72">
        <v>0</v>
      </c>
      <c r="IG32" s="72">
        <v>1</v>
      </c>
      <c r="IH32" s="73">
        <v>2</v>
      </c>
      <c r="II32" s="74">
        <v>6</v>
      </c>
      <c r="IJ32" s="71">
        <v>1</v>
      </c>
      <c r="IK32" s="72">
        <v>1</v>
      </c>
      <c r="IL32" s="73">
        <v>2</v>
      </c>
      <c r="IM32" s="277"/>
      <c r="IN32" s="72">
        <v>4</v>
      </c>
      <c r="IO32" s="72">
        <v>1</v>
      </c>
      <c r="IP32" s="72">
        <v>0</v>
      </c>
      <c r="IQ32" s="72">
        <v>0</v>
      </c>
      <c r="IR32" s="72">
        <v>1</v>
      </c>
      <c r="IS32" s="73">
        <v>6</v>
      </c>
      <c r="IT32" s="74">
        <v>8</v>
      </c>
      <c r="IU32" s="71">
        <v>1</v>
      </c>
      <c r="IV32" s="72">
        <v>2</v>
      </c>
      <c r="IW32" s="73">
        <v>3</v>
      </c>
      <c r="IX32" s="277"/>
      <c r="IY32" s="72">
        <v>3</v>
      </c>
      <c r="IZ32" s="72">
        <v>3</v>
      </c>
      <c r="JA32" s="72">
        <v>1</v>
      </c>
      <c r="JB32" s="72">
        <v>3</v>
      </c>
      <c r="JC32" s="72">
        <v>1</v>
      </c>
      <c r="JD32" s="73">
        <v>11</v>
      </c>
      <c r="JE32" s="74">
        <v>14</v>
      </c>
      <c r="JF32" s="71">
        <v>1</v>
      </c>
      <c r="JG32" s="72">
        <v>0</v>
      </c>
      <c r="JH32" s="73">
        <v>1</v>
      </c>
      <c r="JI32" s="277"/>
      <c r="JJ32" s="72">
        <v>0</v>
      </c>
      <c r="JK32" s="72">
        <v>2</v>
      </c>
      <c r="JL32" s="72">
        <v>2</v>
      </c>
      <c r="JM32" s="72">
        <v>1</v>
      </c>
      <c r="JN32" s="72">
        <v>1</v>
      </c>
      <c r="JO32" s="73">
        <v>6</v>
      </c>
      <c r="JP32" s="74">
        <v>7</v>
      </c>
      <c r="JQ32" s="71">
        <v>0</v>
      </c>
      <c r="JR32" s="72">
        <v>0</v>
      </c>
      <c r="JS32" s="73">
        <v>0</v>
      </c>
      <c r="JT32" s="277"/>
      <c r="JU32" s="72">
        <v>0</v>
      </c>
      <c r="JV32" s="72">
        <v>0</v>
      </c>
      <c r="JW32" s="72">
        <v>0</v>
      </c>
      <c r="JX32" s="72">
        <v>0</v>
      </c>
      <c r="JY32" s="72">
        <v>0</v>
      </c>
      <c r="JZ32" s="73">
        <v>0</v>
      </c>
      <c r="KA32" s="74">
        <v>0</v>
      </c>
      <c r="KB32" s="71">
        <v>6</v>
      </c>
      <c r="KC32" s="72">
        <v>4</v>
      </c>
      <c r="KD32" s="73">
        <v>10</v>
      </c>
      <c r="KE32" s="277"/>
      <c r="KF32" s="72">
        <v>7</v>
      </c>
      <c r="KG32" s="72">
        <v>7</v>
      </c>
      <c r="KH32" s="72">
        <v>3</v>
      </c>
      <c r="KI32" s="72">
        <v>4</v>
      </c>
      <c r="KJ32" s="72">
        <v>4</v>
      </c>
      <c r="KK32" s="73">
        <v>25</v>
      </c>
      <c r="KL32" s="74">
        <v>35</v>
      </c>
    </row>
    <row r="33" spans="1:298" ht="19.5" customHeight="1" x14ac:dyDescent="0.2">
      <c r="A33" s="130" t="s">
        <v>30</v>
      </c>
      <c r="B33" s="347">
        <v>3</v>
      </c>
      <c r="C33" s="83">
        <v>2</v>
      </c>
      <c r="D33" s="84">
        <v>5</v>
      </c>
      <c r="E33" s="274"/>
      <c r="F33" s="83">
        <v>6</v>
      </c>
      <c r="G33" s="83">
        <v>5</v>
      </c>
      <c r="H33" s="83">
        <v>3</v>
      </c>
      <c r="I33" s="83">
        <v>6</v>
      </c>
      <c r="J33" s="83">
        <v>1</v>
      </c>
      <c r="K33" s="85">
        <v>21</v>
      </c>
      <c r="L33" s="86">
        <v>26</v>
      </c>
      <c r="M33" s="71">
        <v>0</v>
      </c>
      <c r="N33" s="72">
        <v>0</v>
      </c>
      <c r="O33" s="73">
        <v>0</v>
      </c>
      <c r="P33" s="274"/>
      <c r="Q33" s="72">
        <v>0</v>
      </c>
      <c r="R33" s="72">
        <v>0</v>
      </c>
      <c r="S33" s="72">
        <v>0</v>
      </c>
      <c r="T33" s="72">
        <v>0</v>
      </c>
      <c r="U33" s="72">
        <v>0</v>
      </c>
      <c r="V33" s="73">
        <v>0</v>
      </c>
      <c r="W33" s="74">
        <v>0</v>
      </c>
      <c r="X33" s="71">
        <v>0</v>
      </c>
      <c r="Y33" s="72">
        <v>1</v>
      </c>
      <c r="Z33" s="73">
        <v>1</v>
      </c>
      <c r="AA33" s="277"/>
      <c r="AB33" s="72">
        <v>0</v>
      </c>
      <c r="AC33" s="72">
        <v>0</v>
      </c>
      <c r="AD33" s="72">
        <v>0</v>
      </c>
      <c r="AE33" s="72">
        <v>0</v>
      </c>
      <c r="AF33" s="72">
        <v>0</v>
      </c>
      <c r="AG33" s="73">
        <v>0</v>
      </c>
      <c r="AH33" s="74">
        <v>1</v>
      </c>
      <c r="AI33" s="71">
        <v>0</v>
      </c>
      <c r="AJ33" s="72">
        <v>1</v>
      </c>
      <c r="AK33" s="73">
        <v>1</v>
      </c>
      <c r="AL33" s="277"/>
      <c r="AM33" s="72">
        <v>0</v>
      </c>
      <c r="AN33" s="72">
        <v>0</v>
      </c>
      <c r="AO33" s="72">
        <v>1</v>
      </c>
      <c r="AP33" s="72">
        <v>1</v>
      </c>
      <c r="AQ33" s="72">
        <v>0</v>
      </c>
      <c r="AR33" s="73">
        <v>2</v>
      </c>
      <c r="AS33" s="74">
        <v>3</v>
      </c>
      <c r="AT33" s="71">
        <v>0</v>
      </c>
      <c r="AU33" s="72">
        <v>0</v>
      </c>
      <c r="AV33" s="73">
        <v>0</v>
      </c>
      <c r="AW33" s="277"/>
      <c r="AX33" s="72">
        <v>0</v>
      </c>
      <c r="AY33" s="72">
        <v>1</v>
      </c>
      <c r="AZ33" s="72">
        <v>1</v>
      </c>
      <c r="BA33" s="72">
        <v>1</v>
      </c>
      <c r="BB33" s="72">
        <v>0</v>
      </c>
      <c r="BC33" s="73">
        <v>3</v>
      </c>
      <c r="BD33" s="74">
        <v>3</v>
      </c>
      <c r="BE33" s="71">
        <v>3</v>
      </c>
      <c r="BF33" s="72">
        <v>0</v>
      </c>
      <c r="BG33" s="73">
        <v>3</v>
      </c>
      <c r="BH33" s="277"/>
      <c r="BI33" s="72">
        <v>3</v>
      </c>
      <c r="BJ33" s="72">
        <v>1</v>
      </c>
      <c r="BK33" s="72">
        <v>1</v>
      </c>
      <c r="BL33" s="72">
        <v>0</v>
      </c>
      <c r="BM33" s="72">
        <v>0</v>
      </c>
      <c r="BN33" s="73">
        <v>5</v>
      </c>
      <c r="BO33" s="74">
        <v>8</v>
      </c>
      <c r="BP33" s="71">
        <v>0</v>
      </c>
      <c r="BQ33" s="72">
        <v>0</v>
      </c>
      <c r="BR33" s="73">
        <v>0</v>
      </c>
      <c r="BS33" s="277"/>
      <c r="BT33" s="72">
        <v>3</v>
      </c>
      <c r="BU33" s="72">
        <v>3</v>
      </c>
      <c r="BV33" s="72">
        <v>0</v>
      </c>
      <c r="BW33" s="72">
        <v>4</v>
      </c>
      <c r="BX33" s="72">
        <v>1</v>
      </c>
      <c r="BY33" s="73">
        <v>11</v>
      </c>
      <c r="BZ33" s="74">
        <v>11</v>
      </c>
      <c r="CA33" s="71">
        <v>0</v>
      </c>
      <c r="CB33" s="72">
        <v>0</v>
      </c>
      <c r="CC33" s="73">
        <v>0</v>
      </c>
      <c r="CD33" s="277"/>
      <c r="CE33" s="72">
        <v>0</v>
      </c>
      <c r="CF33" s="72">
        <v>0</v>
      </c>
      <c r="CG33" s="72">
        <v>0</v>
      </c>
      <c r="CH33" s="72">
        <v>0</v>
      </c>
      <c r="CI33" s="72">
        <v>0</v>
      </c>
      <c r="CJ33" s="73">
        <v>0</v>
      </c>
      <c r="CK33" s="74">
        <v>0</v>
      </c>
      <c r="CL33" s="71">
        <v>3</v>
      </c>
      <c r="CM33" s="72">
        <v>2</v>
      </c>
      <c r="CN33" s="73">
        <v>5</v>
      </c>
      <c r="CO33" s="277"/>
      <c r="CP33" s="72">
        <v>6</v>
      </c>
      <c r="CQ33" s="72">
        <v>5</v>
      </c>
      <c r="CR33" s="72">
        <v>3</v>
      </c>
      <c r="CS33" s="72">
        <v>6</v>
      </c>
      <c r="CT33" s="72">
        <v>1</v>
      </c>
      <c r="CU33" s="73">
        <v>21</v>
      </c>
      <c r="CV33" s="74">
        <v>26</v>
      </c>
      <c r="CW33" s="127">
        <v>2</v>
      </c>
      <c r="CX33" s="83">
        <v>0</v>
      </c>
      <c r="CY33" s="84">
        <v>2</v>
      </c>
      <c r="CZ33" s="274"/>
      <c r="DA33" s="83">
        <v>2</v>
      </c>
      <c r="DB33" s="83">
        <v>0</v>
      </c>
      <c r="DC33" s="83">
        <v>2</v>
      </c>
      <c r="DD33" s="83">
        <v>3</v>
      </c>
      <c r="DE33" s="83">
        <v>0</v>
      </c>
      <c r="DF33" s="85">
        <v>7</v>
      </c>
      <c r="DG33" s="86">
        <v>9</v>
      </c>
      <c r="DH33" s="71">
        <v>0</v>
      </c>
      <c r="DI33" s="72">
        <v>0</v>
      </c>
      <c r="DJ33" s="73">
        <v>0</v>
      </c>
      <c r="DK33" s="277"/>
      <c r="DL33" s="72">
        <v>0</v>
      </c>
      <c r="DM33" s="72">
        <v>0</v>
      </c>
      <c r="DN33" s="72">
        <v>0</v>
      </c>
      <c r="DO33" s="72">
        <v>0</v>
      </c>
      <c r="DP33" s="72">
        <v>0</v>
      </c>
      <c r="DQ33" s="73">
        <v>0</v>
      </c>
      <c r="DR33" s="74">
        <v>0</v>
      </c>
      <c r="DS33" s="71">
        <v>1</v>
      </c>
      <c r="DT33" s="72">
        <v>0</v>
      </c>
      <c r="DU33" s="73">
        <v>1</v>
      </c>
      <c r="DV33" s="277"/>
      <c r="DW33" s="72">
        <v>0</v>
      </c>
      <c r="DX33" s="72">
        <v>0</v>
      </c>
      <c r="DY33" s="72">
        <v>0</v>
      </c>
      <c r="DZ33" s="72">
        <v>0</v>
      </c>
      <c r="EA33" s="72">
        <v>0</v>
      </c>
      <c r="EB33" s="73">
        <v>0</v>
      </c>
      <c r="EC33" s="74">
        <v>1</v>
      </c>
      <c r="ED33" s="71">
        <v>1</v>
      </c>
      <c r="EE33" s="72">
        <v>0</v>
      </c>
      <c r="EF33" s="73">
        <v>1</v>
      </c>
      <c r="EG33" s="277"/>
      <c r="EH33" s="72">
        <v>0</v>
      </c>
      <c r="EI33" s="72">
        <v>0</v>
      </c>
      <c r="EJ33" s="72">
        <v>0</v>
      </c>
      <c r="EK33" s="72">
        <v>0</v>
      </c>
      <c r="EL33" s="72">
        <v>0</v>
      </c>
      <c r="EM33" s="73">
        <v>0</v>
      </c>
      <c r="EN33" s="74">
        <v>1</v>
      </c>
      <c r="EO33" s="71">
        <v>0</v>
      </c>
      <c r="EP33" s="72">
        <v>0</v>
      </c>
      <c r="EQ33" s="73">
        <v>0</v>
      </c>
      <c r="ER33" s="277"/>
      <c r="ES33" s="72">
        <v>1</v>
      </c>
      <c r="ET33" s="72">
        <v>0</v>
      </c>
      <c r="EU33" s="72">
        <v>0</v>
      </c>
      <c r="EV33" s="72">
        <v>0</v>
      </c>
      <c r="EW33" s="72">
        <v>0</v>
      </c>
      <c r="EX33" s="73">
        <v>1</v>
      </c>
      <c r="EY33" s="74">
        <v>1</v>
      </c>
      <c r="EZ33" s="71">
        <v>0</v>
      </c>
      <c r="FA33" s="72">
        <v>0</v>
      </c>
      <c r="FB33" s="73">
        <v>0</v>
      </c>
      <c r="FC33" s="277"/>
      <c r="FD33" s="72">
        <v>1</v>
      </c>
      <c r="FE33" s="72">
        <v>0</v>
      </c>
      <c r="FF33" s="72">
        <v>0</v>
      </c>
      <c r="FG33" s="72">
        <v>2</v>
      </c>
      <c r="FH33" s="72">
        <v>0</v>
      </c>
      <c r="FI33" s="73">
        <v>3</v>
      </c>
      <c r="FJ33" s="74">
        <v>3</v>
      </c>
      <c r="FK33" s="71">
        <v>0</v>
      </c>
      <c r="FL33" s="72">
        <v>0</v>
      </c>
      <c r="FM33" s="73">
        <v>0</v>
      </c>
      <c r="FN33" s="277"/>
      <c r="FO33" s="72">
        <v>0</v>
      </c>
      <c r="FP33" s="72">
        <v>0</v>
      </c>
      <c r="FQ33" s="72">
        <v>2</v>
      </c>
      <c r="FR33" s="72">
        <v>1</v>
      </c>
      <c r="FS33" s="72">
        <v>0</v>
      </c>
      <c r="FT33" s="73">
        <v>3</v>
      </c>
      <c r="FU33" s="74">
        <v>3</v>
      </c>
      <c r="FV33" s="71">
        <v>0</v>
      </c>
      <c r="FW33" s="72">
        <v>0</v>
      </c>
      <c r="FX33" s="73">
        <v>0</v>
      </c>
      <c r="FY33" s="277"/>
      <c r="FZ33" s="72">
        <v>0</v>
      </c>
      <c r="GA33" s="72">
        <v>0</v>
      </c>
      <c r="GB33" s="72">
        <v>0</v>
      </c>
      <c r="GC33" s="72">
        <v>0</v>
      </c>
      <c r="GD33" s="72">
        <v>0</v>
      </c>
      <c r="GE33" s="73">
        <v>0</v>
      </c>
      <c r="GF33" s="74">
        <v>0</v>
      </c>
      <c r="GG33" s="71">
        <v>2</v>
      </c>
      <c r="GH33" s="72">
        <v>0</v>
      </c>
      <c r="GI33" s="73">
        <v>2</v>
      </c>
      <c r="GJ33" s="277"/>
      <c r="GK33" s="72">
        <v>2</v>
      </c>
      <c r="GL33" s="72">
        <v>0</v>
      </c>
      <c r="GM33" s="72">
        <v>2</v>
      </c>
      <c r="GN33" s="72">
        <v>3</v>
      </c>
      <c r="GO33" s="72">
        <v>0</v>
      </c>
      <c r="GP33" s="73">
        <v>7</v>
      </c>
      <c r="GQ33" s="74">
        <v>9</v>
      </c>
      <c r="GR33" s="127">
        <v>5</v>
      </c>
      <c r="GS33" s="83">
        <v>2</v>
      </c>
      <c r="GT33" s="84">
        <v>7</v>
      </c>
      <c r="GU33" s="274"/>
      <c r="GV33" s="83">
        <v>8</v>
      </c>
      <c r="GW33" s="83">
        <v>5</v>
      </c>
      <c r="GX33" s="83">
        <v>5</v>
      </c>
      <c r="GY33" s="83">
        <v>9</v>
      </c>
      <c r="GZ33" s="83">
        <v>1</v>
      </c>
      <c r="HA33" s="85">
        <v>28</v>
      </c>
      <c r="HB33" s="86">
        <v>35</v>
      </c>
      <c r="HC33" s="71">
        <v>0</v>
      </c>
      <c r="HD33" s="72">
        <v>0</v>
      </c>
      <c r="HE33" s="73">
        <v>0</v>
      </c>
      <c r="HF33" s="277"/>
      <c r="HG33" s="72">
        <v>0</v>
      </c>
      <c r="HH33" s="72">
        <v>0</v>
      </c>
      <c r="HI33" s="72">
        <v>0</v>
      </c>
      <c r="HJ33" s="72">
        <v>0</v>
      </c>
      <c r="HK33" s="72">
        <v>0</v>
      </c>
      <c r="HL33" s="73">
        <v>0</v>
      </c>
      <c r="HM33" s="74">
        <v>0</v>
      </c>
      <c r="HN33" s="71">
        <v>1</v>
      </c>
      <c r="HO33" s="72">
        <v>1</v>
      </c>
      <c r="HP33" s="73">
        <v>2</v>
      </c>
      <c r="HQ33" s="277"/>
      <c r="HR33" s="72">
        <v>0</v>
      </c>
      <c r="HS33" s="72">
        <v>0</v>
      </c>
      <c r="HT33" s="72">
        <v>0</v>
      </c>
      <c r="HU33" s="72">
        <v>0</v>
      </c>
      <c r="HV33" s="72">
        <v>0</v>
      </c>
      <c r="HW33" s="73">
        <v>0</v>
      </c>
      <c r="HX33" s="74">
        <v>2</v>
      </c>
      <c r="HY33" s="71">
        <v>1</v>
      </c>
      <c r="HZ33" s="72">
        <v>1</v>
      </c>
      <c r="IA33" s="73">
        <v>2</v>
      </c>
      <c r="IB33" s="277"/>
      <c r="IC33" s="72">
        <v>0</v>
      </c>
      <c r="ID33" s="72">
        <v>0</v>
      </c>
      <c r="IE33" s="72">
        <v>1</v>
      </c>
      <c r="IF33" s="72">
        <v>1</v>
      </c>
      <c r="IG33" s="72">
        <v>0</v>
      </c>
      <c r="IH33" s="73">
        <v>2</v>
      </c>
      <c r="II33" s="74">
        <v>4</v>
      </c>
      <c r="IJ33" s="71">
        <v>0</v>
      </c>
      <c r="IK33" s="72">
        <v>0</v>
      </c>
      <c r="IL33" s="73">
        <v>0</v>
      </c>
      <c r="IM33" s="277"/>
      <c r="IN33" s="72">
        <v>1</v>
      </c>
      <c r="IO33" s="72">
        <v>1</v>
      </c>
      <c r="IP33" s="72">
        <v>1</v>
      </c>
      <c r="IQ33" s="72">
        <v>1</v>
      </c>
      <c r="IR33" s="72">
        <v>0</v>
      </c>
      <c r="IS33" s="73">
        <v>4</v>
      </c>
      <c r="IT33" s="74">
        <v>4</v>
      </c>
      <c r="IU33" s="71">
        <v>3</v>
      </c>
      <c r="IV33" s="72">
        <v>0</v>
      </c>
      <c r="IW33" s="73">
        <v>3</v>
      </c>
      <c r="IX33" s="277"/>
      <c r="IY33" s="72">
        <v>4</v>
      </c>
      <c r="IZ33" s="72">
        <v>1</v>
      </c>
      <c r="JA33" s="72">
        <v>1</v>
      </c>
      <c r="JB33" s="72">
        <v>2</v>
      </c>
      <c r="JC33" s="72">
        <v>0</v>
      </c>
      <c r="JD33" s="73">
        <v>8</v>
      </c>
      <c r="JE33" s="74">
        <v>11</v>
      </c>
      <c r="JF33" s="71">
        <v>0</v>
      </c>
      <c r="JG33" s="72">
        <v>0</v>
      </c>
      <c r="JH33" s="73">
        <v>0</v>
      </c>
      <c r="JI33" s="277"/>
      <c r="JJ33" s="72">
        <v>3</v>
      </c>
      <c r="JK33" s="72">
        <v>3</v>
      </c>
      <c r="JL33" s="72">
        <v>2</v>
      </c>
      <c r="JM33" s="72">
        <v>5</v>
      </c>
      <c r="JN33" s="72">
        <v>1</v>
      </c>
      <c r="JO33" s="73">
        <v>14</v>
      </c>
      <c r="JP33" s="74">
        <v>14</v>
      </c>
      <c r="JQ33" s="71">
        <v>0</v>
      </c>
      <c r="JR33" s="72">
        <v>0</v>
      </c>
      <c r="JS33" s="73">
        <v>0</v>
      </c>
      <c r="JT33" s="277"/>
      <c r="JU33" s="72">
        <v>0</v>
      </c>
      <c r="JV33" s="72">
        <v>0</v>
      </c>
      <c r="JW33" s="72">
        <v>0</v>
      </c>
      <c r="JX33" s="72">
        <v>0</v>
      </c>
      <c r="JY33" s="72">
        <v>0</v>
      </c>
      <c r="JZ33" s="73">
        <v>0</v>
      </c>
      <c r="KA33" s="74">
        <v>0</v>
      </c>
      <c r="KB33" s="71">
        <v>5</v>
      </c>
      <c r="KC33" s="72">
        <v>2</v>
      </c>
      <c r="KD33" s="73">
        <v>7</v>
      </c>
      <c r="KE33" s="277"/>
      <c r="KF33" s="72">
        <v>8</v>
      </c>
      <c r="KG33" s="72">
        <v>5</v>
      </c>
      <c r="KH33" s="72">
        <v>5</v>
      </c>
      <c r="KI33" s="72">
        <v>9</v>
      </c>
      <c r="KJ33" s="72">
        <v>1</v>
      </c>
      <c r="KK33" s="73">
        <v>28</v>
      </c>
      <c r="KL33" s="74">
        <v>35</v>
      </c>
    </row>
    <row r="34" spans="1:298" ht="19.5" customHeight="1" x14ac:dyDescent="0.2">
      <c r="A34" s="130" t="s">
        <v>31</v>
      </c>
      <c r="B34" s="347">
        <v>3</v>
      </c>
      <c r="C34" s="83">
        <v>7</v>
      </c>
      <c r="D34" s="84">
        <v>10</v>
      </c>
      <c r="E34" s="274"/>
      <c r="F34" s="83">
        <v>9</v>
      </c>
      <c r="G34" s="83">
        <v>15</v>
      </c>
      <c r="H34" s="83">
        <v>4</v>
      </c>
      <c r="I34" s="83">
        <v>3</v>
      </c>
      <c r="J34" s="83">
        <v>1</v>
      </c>
      <c r="K34" s="85">
        <v>32</v>
      </c>
      <c r="L34" s="86">
        <v>42</v>
      </c>
      <c r="M34" s="71">
        <v>0</v>
      </c>
      <c r="N34" s="72">
        <v>0</v>
      </c>
      <c r="O34" s="73">
        <v>0</v>
      </c>
      <c r="P34" s="274"/>
      <c r="Q34" s="72">
        <v>0</v>
      </c>
      <c r="R34" s="72">
        <v>0</v>
      </c>
      <c r="S34" s="72">
        <v>0</v>
      </c>
      <c r="T34" s="72">
        <v>0</v>
      </c>
      <c r="U34" s="72">
        <v>0</v>
      </c>
      <c r="V34" s="73">
        <v>0</v>
      </c>
      <c r="W34" s="74">
        <v>0</v>
      </c>
      <c r="X34" s="71">
        <v>0</v>
      </c>
      <c r="Y34" s="72">
        <v>1</v>
      </c>
      <c r="Z34" s="73">
        <v>1</v>
      </c>
      <c r="AA34" s="277"/>
      <c r="AB34" s="72">
        <v>1</v>
      </c>
      <c r="AC34" s="72">
        <v>0</v>
      </c>
      <c r="AD34" s="72">
        <v>0</v>
      </c>
      <c r="AE34" s="72">
        <v>0</v>
      </c>
      <c r="AF34" s="72">
        <v>0</v>
      </c>
      <c r="AG34" s="73">
        <v>1</v>
      </c>
      <c r="AH34" s="74">
        <v>2</v>
      </c>
      <c r="AI34" s="71">
        <v>0</v>
      </c>
      <c r="AJ34" s="72">
        <v>0</v>
      </c>
      <c r="AK34" s="73">
        <v>0</v>
      </c>
      <c r="AL34" s="277"/>
      <c r="AM34" s="72">
        <v>1</v>
      </c>
      <c r="AN34" s="72">
        <v>1</v>
      </c>
      <c r="AO34" s="72">
        <v>0</v>
      </c>
      <c r="AP34" s="72">
        <v>0</v>
      </c>
      <c r="AQ34" s="72">
        <v>0</v>
      </c>
      <c r="AR34" s="73">
        <v>2</v>
      </c>
      <c r="AS34" s="74">
        <v>2</v>
      </c>
      <c r="AT34" s="71">
        <v>0</v>
      </c>
      <c r="AU34" s="72">
        <v>0</v>
      </c>
      <c r="AV34" s="73">
        <v>0</v>
      </c>
      <c r="AW34" s="277"/>
      <c r="AX34" s="72">
        <v>3</v>
      </c>
      <c r="AY34" s="72">
        <v>4</v>
      </c>
      <c r="AZ34" s="72">
        <v>1</v>
      </c>
      <c r="BA34" s="72">
        <v>0</v>
      </c>
      <c r="BB34" s="72">
        <v>0</v>
      </c>
      <c r="BC34" s="73">
        <v>8</v>
      </c>
      <c r="BD34" s="74">
        <v>8</v>
      </c>
      <c r="BE34" s="71">
        <v>1</v>
      </c>
      <c r="BF34" s="72">
        <v>2</v>
      </c>
      <c r="BG34" s="73">
        <v>3</v>
      </c>
      <c r="BH34" s="277"/>
      <c r="BI34" s="72">
        <v>0</v>
      </c>
      <c r="BJ34" s="72">
        <v>5</v>
      </c>
      <c r="BK34" s="72">
        <v>0</v>
      </c>
      <c r="BL34" s="72">
        <v>1</v>
      </c>
      <c r="BM34" s="72">
        <v>0</v>
      </c>
      <c r="BN34" s="73">
        <v>6</v>
      </c>
      <c r="BO34" s="74">
        <v>9</v>
      </c>
      <c r="BP34" s="71">
        <v>2</v>
      </c>
      <c r="BQ34" s="72">
        <v>4</v>
      </c>
      <c r="BR34" s="73">
        <v>6</v>
      </c>
      <c r="BS34" s="277"/>
      <c r="BT34" s="72">
        <v>4</v>
      </c>
      <c r="BU34" s="72">
        <v>5</v>
      </c>
      <c r="BV34" s="72">
        <v>3</v>
      </c>
      <c r="BW34" s="72">
        <v>2</v>
      </c>
      <c r="BX34" s="72">
        <v>1</v>
      </c>
      <c r="BY34" s="73">
        <v>15</v>
      </c>
      <c r="BZ34" s="74">
        <v>21</v>
      </c>
      <c r="CA34" s="71">
        <v>0</v>
      </c>
      <c r="CB34" s="72">
        <v>0</v>
      </c>
      <c r="CC34" s="73">
        <v>0</v>
      </c>
      <c r="CD34" s="277"/>
      <c r="CE34" s="72">
        <v>0</v>
      </c>
      <c r="CF34" s="72">
        <v>0</v>
      </c>
      <c r="CG34" s="72">
        <v>0</v>
      </c>
      <c r="CH34" s="72">
        <v>0</v>
      </c>
      <c r="CI34" s="72">
        <v>0</v>
      </c>
      <c r="CJ34" s="73">
        <v>0</v>
      </c>
      <c r="CK34" s="74">
        <v>0</v>
      </c>
      <c r="CL34" s="71">
        <v>3</v>
      </c>
      <c r="CM34" s="72">
        <v>7</v>
      </c>
      <c r="CN34" s="73">
        <v>10</v>
      </c>
      <c r="CO34" s="277"/>
      <c r="CP34" s="72">
        <v>9</v>
      </c>
      <c r="CQ34" s="72">
        <v>15</v>
      </c>
      <c r="CR34" s="72">
        <v>4</v>
      </c>
      <c r="CS34" s="72">
        <v>3</v>
      </c>
      <c r="CT34" s="72">
        <v>1</v>
      </c>
      <c r="CU34" s="73">
        <v>32</v>
      </c>
      <c r="CV34" s="74">
        <v>42</v>
      </c>
      <c r="CW34" s="127">
        <v>1</v>
      </c>
      <c r="CX34" s="83">
        <v>1</v>
      </c>
      <c r="CY34" s="84">
        <v>2</v>
      </c>
      <c r="CZ34" s="274"/>
      <c r="DA34" s="83">
        <v>2</v>
      </c>
      <c r="DB34" s="83">
        <v>3</v>
      </c>
      <c r="DC34" s="83">
        <v>1</v>
      </c>
      <c r="DD34" s="83">
        <v>0</v>
      </c>
      <c r="DE34" s="83">
        <v>0</v>
      </c>
      <c r="DF34" s="85">
        <v>6</v>
      </c>
      <c r="DG34" s="86">
        <v>8</v>
      </c>
      <c r="DH34" s="71">
        <v>0</v>
      </c>
      <c r="DI34" s="72">
        <v>0</v>
      </c>
      <c r="DJ34" s="73">
        <v>0</v>
      </c>
      <c r="DK34" s="277"/>
      <c r="DL34" s="72">
        <v>0</v>
      </c>
      <c r="DM34" s="72">
        <v>0</v>
      </c>
      <c r="DN34" s="72">
        <v>0</v>
      </c>
      <c r="DO34" s="72">
        <v>0</v>
      </c>
      <c r="DP34" s="72">
        <v>0</v>
      </c>
      <c r="DQ34" s="73">
        <v>0</v>
      </c>
      <c r="DR34" s="74">
        <v>0</v>
      </c>
      <c r="DS34" s="71">
        <v>0</v>
      </c>
      <c r="DT34" s="72">
        <v>0</v>
      </c>
      <c r="DU34" s="73">
        <v>0</v>
      </c>
      <c r="DV34" s="277"/>
      <c r="DW34" s="72">
        <v>0</v>
      </c>
      <c r="DX34" s="72">
        <v>0</v>
      </c>
      <c r="DY34" s="72">
        <v>0</v>
      </c>
      <c r="DZ34" s="72">
        <v>0</v>
      </c>
      <c r="EA34" s="72">
        <v>0</v>
      </c>
      <c r="EB34" s="73">
        <v>0</v>
      </c>
      <c r="EC34" s="74">
        <v>0</v>
      </c>
      <c r="ED34" s="71">
        <v>1</v>
      </c>
      <c r="EE34" s="72">
        <v>0</v>
      </c>
      <c r="EF34" s="73">
        <v>1</v>
      </c>
      <c r="EG34" s="277"/>
      <c r="EH34" s="72">
        <v>0</v>
      </c>
      <c r="EI34" s="72">
        <v>0</v>
      </c>
      <c r="EJ34" s="72">
        <v>0</v>
      </c>
      <c r="EK34" s="72">
        <v>0</v>
      </c>
      <c r="EL34" s="72">
        <v>0</v>
      </c>
      <c r="EM34" s="73">
        <v>0</v>
      </c>
      <c r="EN34" s="74">
        <v>1</v>
      </c>
      <c r="EO34" s="71">
        <v>0</v>
      </c>
      <c r="EP34" s="72">
        <v>0</v>
      </c>
      <c r="EQ34" s="73">
        <v>0</v>
      </c>
      <c r="ER34" s="277"/>
      <c r="ES34" s="72">
        <v>0</v>
      </c>
      <c r="ET34" s="72">
        <v>1</v>
      </c>
      <c r="EU34" s="72">
        <v>0</v>
      </c>
      <c r="EV34" s="72">
        <v>0</v>
      </c>
      <c r="EW34" s="72">
        <v>0</v>
      </c>
      <c r="EX34" s="73">
        <v>1</v>
      </c>
      <c r="EY34" s="74">
        <v>1</v>
      </c>
      <c r="EZ34" s="71">
        <v>0</v>
      </c>
      <c r="FA34" s="72">
        <v>1</v>
      </c>
      <c r="FB34" s="73">
        <v>1</v>
      </c>
      <c r="FC34" s="277"/>
      <c r="FD34" s="72">
        <v>0</v>
      </c>
      <c r="FE34" s="72">
        <v>0</v>
      </c>
      <c r="FF34" s="72">
        <v>0</v>
      </c>
      <c r="FG34" s="72">
        <v>0</v>
      </c>
      <c r="FH34" s="72">
        <v>0</v>
      </c>
      <c r="FI34" s="73">
        <v>0</v>
      </c>
      <c r="FJ34" s="74">
        <v>1</v>
      </c>
      <c r="FK34" s="71">
        <v>0</v>
      </c>
      <c r="FL34" s="72">
        <v>0</v>
      </c>
      <c r="FM34" s="73">
        <v>0</v>
      </c>
      <c r="FN34" s="277"/>
      <c r="FO34" s="72">
        <v>2</v>
      </c>
      <c r="FP34" s="72">
        <v>2</v>
      </c>
      <c r="FQ34" s="72">
        <v>1</v>
      </c>
      <c r="FR34" s="72">
        <v>0</v>
      </c>
      <c r="FS34" s="72">
        <v>0</v>
      </c>
      <c r="FT34" s="73">
        <v>5</v>
      </c>
      <c r="FU34" s="74">
        <v>5</v>
      </c>
      <c r="FV34" s="71">
        <v>0</v>
      </c>
      <c r="FW34" s="72">
        <v>0</v>
      </c>
      <c r="FX34" s="73">
        <v>0</v>
      </c>
      <c r="FY34" s="277"/>
      <c r="FZ34" s="72">
        <v>0</v>
      </c>
      <c r="GA34" s="72">
        <v>0</v>
      </c>
      <c r="GB34" s="72">
        <v>0</v>
      </c>
      <c r="GC34" s="72">
        <v>0</v>
      </c>
      <c r="GD34" s="72">
        <v>0</v>
      </c>
      <c r="GE34" s="73">
        <v>0</v>
      </c>
      <c r="GF34" s="74">
        <v>0</v>
      </c>
      <c r="GG34" s="71">
        <v>1</v>
      </c>
      <c r="GH34" s="72">
        <v>1</v>
      </c>
      <c r="GI34" s="73">
        <v>2</v>
      </c>
      <c r="GJ34" s="277"/>
      <c r="GK34" s="72">
        <v>2</v>
      </c>
      <c r="GL34" s="72">
        <v>3</v>
      </c>
      <c r="GM34" s="72">
        <v>1</v>
      </c>
      <c r="GN34" s="72">
        <v>0</v>
      </c>
      <c r="GO34" s="72">
        <v>0</v>
      </c>
      <c r="GP34" s="73">
        <v>6</v>
      </c>
      <c r="GQ34" s="74">
        <v>8</v>
      </c>
      <c r="GR34" s="127">
        <v>4</v>
      </c>
      <c r="GS34" s="83">
        <v>8</v>
      </c>
      <c r="GT34" s="84">
        <v>12</v>
      </c>
      <c r="GU34" s="274"/>
      <c r="GV34" s="83">
        <v>11</v>
      </c>
      <c r="GW34" s="83">
        <v>18</v>
      </c>
      <c r="GX34" s="83">
        <v>5</v>
      </c>
      <c r="GY34" s="83">
        <v>3</v>
      </c>
      <c r="GZ34" s="83">
        <v>1</v>
      </c>
      <c r="HA34" s="85">
        <v>38</v>
      </c>
      <c r="HB34" s="86">
        <v>50</v>
      </c>
      <c r="HC34" s="71">
        <v>0</v>
      </c>
      <c r="HD34" s="72">
        <v>0</v>
      </c>
      <c r="HE34" s="73">
        <v>0</v>
      </c>
      <c r="HF34" s="277"/>
      <c r="HG34" s="72">
        <v>0</v>
      </c>
      <c r="HH34" s="72">
        <v>0</v>
      </c>
      <c r="HI34" s="72">
        <v>0</v>
      </c>
      <c r="HJ34" s="72">
        <v>0</v>
      </c>
      <c r="HK34" s="72">
        <v>0</v>
      </c>
      <c r="HL34" s="73">
        <v>0</v>
      </c>
      <c r="HM34" s="74">
        <v>0</v>
      </c>
      <c r="HN34" s="71">
        <v>0</v>
      </c>
      <c r="HO34" s="72">
        <v>1</v>
      </c>
      <c r="HP34" s="73">
        <v>1</v>
      </c>
      <c r="HQ34" s="277"/>
      <c r="HR34" s="72">
        <v>1</v>
      </c>
      <c r="HS34" s="72">
        <v>0</v>
      </c>
      <c r="HT34" s="72">
        <v>0</v>
      </c>
      <c r="HU34" s="72">
        <v>0</v>
      </c>
      <c r="HV34" s="72">
        <v>0</v>
      </c>
      <c r="HW34" s="73">
        <v>1</v>
      </c>
      <c r="HX34" s="74">
        <v>2</v>
      </c>
      <c r="HY34" s="71">
        <v>1</v>
      </c>
      <c r="HZ34" s="72">
        <v>0</v>
      </c>
      <c r="IA34" s="73">
        <v>1</v>
      </c>
      <c r="IB34" s="277"/>
      <c r="IC34" s="72">
        <v>1</v>
      </c>
      <c r="ID34" s="72">
        <v>1</v>
      </c>
      <c r="IE34" s="72">
        <v>0</v>
      </c>
      <c r="IF34" s="72">
        <v>0</v>
      </c>
      <c r="IG34" s="72">
        <v>0</v>
      </c>
      <c r="IH34" s="73">
        <v>2</v>
      </c>
      <c r="II34" s="74">
        <v>3</v>
      </c>
      <c r="IJ34" s="71">
        <v>0</v>
      </c>
      <c r="IK34" s="72">
        <v>0</v>
      </c>
      <c r="IL34" s="73">
        <v>0</v>
      </c>
      <c r="IM34" s="277"/>
      <c r="IN34" s="72">
        <v>3</v>
      </c>
      <c r="IO34" s="72">
        <v>5</v>
      </c>
      <c r="IP34" s="72">
        <v>1</v>
      </c>
      <c r="IQ34" s="72">
        <v>0</v>
      </c>
      <c r="IR34" s="72">
        <v>0</v>
      </c>
      <c r="IS34" s="73">
        <v>9</v>
      </c>
      <c r="IT34" s="74">
        <v>9</v>
      </c>
      <c r="IU34" s="71">
        <v>1</v>
      </c>
      <c r="IV34" s="72">
        <v>3</v>
      </c>
      <c r="IW34" s="73">
        <v>4</v>
      </c>
      <c r="IX34" s="277"/>
      <c r="IY34" s="72">
        <v>0</v>
      </c>
      <c r="IZ34" s="72">
        <v>5</v>
      </c>
      <c r="JA34" s="72">
        <v>0</v>
      </c>
      <c r="JB34" s="72">
        <v>1</v>
      </c>
      <c r="JC34" s="72">
        <v>0</v>
      </c>
      <c r="JD34" s="73">
        <v>6</v>
      </c>
      <c r="JE34" s="74">
        <v>10</v>
      </c>
      <c r="JF34" s="71">
        <v>2</v>
      </c>
      <c r="JG34" s="72">
        <v>4</v>
      </c>
      <c r="JH34" s="73">
        <v>6</v>
      </c>
      <c r="JI34" s="277"/>
      <c r="JJ34" s="72">
        <v>6</v>
      </c>
      <c r="JK34" s="72">
        <v>7</v>
      </c>
      <c r="JL34" s="72">
        <v>4</v>
      </c>
      <c r="JM34" s="72">
        <v>2</v>
      </c>
      <c r="JN34" s="72">
        <v>1</v>
      </c>
      <c r="JO34" s="73">
        <v>20</v>
      </c>
      <c r="JP34" s="74">
        <v>26</v>
      </c>
      <c r="JQ34" s="71">
        <v>0</v>
      </c>
      <c r="JR34" s="72">
        <v>0</v>
      </c>
      <c r="JS34" s="73">
        <v>0</v>
      </c>
      <c r="JT34" s="277"/>
      <c r="JU34" s="72">
        <v>0</v>
      </c>
      <c r="JV34" s="72">
        <v>0</v>
      </c>
      <c r="JW34" s="72">
        <v>0</v>
      </c>
      <c r="JX34" s="72">
        <v>0</v>
      </c>
      <c r="JY34" s="72">
        <v>0</v>
      </c>
      <c r="JZ34" s="73">
        <v>0</v>
      </c>
      <c r="KA34" s="74">
        <v>0</v>
      </c>
      <c r="KB34" s="71">
        <v>4</v>
      </c>
      <c r="KC34" s="72">
        <v>8</v>
      </c>
      <c r="KD34" s="73">
        <v>12</v>
      </c>
      <c r="KE34" s="277"/>
      <c r="KF34" s="72">
        <v>11</v>
      </c>
      <c r="KG34" s="72">
        <v>18</v>
      </c>
      <c r="KH34" s="72">
        <v>5</v>
      </c>
      <c r="KI34" s="72">
        <v>3</v>
      </c>
      <c r="KJ34" s="72">
        <v>1</v>
      </c>
      <c r="KK34" s="73">
        <v>38</v>
      </c>
      <c r="KL34" s="74">
        <v>50</v>
      </c>
    </row>
    <row r="35" spans="1:298" ht="19.5" customHeight="1" x14ac:dyDescent="0.2">
      <c r="A35" s="130" t="s">
        <v>32</v>
      </c>
      <c r="B35" s="347">
        <v>1</v>
      </c>
      <c r="C35" s="83">
        <v>3</v>
      </c>
      <c r="D35" s="84">
        <v>4</v>
      </c>
      <c r="E35" s="274"/>
      <c r="F35" s="83">
        <v>11</v>
      </c>
      <c r="G35" s="83">
        <v>9</v>
      </c>
      <c r="H35" s="83">
        <v>2</v>
      </c>
      <c r="I35" s="83">
        <v>4</v>
      </c>
      <c r="J35" s="83">
        <v>3</v>
      </c>
      <c r="K35" s="85">
        <v>29</v>
      </c>
      <c r="L35" s="86">
        <v>33</v>
      </c>
      <c r="M35" s="71">
        <v>0</v>
      </c>
      <c r="N35" s="72">
        <v>0</v>
      </c>
      <c r="O35" s="73">
        <v>0</v>
      </c>
      <c r="P35" s="274"/>
      <c r="Q35" s="72">
        <v>0</v>
      </c>
      <c r="R35" s="72">
        <v>0</v>
      </c>
      <c r="S35" s="72">
        <v>0</v>
      </c>
      <c r="T35" s="72">
        <v>0</v>
      </c>
      <c r="U35" s="72">
        <v>0</v>
      </c>
      <c r="V35" s="73">
        <v>0</v>
      </c>
      <c r="W35" s="74">
        <v>0</v>
      </c>
      <c r="X35" s="71">
        <v>0</v>
      </c>
      <c r="Y35" s="72">
        <v>0</v>
      </c>
      <c r="Z35" s="73">
        <v>0</v>
      </c>
      <c r="AA35" s="277"/>
      <c r="AB35" s="72">
        <v>1</v>
      </c>
      <c r="AC35" s="72">
        <v>0</v>
      </c>
      <c r="AD35" s="72">
        <v>0</v>
      </c>
      <c r="AE35" s="72">
        <v>0</v>
      </c>
      <c r="AF35" s="72">
        <v>0</v>
      </c>
      <c r="AG35" s="73">
        <v>1</v>
      </c>
      <c r="AH35" s="74">
        <v>1</v>
      </c>
      <c r="AI35" s="71">
        <v>1</v>
      </c>
      <c r="AJ35" s="72">
        <v>0</v>
      </c>
      <c r="AK35" s="73">
        <v>1</v>
      </c>
      <c r="AL35" s="277"/>
      <c r="AM35" s="72">
        <v>1</v>
      </c>
      <c r="AN35" s="72">
        <v>1</v>
      </c>
      <c r="AO35" s="72">
        <v>0</v>
      </c>
      <c r="AP35" s="72">
        <v>1</v>
      </c>
      <c r="AQ35" s="72">
        <v>0</v>
      </c>
      <c r="AR35" s="73">
        <v>3</v>
      </c>
      <c r="AS35" s="74">
        <v>4</v>
      </c>
      <c r="AT35" s="71">
        <v>0</v>
      </c>
      <c r="AU35" s="72">
        <v>0</v>
      </c>
      <c r="AV35" s="73">
        <v>0</v>
      </c>
      <c r="AW35" s="277"/>
      <c r="AX35" s="72">
        <v>1</v>
      </c>
      <c r="AY35" s="72">
        <v>2</v>
      </c>
      <c r="AZ35" s="72">
        <v>0</v>
      </c>
      <c r="BA35" s="72">
        <v>0</v>
      </c>
      <c r="BB35" s="72">
        <v>2</v>
      </c>
      <c r="BC35" s="73">
        <v>5</v>
      </c>
      <c r="BD35" s="74">
        <v>5</v>
      </c>
      <c r="BE35" s="71">
        <v>0</v>
      </c>
      <c r="BF35" s="72">
        <v>2</v>
      </c>
      <c r="BG35" s="73">
        <v>2</v>
      </c>
      <c r="BH35" s="277"/>
      <c r="BI35" s="72">
        <v>5</v>
      </c>
      <c r="BJ35" s="72">
        <v>3</v>
      </c>
      <c r="BK35" s="72">
        <v>1</v>
      </c>
      <c r="BL35" s="72">
        <v>1</v>
      </c>
      <c r="BM35" s="72">
        <v>1</v>
      </c>
      <c r="BN35" s="73">
        <v>11</v>
      </c>
      <c r="BO35" s="74">
        <v>13</v>
      </c>
      <c r="BP35" s="71">
        <v>0</v>
      </c>
      <c r="BQ35" s="72">
        <v>1</v>
      </c>
      <c r="BR35" s="73">
        <v>1</v>
      </c>
      <c r="BS35" s="277"/>
      <c r="BT35" s="72">
        <v>3</v>
      </c>
      <c r="BU35" s="72">
        <v>3</v>
      </c>
      <c r="BV35" s="72">
        <v>1</v>
      </c>
      <c r="BW35" s="72">
        <v>2</v>
      </c>
      <c r="BX35" s="72">
        <v>0</v>
      </c>
      <c r="BY35" s="73">
        <v>9</v>
      </c>
      <c r="BZ35" s="74">
        <v>10</v>
      </c>
      <c r="CA35" s="71">
        <v>0</v>
      </c>
      <c r="CB35" s="72">
        <v>0</v>
      </c>
      <c r="CC35" s="73">
        <v>0</v>
      </c>
      <c r="CD35" s="277"/>
      <c r="CE35" s="72">
        <v>0</v>
      </c>
      <c r="CF35" s="72">
        <v>0</v>
      </c>
      <c r="CG35" s="72">
        <v>0</v>
      </c>
      <c r="CH35" s="72">
        <v>0</v>
      </c>
      <c r="CI35" s="72">
        <v>0</v>
      </c>
      <c r="CJ35" s="73">
        <v>0</v>
      </c>
      <c r="CK35" s="74">
        <v>0</v>
      </c>
      <c r="CL35" s="71">
        <v>1</v>
      </c>
      <c r="CM35" s="72">
        <v>3</v>
      </c>
      <c r="CN35" s="73">
        <v>4</v>
      </c>
      <c r="CO35" s="277"/>
      <c r="CP35" s="72">
        <v>11</v>
      </c>
      <c r="CQ35" s="72">
        <v>9</v>
      </c>
      <c r="CR35" s="72">
        <v>2</v>
      </c>
      <c r="CS35" s="72">
        <v>4</v>
      </c>
      <c r="CT35" s="72">
        <v>3</v>
      </c>
      <c r="CU35" s="73">
        <v>29</v>
      </c>
      <c r="CV35" s="74">
        <v>33</v>
      </c>
      <c r="CW35" s="127">
        <v>0</v>
      </c>
      <c r="CX35" s="83">
        <v>0</v>
      </c>
      <c r="CY35" s="84">
        <v>0</v>
      </c>
      <c r="CZ35" s="274"/>
      <c r="DA35" s="83">
        <v>1</v>
      </c>
      <c r="DB35" s="83">
        <v>1</v>
      </c>
      <c r="DC35" s="83">
        <v>5</v>
      </c>
      <c r="DD35" s="83">
        <v>4</v>
      </c>
      <c r="DE35" s="83">
        <v>0</v>
      </c>
      <c r="DF35" s="85">
        <v>11</v>
      </c>
      <c r="DG35" s="86">
        <v>11</v>
      </c>
      <c r="DH35" s="71">
        <v>0</v>
      </c>
      <c r="DI35" s="72">
        <v>0</v>
      </c>
      <c r="DJ35" s="73">
        <v>0</v>
      </c>
      <c r="DK35" s="277"/>
      <c r="DL35" s="72">
        <v>1</v>
      </c>
      <c r="DM35" s="72">
        <v>0</v>
      </c>
      <c r="DN35" s="72">
        <v>0</v>
      </c>
      <c r="DO35" s="72">
        <v>0</v>
      </c>
      <c r="DP35" s="72">
        <v>0</v>
      </c>
      <c r="DQ35" s="73">
        <v>1</v>
      </c>
      <c r="DR35" s="74">
        <v>1</v>
      </c>
      <c r="DS35" s="71">
        <v>0</v>
      </c>
      <c r="DT35" s="72">
        <v>0</v>
      </c>
      <c r="DU35" s="73">
        <v>0</v>
      </c>
      <c r="DV35" s="277"/>
      <c r="DW35" s="72">
        <v>0</v>
      </c>
      <c r="DX35" s="72">
        <v>0</v>
      </c>
      <c r="DY35" s="72">
        <v>0</v>
      </c>
      <c r="DZ35" s="72">
        <v>0</v>
      </c>
      <c r="EA35" s="72">
        <v>0</v>
      </c>
      <c r="EB35" s="73">
        <v>0</v>
      </c>
      <c r="EC35" s="74">
        <v>0</v>
      </c>
      <c r="ED35" s="71">
        <v>0</v>
      </c>
      <c r="EE35" s="72">
        <v>0</v>
      </c>
      <c r="EF35" s="73">
        <v>0</v>
      </c>
      <c r="EG35" s="277"/>
      <c r="EH35" s="72">
        <v>0</v>
      </c>
      <c r="EI35" s="72">
        <v>0</v>
      </c>
      <c r="EJ35" s="72">
        <v>0</v>
      </c>
      <c r="EK35" s="72">
        <v>0</v>
      </c>
      <c r="EL35" s="72">
        <v>0</v>
      </c>
      <c r="EM35" s="73">
        <v>0</v>
      </c>
      <c r="EN35" s="74">
        <v>0</v>
      </c>
      <c r="EO35" s="71">
        <v>0</v>
      </c>
      <c r="EP35" s="72">
        <v>0</v>
      </c>
      <c r="EQ35" s="73">
        <v>0</v>
      </c>
      <c r="ER35" s="277"/>
      <c r="ES35" s="72">
        <v>0</v>
      </c>
      <c r="ET35" s="72">
        <v>0</v>
      </c>
      <c r="EU35" s="72">
        <v>1</v>
      </c>
      <c r="EV35" s="72">
        <v>0</v>
      </c>
      <c r="EW35" s="72">
        <v>0</v>
      </c>
      <c r="EX35" s="73">
        <v>1</v>
      </c>
      <c r="EY35" s="74">
        <v>1</v>
      </c>
      <c r="EZ35" s="71">
        <v>0</v>
      </c>
      <c r="FA35" s="72">
        <v>0</v>
      </c>
      <c r="FB35" s="73">
        <v>0</v>
      </c>
      <c r="FC35" s="277"/>
      <c r="FD35" s="72">
        <v>0</v>
      </c>
      <c r="FE35" s="72">
        <v>0</v>
      </c>
      <c r="FF35" s="72">
        <v>3</v>
      </c>
      <c r="FG35" s="72">
        <v>1</v>
      </c>
      <c r="FH35" s="72">
        <v>0</v>
      </c>
      <c r="FI35" s="73">
        <v>4</v>
      </c>
      <c r="FJ35" s="74">
        <v>4</v>
      </c>
      <c r="FK35" s="71">
        <v>0</v>
      </c>
      <c r="FL35" s="72">
        <v>0</v>
      </c>
      <c r="FM35" s="73">
        <v>0</v>
      </c>
      <c r="FN35" s="277"/>
      <c r="FO35" s="72">
        <v>0</v>
      </c>
      <c r="FP35" s="72">
        <v>1</v>
      </c>
      <c r="FQ35" s="72">
        <v>1</v>
      </c>
      <c r="FR35" s="72">
        <v>3</v>
      </c>
      <c r="FS35" s="72">
        <v>0</v>
      </c>
      <c r="FT35" s="73">
        <v>5</v>
      </c>
      <c r="FU35" s="74">
        <v>5</v>
      </c>
      <c r="FV35" s="71">
        <v>0</v>
      </c>
      <c r="FW35" s="72">
        <v>0</v>
      </c>
      <c r="FX35" s="73">
        <v>0</v>
      </c>
      <c r="FY35" s="277"/>
      <c r="FZ35" s="72">
        <v>0</v>
      </c>
      <c r="GA35" s="72">
        <v>0</v>
      </c>
      <c r="GB35" s="72">
        <v>0</v>
      </c>
      <c r="GC35" s="72">
        <v>0</v>
      </c>
      <c r="GD35" s="72">
        <v>0</v>
      </c>
      <c r="GE35" s="73">
        <v>0</v>
      </c>
      <c r="GF35" s="74">
        <v>0</v>
      </c>
      <c r="GG35" s="71">
        <v>0</v>
      </c>
      <c r="GH35" s="72">
        <v>0</v>
      </c>
      <c r="GI35" s="73">
        <v>0</v>
      </c>
      <c r="GJ35" s="277"/>
      <c r="GK35" s="72">
        <v>1</v>
      </c>
      <c r="GL35" s="72">
        <v>1</v>
      </c>
      <c r="GM35" s="72">
        <v>5</v>
      </c>
      <c r="GN35" s="72">
        <v>4</v>
      </c>
      <c r="GO35" s="72">
        <v>0</v>
      </c>
      <c r="GP35" s="73">
        <v>11</v>
      </c>
      <c r="GQ35" s="74">
        <v>11</v>
      </c>
      <c r="GR35" s="127">
        <v>1</v>
      </c>
      <c r="GS35" s="83">
        <v>3</v>
      </c>
      <c r="GT35" s="84">
        <v>4</v>
      </c>
      <c r="GU35" s="274"/>
      <c r="GV35" s="83">
        <v>12</v>
      </c>
      <c r="GW35" s="83">
        <v>10</v>
      </c>
      <c r="GX35" s="83">
        <v>7</v>
      </c>
      <c r="GY35" s="83">
        <v>8</v>
      </c>
      <c r="GZ35" s="83">
        <v>3</v>
      </c>
      <c r="HA35" s="85">
        <v>40</v>
      </c>
      <c r="HB35" s="86">
        <v>44</v>
      </c>
      <c r="HC35" s="71">
        <v>0</v>
      </c>
      <c r="HD35" s="72">
        <v>0</v>
      </c>
      <c r="HE35" s="73">
        <v>0</v>
      </c>
      <c r="HF35" s="277"/>
      <c r="HG35" s="72">
        <v>1</v>
      </c>
      <c r="HH35" s="72">
        <v>0</v>
      </c>
      <c r="HI35" s="72">
        <v>0</v>
      </c>
      <c r="HJ35" s="72">
        <v>0</v>
      </c>
      <c r="HK35" s="72">
        <v>0</v>
      </c>
      <c r="HL35" s="73">
        <v>1</v>
      </c>
      <c r="HM35" s="74">
        <v>1</v>
      </c>
      <c r="HN35" s="71">
        <v>0</v>
      </c>
      <c r="HO35" s="72">
        <v>0</v>
      </c>
      <c r="HP35" s="73">
        <v>0</v>
      </c>
      <c r="HQ35" s="277"/>
      <c r="HR35" s="72">
        <v>1</v>
      </c>
      <c r="HS35" s="72">
        <v>0</v>
      </c>
      <c r="HT35" s="72">
        <v>0</v>
      </c>
      <c r="HU35" s="72">
        <v>0</v>
      </c>
      <c r="HV35" s="72">
        <v>0</v>
      </c>
      <c r="HW35" s="73">
        <v>1</v>
      </c>
      <c r="HX35" s="74">
        <v>1</v>
      </c>
      <c r="HY35" s="71">
        <v>1</v>
      </c>
      <c r="HZ35" s="72">
        <v>0</v>
      </c>
      <c r="IA35" s="73">
        <v>1</v>
      </c>
      <c r="IB35" s="277"/>
      <c r="IC35" s="72">
        <v>1</v>
      </c>
      <c r="ID35" s="72">
        <v>1</v>
      </c>
      <c r="IE35" s="72">
        <v>0</v>
      </c>
      <c r="IF35" s="72">
        <v>1</v>
      </c>
      <c r="IG35" s="72">
        <v>0</v>
      </c>
      <c r="IH35" s="73">
        <v>3</v>
      </c>
      <c r="II35" s="74">
        <v>4</v>
      </c>
      <c r="IJ35" s="71">
        <v>0</v>
      </c>
      <c r="IK35" s="72">
        <v>0</v>
      </c>
      <c r="IL35" s="73">
        <v>0</v>
      </c>
      <c r="IM35" s="277"/>
      <c r="IN35" s="72">
        <v>1</v>
      </c>
      <c r="IO35" s="72">
        <v>2</v>
      </c>
      <c r="IP35" s="72">
        <v>1</v>
      </c>
      <c r="IQ35" s="72">
        <v>0</v>
      </c>
      <c r="IR35" s="72">
        <v>2</v>
      </c>
      <c r="IS35" s="73">
        <v>6</v>
      </c>
      <c r="IT35" s="74">
        <v>6</v>
      </c>
      <c r="IU35" s="71">
        <v>0</v>
      </c>
      <c r="IV35" s="72">
        <v>2</v>
      </c>
      <c r="IW35" s="73">
        <v>2</v>
      </c>
      <c r="IX35" s="277"/>
      <c r="IY35" s="72">
        <v>5</v>
      </c>
      <c r="IZ35" s="72">
        <v>3</v>
      </c>
      <c r="JA35" s="72">
        <v>4</v>
      </c>
      <c r="JB35" s="72">
        <v>2</v>
      </c>
      <c r="JC35" s="72">
        <v>1</v>
      </c>
      <c r="JD35" s="73">
        <v>15</v>
      </c>
      <c r="JE35" s="74">
        <v>17</v>
      </c>
      <c r="JF35" s="71">
        <v>0</v>
      </c>
      <c r="JG35" s="72">
        <v>1</v>
      </c>
      <c r="JH35" s="73">
        <v>1</v>
      </c>
      <c r="JI35" s="277"/>
      <c r="JJ35" s="72">
        <v>3</v>
      </c>
      <c r="JK35" s="72">
        <v>4</v>
      </c>
      <c r="JL35" s="72">
        <v>2</v>
      </c>
      <c r="JM35" s="72">
        <v>5</v>
      </c>
      <c r="JN35" s="72">
        <v>0</v>
      </c>
      <c r="JO35" s="73">
        <v>14</v>
      </c>
      <c r="JP35" s="74">
        <v>15</v>
      </c>
      <c r="JQ35" s="71">
        <v>0</v>
      </c>
      <c r="JR35" s="72">
        <v>0</v>
      </c>
      <c r="JS35" s="73">
        <v>0</v>
      </c>
      <c r="JT35" s="277"/>
      <c r="JU35" s="72">
        <v>0</v>
      </c>
      <c r="JV35" s="72">
        <v>0</v>
      </c>
      <c r="JW35" s="72">
        <v>0</v>
      </c>
      <c r="JX35" s="72">
        <v>0</v>
      </c>
      <c r="JY35" s="72">
        <v>0</v>
      </c>
      <c r="JZ35" s="73">
        <v>0</v>
      </c>
      <c r="KA35" s="74">
        <v>0</v>
      </c>
      <c r="KB35" s="71">
        <v>1</v>
      </c>
      <c r="KC35" s="72">
        <v>3</v>
      </c>
      <c r="KD35" s="73">
        <v>4</v>
      </c>
      <c r="KE35" s="277"/>
      <c r="KF35" s="72">
        <v>12</v>
      </c>
      <c r="KG35" s="72">
        <v>10</v>
      </c>
      <c r="KH35" s="72">
        <v>7</v>
      </c>
      <c r="KI35" s="72">
        <v>8</v>
      </c>
      <c r="KJ35" s="72">
        <v>3</v>
      </c>
      <c r="KK35" s="73">
        <v>40</v>
      </c>
      <c r="KL35" s="74">
        <v>44</v>
      </c>
    </row>
    <row r="36" spans="1:298" ht="19.5" customHeight="1" x14ac:dyDescent="0.2">
      <c r="A36" s="130" t="s">
        <v>33</v>
      </c>
      <c r="B36" s="347">
        <v>4</v>
      </c>
      <c r="C36" s="83">
        <v>1</v>
      </c>
      <c r="D36" s="84">
        <v>5</v>
      </c>
      <c r="E36" s="274"/>
      <c r="F36" s="83">
        <v>6</v>
      </c>
      <c r="G36" s="83">
        <v>5</v>
      </c>
      <c r="H36" s="83">
        <v>3</v>
      </c>
      <c r="I36" s="83">
        <v>0</v>
      </c>
      <c r="J36" s="83">
        <v>2</v>
      </c>
      <c r="K36" s="85">
        <v>16</v>
      </c>
      <c r="L36" s="86">
        <v>21</v>
      </c>
      <c r="M36" s="71">
        <v>0</v>
      </c>
      <c r="N36" s="72">
        <v>0</v>
      </c>
      <c r="O36" s="73">
        <v>0</v>
      </c>
      <c r="P36" s="274"/>
      <c r="Q36" s="72">
        <v>0</v>
      </c>
      <c r="R36" s="72">
        <v>0</v>
      </c>
      <c r="S36" s="72">
        <v>1</v>
      </c>
      <c r="T36" s="72">
        <v>0</v>
      </c>
      <c r="U36" s="72">
        <v>0</v>
      </c>
      <c r="V36" s="73">
        <v>1</v>
      </c>
      <c r="W36" s="74">
        <v>1</v>
      </c>
      <c r="X36" s="71">
        <v>1</v>
      </c>
      <c r="Y36" s="72">
        <v>0</v>
      </c>
      <c r="Z36" s="73">
        <v>1</v>
      </c>
      <c r="AA36" s="277"/>
      <c r="AB36" s="72">
        <v>0</v>
      </c>
      <c r="AC36" s="72">
        <v>1</v>
      </c>
      <c r="AD36" s="72">
        <v>0</v>
      </c>
      <c r="AE36" s="72">
        <v>0</v>
      </c>
      <c r="AF36" s="72">
        <v>0</v>
      </c>
      <c r="AG36" s="73">
        <v>1</v>
      </c>
      <c r="AH36" s="74">
        <v>2</v>
      </c>
      <c r="AI36" s="71">
        <v>2</v>
      </c>
      <c r="AJ36" s="72">
        <v>0</v>
      </c>
      <c r="AK36" s="73">
        <v>2</v>
      </c>
      <c r="AL36" s="277"/>
      <c r="AM36" s="72">
        <v>1</v>
      </c>
      <c r="AN36" s="72">
        <v>0</v>
      </c>
      <c r="AO36" s="72">
        <v>0</v>
      </c>
      <c r="AP36" s="72">
        <v>0</v>
      </c>
      <c r="AQ36" s="72">
        <v>1</v>
      </c>
      <c r="AR36" s="73">
        <v>2</v>
      </c>
      <c r="AS36" s="74">
        <v>4</v>
      </c>
      <c r="AT36" s="71">
        <v>0</v>
      </c>
      <c r="AU36" s="72">
        <v>0</v>
      </c>
      <c r="AV36" s="73">
        <v>0</v>
      </c>
      <c r="AW36" s="277"/>
      <c r="AX36" s="72">
        <v>1</v>
      </c>
      <c r="AY36" s="72">
        <v>1</v>
      </c>
      <c r="AZ36" s="72">
        <v>1</v>
      </c>
      <c r="BA36" s="72">
        <v>0</v>
      </c>
      <c r="BB36" s="72">
        <v>1</v>
      </c>
      <c r="BC36" s="73">
        <v>4</v>
      </c>
      <c r="BD36" s="74">
        <v>4</v>
      </c>
      <c r="BE36" s="71">
        <v>1</v>
      </c>
      <c r="BF36" s="72">
        <v>0</v>
      </c>
      <c r="BG36" s="73">
        <v>1</v>
      </c>
      <c r="BH36" s="277"/>
      <c r="BI36" s="72">
        <v>0</v>
      </c>
      <c r="BJ36" s="72">
        <v>2</v>
      </c>
      <c r="BK36" s="72">
        <v>1</v>
      </c>
      <c r="BL36" s="72">
        <v>0</v>
      </c>
      <c r="BM36" s="72">
        <v>0</v>
      </c>
      <c r="BN36" s="73">
        <v>3</v>
      </c>
      <c r="BO36" s="74">
        <v>4</v>
      </c>
      <c r="BP36" s="71">
        <v>0</v>
      </c>
      <c r="BQ36" s="72">
        <v>1</v>
      </c>
      <c r="BR36" s="73">
        <v>1</v>
      </c>
      <c r="BS36" s="277"/>
      <c r="BT36" s="72">
        <v>4</v>
      </c>
      <c r="BU36" s="72">
        <v>1</v>
      </c>
      <c r="BV36" s="72">
        <v>0</v>
      </c>
      <c r="BW36" s="72">
        <v>0</v>
      </c>
      <c r="BX36" s="72">
        <v>0</v>
      </c>
      <c r="BY36" s="73">
        <v>5</v>
      </c>
      <c r="BZ36" s="74">
        <v>6</v>
      </c>
      <c r="CA36" s="71">
        <v>0</v>
      </c>
      <c r="CB36" s="72">
        <v>0</v>
      </c>
      <c r="CC36" s="73">
        <v>0</v>
      </c>
      <c r="CD36" s="277"/>
      <c r="CE36" s="72">
        <v>0</v>
      </c>
      <c r="CF36" s="72">
        <v>0</v>
      </c>
      <c r="CG36" s="72">
        <v>0</v>
      </c>
      <c r="CH36" s="72">
        <v>0</v>
      </c>
      <c r="CI36" s="72">
        <v>0</v>
      </c>
      <c r="CJ36" s="73">
        <v>0</v>
      </c>
      <c r="CK36" s="74">
        <v>0</v>
      </c>
      <c r="CL36" s="71">
        <v>4</v>
      </c>
      <c r="CM36" s="72">
        <v>1</v>
      </c>
      <c r="CN36" s="73">
        <v>5</v>
      </c>
      <c r="CO36" s="277"/>
      <c r="CP36" s="72">
        <v>6</v>
      </c>
      <c r="CQ36" s="72">
        <v>5</v>
      </c>
      <c r="CR36" s="72">
        <v>3</v>
      </c>
      <c r="CS36" s="72">
        <v>0</v>
      </c>
      <c r="CT36" s="72">
        <v>2</v>
      </c>
      <c r="CU36" s="73">
        <v>16</v>
      </c>
      <c r="CV36" s="74">
        <v>21</v>
      </c>
      <c r="CW36" s="127">
        <v>1</v>
      </c>
      <c r="CX36" s="83">
        <v>2</v>
      </c>
      <c r="CY36" s="84">
        <v>3</v>
      </c>
      <c r="CZ36" s="274"/>
      <c r="DA36" s="83">
        <v>1</v>
      </c>
      <c r="DB36" s="83">
        <v>0</v>
      </c>
      <c r="DC36" s="83">
        <v>0</v>
      </c>
      <c r="DD36" s="83">
        <v>1</v>
      </c>
      <c r="DE36" s="83">
        <v>0</v>
      </c>
      <c r="DF36" s="85">
        <v>2</v>
      </c>
      <c r="DG36" s="86">
        <v>5</v>
      </c>
      <c r="DH36" s="71">
        <v>0</v>
      </c>
      <c r="DI36" s="72">
        <v>0</v>
      </c>
      <c r="DJ36" s="73">
        <v>0</v>
      </c>
      <c r="DK36" s="277"/>
      <c r="DL36" s="72">
        <v>0</v>
      </c>
      <c r="DM36" s="72">
        <v>0</v>
      </c>
      <c r="DN36" s="72">
        <v>0</v>
      </c>
      <c r="DO36" s="72">
        <v>0</v>
      </c>
      <c r="DP36" s="72">
        <v>0</v>
      </c>
      <c r="DQ36" s="73">
        <v>0</v>
      </c>
      <c r="DR36" s="74">
        <v>0</v>
      </c>
      <c r="DS36" s="71">
        <v>0</v>
      </c>
      <c r="DT36" s="72">
        <v>0</v>
      </c>
      <c r="DU36" s="73">
        <v>0</v>
      </c>
      <c r="DV36" s="277"/>
      <c r="DW36" s="72">
        <v>0</v>
      </c>
      <c r="DX36" s="72">
        <v>0</v>
      </c>
      <c r="DY36" s="72">
        <v>0</v>
      </c>
      <c r="DZ36" s="72">
        <v>0</v>
      </c>
      <c r="EA36" s="72">
        <v>0</v>
      </c>
      <c r="EB36" s="73">
        <v>0</v>
      </c>
      <c r="EC36" s="74">
        <v>0</v>
      </c>
      <c r="ED36" s="71">
        <v>0</v>
      </c>
      <c r="EE36" s="72">
        <v>0</v>
      </c>
      <c r="EF36" s="73">
        <v>0</v>
      </c>
      <c r="EG36" s="277"/>
      <c r="EH36" s="72">
        <v>0</v>
      </c>
      <c r="EI36" s="72">
        <v>0</v>
      </c>
      <c r="EJ36" s="72">
        <v>0</v>
      </c>
      <c r="EK36" s="72">
        <v>0</v>
      </c>
      <c r="EL36" s="72">
        <v>0</v>
      </c>
      <c r="EM36" s="73">
        <v>0</v>
      </c>
      <c r="EN36" s="74">
        <v>0</v>
      </c>
      <c r="EO36" s="71">
        <v>0</v>
      </c>
      <c r="EP36" s="72">
        <v>0</v>
      </c>
      <c r="EQ36" s="73">
        <v>0</v>
      </c>
      <c r="ER36" s="277"/>
      <c r="ES36" s="72">
        <v>0</v>
      </c>
      <c r="ET36" s="72">
        <v>0</v>
      </c>
      <c r="EU36" s="72">
        <v>0</v>
      </c>
      <c r="EV36" s="72">
        <v>0</v>
      </c>
      <c r="EW36" s="72">
        <v>0</v>
      </c>
      <c r="EX36" s="73">
        <v>0</v>
      </c>
      <c r="EY36" s="74">
        <v>0</v>
      </c>
      <c r="EZ36" s="71">
        <v>1</v>
      </c>
      <c r="FA36" s="72">
        <v>0</v>
      </c>
      <c r="FB36" s="73">
        <v>1</v>
      </c>
      <c r="FC36" s="277"/>
      <c r="FD36" s="72">
        <v>0</v>
      </c>
      <c r="FE36" s="72">
        <v>0</v>
      </c>
      <c r="FF36" s="72">
        <v>0</v>
      </c>
      <c r="FG36" s="72">
        <v>1</v>
      </c>
      <c r="FH36" s="72">
        <v>0</v>
      </c>
      <c r="FI36" s="73">
        <v>1</v>
      </c>
      <c r="FJ36" s="74">
        <v>2</v>
      </c>
      <c r="FK36" s="71">
        <v>0</v>
      </c>
      <c r="FL36" s="72">
        <v>2</v>
      </c>
      <c r="FM36" s="73">
        <v>2</v>
      </c>
      <c r="FN36" s="277"/>
      <c r="FO36" s="72">
        <v>1</v>
      </c>
      <c r="FP36" s="72">
        <v>0</v>
      </c>
      <c r="FQ36" s="72">
        <v>0</v>
      </c>
      <c r="FR36" s="72">
        <v>0</v>
      </c>
      <c r="FS36" s="72">
        <v>0</v>
      </c>
      <c r="FT36" s="73">
        <v>1</v>
      </c>
      <c r="FU36" s="74">
        <v>3</v>
      </c>
      <c r="FV36" s="71">
        <v>0</v>
      </c>
      <c r="FW36" s="72">
        <v>0</v>
      </c>
      <c r="FX36" s="73">
        <v>0</v>
      </c>
      <c r="FY36" s="277"/>
      <c r="FZ36" s="72">
        <v>0</v>
      </c>
      <c r="GA36" s="72">
        <v>0</v>
      </c>
      <c r="GB36" s="72">
        <v>0</v>
      </c>
      <c r="GC36" s="72">
        <v>0</v>
      </c>
      <c r="GD36" s="72">
        <v>0</v>
      </c>
      <c r="GE36" s="73">
        <v>0</v>
      </c>
      <c r="GF36" s="74">
        <v>0</v>
      </c>
      <c r="GG36" s="71">
        <v>1</v>
      </c>
      <c r="GH36" s="72">
        <v>2</v>
      </c>
      <c r="GI36" s="73">
        <v>3</v>
      </c>
      <c r="GJ36" s="277"/>
      <c r="GK36" s="72">
        <v>1</v>
      </c>
      <c r="GL36" s="72">
        <v>0</v>
      </c>
      <c r="GM36" s="72">
        <v>0</v>
      </c>
      <c r="GN36" s="72">
        <v>1</v>
      </c>
      <c r="GO36" s="72">
        <v>0</v>
      </c>
      <c r="GP36" s="73">
        <v>2</v>
      </c>
      <c r="GQ36" s="74">
        <v>5</v>
      </c>
      <c r="GR36" s="127">
        <v>5</v>
      </c>
      <c r="GS36" s="83">
        <v>3</v>
      </c>
      <c r="GT36" s="84">
        <v>8</v>
      </c>
      <c r="GU36" s="274"/>
      <c r="GV36" s="83">
        <v>7</v>
      </c>
      <c r="GW36" s="83">
        <v>5</v>
      </c>
      <c r="GX36" s="83">
        <v>3</v>
      </c>
      <c r="GY36" s="83">
        <v>1</v>
      </c>
      <c r="GZ36" s="83">
        <v>2</v>
      </c>
      <c r="HA36" s="85">
        <v>18</v>
      </c>
      <c r="HB36" s="86">
        <v>26</v>
      </c>
      <c r="HC36" s="71">
        <v>0</v>
      </c>
      <c r="HD36" s="72">
        <v>0</v>
      </c>
      <c r="HE36" s="73">
        <v>0</v>
      </c>
      <c r="HF36" s="277"/>
      <c r="HG36" s="72">
        <v>0</v>
      </c>
      <c r="HH36" s="72">
        <v>0</v>
      </c>
      <c r="HI36" s="72">
        <v>1</v>
      </c>
      <c r="HJ36" s="72">
        <v>0</v>
      </c>
      <c r="HK36" s="72">
        <v>0</v>
      </c>
      <c r="HL36" s="73">
        <v>1</v>
      </c>
      <c r="HM36" s="74">
        <v>1</v>
      </c>
      <c r="HN36" s="71">
        <v>1</v>
      </c>
      <c r="HO36" s="72">
        <v>0</v>
      </c>
      <c r="HP36" s="73">
        <v>1</v>
      </c>
      <c r="HQ36" s="277"/>
      <c r="HR36" s="72">
        <v>0</v>
      </c>
      <c r="HS36" s="72">
        <v>1</v>
      </c>
      <c r="HT36" s="72">
        <v>0</v>
      </c>
      <c r="HU36" s="72">
        <v>0</v>
      </c>
      <c r="HV36" s="72">
        <v>0</v>
      </c>
      <c r="HW36" s="73">
        <v>1</v>
      </c>
      <c r="HX36" s="74">
        <v>2</v>
      </c>
      <c r="HY36" s="71">
        <v>2</v>
      </c>
      <c r="HZ36" s="72">
        <v>0</v>
      </c>
      <c r="IA36" s="73">
        <v>2</v>
      </c>
      <c r="IB36" s="277"/>
      <c r="IC36" s="72">
        <v>1</v>
      </c>
      <c r="ID36" s="72">
        <v>0</v>
      </c>
      <c r="IE36" s="72">
        <v>0</v>
      </c>
      <c r="IF36" s="72">
        <v>0</v>
      </c>
      <c r="IG36" s="72">
        <v>1</v>
      </c>
      <c r="IH36" s="73">
        <v>2</v>
      </c>
      <c r="II36" s="74">
        <v>4</v>
      </c>
      <c r="IJ36" s="71">
        <v>0</v>
      </c>
      <c r="IK36" s="72">
        <v>0</v>
      </c>
      <c r="IL36" s="73">
        <v>0</v>
      </c>
      <c r="IM36" s="277"/>
      <c r="IN36" s="72">
        <v>1</v>
      </c>
      <c r="IO36" s="72">
        <v>1</v>
      </c>
      <c r="IP36" s="72">
        <v>1</v>
      </c>
      <c r="IQ36" s="72">
        <v>0</v>
      </c>
      <c r="IR36" s="72">
        <v>1</v>
      </c>
      <c r="IS36" s="73">
        <v>4</v>
      </c>
      <c r="IT36" s="74">
        <v>4</v>
      </c>
      <c r="IU36" s="71">
        <v>2</v>
      </c>
      <c r="IV36" s="72">
        <v>0</v>
      </c>
      <c r="IW36" s="73">
        <v>2</v>
      </c>
      <c r="IX36" s="277"/>
      <c r="IY36" s="72">
        <v>0</v>
      </c>
      <c r="IZ36" s="72">
        <v>2</v>
      </c>
      <c r="JA36" s="72">
        <v>1</v>
      </c>
      <c r="JB36" s="72">
        <v>1</v>
      </c>
      <c r="JC36" s="72">
        <v>0</v>
      </c>
      <c r="JD36" s="73">
        <v>4</v>
      </c>
      <c r="JE36" s="74">
        <v>6</v>
      </c>
      <c r="JF36" s="71">
        <v>0</v>
      </c>
      <c r="JG36" s="72">
        <v>3</v>
      </c>
      <c r="JH36" s="73">
        <v>3</v>
      </c>
      <c r="JI36" s="277"/>
      <c r="JJ36" s="72">
        <v>5</v>
      </c>
      <c r="JK36" s="72">
        <v>1</v>
      </c>
      <c r="JL36" s="72">
        <v>0</v>
      </c>
      <c r="JM36" s="72">
        <v>0</v>
      </c>
      <c r="JN36" s="72">
        <v>0</v>
      </c>
      <c r="JO36" s="73">
        <v>6</v>
      </c>
      <c r="JP36" s="74">
        <v>9</v>
      </c>
      <c r="JQ36" s="71">
        <v>0</v>
      </c>
      <c r="JR36" s="72">
        <v>0</v>
      </c>
      <c r="JS36" s="73">
        <v>0</v>
      </c>
      <c r="JT36" s="277"/>
      <c r="JU36" s="72">
        <v>0</v>
      </c>
      <c r="JV36" s="72">
        <v>0</v>
      </c>
      <c r="JW36" s="72">
        <v>0</v>
      </c>
      <c r="JX36" s="72">
        <v>0</v>
      </c>
      <c r="JY36" s="72">
        <v>0</v>
      </c>
      <c r="JZ36" s="73">
        <v>0</v>
      </c>
      <c r="KA36" s="74">
        <v>0</v>
      </c>
      <c r="KB36" s="71">
        <v>5</v>
      </c>
      <c r="KC36" s="72">
        <v>3</v>
      </c>
      <c r="KD36" s="73">
        <v>8</v>
      </c>
      <c r="KE36" s="277"/>
      <c r="KF36" s="72">
        <v>7</v>
      </c>
      <c r="KG36" s="72">
        <v>5</v>
      </c>
      <c r="KH36" s="72">
        <v>3</v>
      </c>
      <c r="KI36" s="72">
        <v>1</v>
      </c>
      <c r="KJ36" s="72">
        <v>2</v>
      </c>
      <c r="KK36" s="73">
        <v>18</v>
      </c>
      <c r="KL36" s="74">
        <v>26</v>
      </c>
    </row>
    <row r="37" spans="1:298" ht="19.5" customHeight="1" x14ac:dyDescent="0.2">
      <c r="A37" s="130" t="s">
        <v>34</v>
      </c>
      <c r="B37" s="347">
        <v>3</v>
      </c>
      <c r="C37" s="83">
        <v>2</v>
      </c>
      <c r="D37" s="84">
        <v>5</v>
      </c>
      <c r="E37" s="274"/>
      <c r="F37" s="83">
        <v>7</v>
      </c>
      <c r="G37" s="83">
        <v>3</v>
      </c>
      <c r="H37" s="83">
        <v>5</v>
      </c>
      <c r="I37" s="83">
        <v>0</v>
      </c>
      <c r="J37" s="83">
        <v>1</v>
      </c>
      <c r="K37" s="85">
        <v>16</v>
      </c>
      <c r="L37" s="86">
        <v>21</v>
      </c>
      <c r="M37" s="71">
        <v>0</v>
      </c>
      <c r="N37" s="72">
        <v>0</v>
      </c>
      <c r="O37" s="73">
        <v>0</v>
      </c>
      <c r="P37" s="274"/>
      <c r="Q37" s="72">
        <v>1</v>
      </c>
      <c r="R37" s="72">
        <v>1</v>
      </c>
      <c r="S37" s="72">
        <v>0</v>
      </c>
      <c r="T37" s="72">
        <v>0</v>
      </c>
      <c r="U37" s="72">
        <v>0</v>
      </c>
      <c r="V37" s="73">
        <v>2</v>
      </c>
      <c r="W37" s="74">
        <v>2</v>
      </c>
      <c r="X37" s="71">
        <v>0</v>
      </c>
      <c r="Y37" s="72">
        <v>0</v>
      </c>
      <c r="Z37" s="73">
        <v>0</v>
      </c>
      <c r="AA37" s="277"/>
      <c r="AB37" s="72">
        <v>0</v>
      </c>
      <c r="AC37" s="72">
        <v>0</v>
      </c>
      <c r="AD37" s="72">
        <v>0</v>
      </c>
      <c r="AE37" s="72">
        <v>0</v>
      </c>
      <c r="AF37" s="72">
        <v>0</v>
      </c>
      <c r="AG37" s="73">
        <v>0</v>
      </c>
      <c r="AH37" s="74">
        <v>0</v>
      </c>
      <c r="AI37" s="71">
        <v>0</v>
      </c>
      <c r="AJ37" s="72">
        <v>0</v>
      </c>
      <c r="AK37" s="73">
        <v>0</v>
      </c>
      <c r="AL37" s="277"/>
      <c r="AM37" s="72">
        <v>0</v>
      </c>
      <c r="AN37" s="72">
        <v>0</v>
      </c>
      <c r="AO37" s="72">
        <v>0</v>
      </c>
      <c r="AP37" s="72">
        <v>0</v>
      </c>
      <c r="AQ37" s="72">
        <v>0</v>
      </c>
      <c r="AR37" s="73">
        <v>0</v>
      </c>
      <c r="AS37" s="74">
        <v>0</v>
      </c>
      <c r="AT37" s="71">
        <v>1</v>
      </c>
      <c r="AU37" s="72">
        <v>2</v>
      </c>
      <c r="AV37" s="73">
        <v>3</v>
      </c>
      <c r="AW37" s="277"/>
      <c r="AX37" s="72">
        <v>2</v>
      </c>
      <c r="AY37" s="72">
        <v>0</v>
      </c>
      <c r="AZ37" s="72">
        <v>2</v>
      </c>
      <c r="BA37" s="72">
        <v>0</v>
      </c>
      <c r="BB37" s="72">
        <v>0</v>
      </c>
      <c r="BC37" s="73">
        <v>4</v>
      </c>
      <c r="BD37" s="74">
        <v>7</v>
      </c>
      <c r="BE37" s="71">
        <v>1</v>
      </c>
      <c r="BF37" s="72">
        <v>0</v>
      </c>
      <c r="BG37" s="73">
        <v>1</v>
      </c>
      <c r="BH37" s="277"/>
      <c r="BI37" s="72">
        <v>2</v>
      </c>
      <c r="BJ37" s="72">
        <v>1</v>
      </c>
      <c r="BK37" s="72">
        <v>2</v>
      </c>
      <c r="BL37" s="72">
        <v>0</v>
      </c>
      <c r="BM37" s="72">
        <v>0</v>
      </c>
      <c r="BN37" s="73">
        <v>5</v>
      </c>
      <c r="BO37" s="74">
        <v>6</v>
      </c>
      <c r="BP37" s="71">
        <v>1</v>
      </c>
      <c r="BQ37" s="72">
        <v>0</v>
      </c>
      <c r="BR37" s="73">
        <v>1</v>
      </c>
      <c r="BS37" s="277"/>
      <c r="BT37" s="72">
        <v>2</v>
      </c>
      <c r="BU37" s="72">
        <v>1</v>
      </c>
      <c r="BV37" s="72">
        <v>1</v>
      </c>
      <c r="BW37" s="72">
        <v>0</v>
      </c>
      <c r="BX37" s="72">
        <v>1</v>
      </c>
      <c r="BY37" s="73">
        <v>5</v>
      </c>
      <c r="BZ37" s="74">
        <v>6</v>
      </c>
      <c r="CA37" s="71">
        <v>0</v>
      </c>
      <c r="CB37" s="72">
        <v>0</v>
      </c>
      <c r="CC37" s="73">
        <v>0</v>
      </c>
      <c r="CD37" s="277"/>
      <c r="CE37" s="72">
        <v>0</v>
      </c>
      <c r="CF37" s="72">
        <v>0</v>
      </c>
      <c r="CG37" s="72">
        <v>0</v>
      </c>
      <c r="CH37" s="72">
        <v>0</v>
      </c>
      <c r="CI37" s="72">
        <v>0</v>
      </c>
      <c r="CJ37" s="73">
        <v>0</v>
      </c>
      <c r="CK37" s="74">
        <v>0</v>
      </c>
      <c r="CL37" s="71">
        <v>3</v>
      </c>
      <c r="CM37" s="72">
        <v>2</v>
      </c>
      <c r="CN37" s="73">
        <v>5</v>
      </c>
      <c r="CO37" s="277"/>
      <c r="CP37" s="72">
        <v>7</v>
      </c>
      <c r="CQ37" s="72">
        <v>3</v>
      </c>
      <c r="CR37" s="72">
        <v>5</v>
      </c>
      <c r="CS37" s="72">
        <v>0</v>
      </c>
      <c r="CT37" s="72">
        <v>1</v>
      </c>
      <c r="CU37" s="73">
        <v>16</v>
      </c>
      <c r="CV37" s="74">
        <v>21</v>
      </c>
      <c r="CW37" s="127">
        <v>0</v>
      </c>
      <c r="CX37" s="83">
        <v>0</v>
      </c>
      <c r="CY37" s="84">
        <v>0</v>
      </c>
      <c r="CZ37" s="274"/>
      <c r="DA37" s="83">
        <v>1</v>
      </c>
      <c r="DB37" s="83">
        <v>1</v>
      </c>
      <c r="DC37" s="83">
        <v>0</v>
      </c>
      <c r="DD37" s="83">
        <v>0</v>
      </c>
      <c r="DE37" s="83">
        <v>1</v>
      </c>
      <c r="DF37" s="85">
        <v>3</v>
      </c>
      <c r="DG37" s="86">
        <v>3</v>
      </c>
      <c r="DH37" s="71">
        <v>0</v>
      </c>
      <c r="DI37" s="72">
        <v>0</v>
      </c>
      <c r="DJ37" s="73">
        <v>0</v>
      </c>
      <c r="DK37" s="277"/>
      <c r="DL37" s="72">
        <v>0</v>
      </c>
      <c r="DM37" s="72">
        <v>0</v>
      </c>
      <c r="DN37" s="72">
        <v>0</v>
      </c>
      <c r="DO37" s="72">
        <v>0</v>
      </c>
      <c r="DP37" s="72">
        <v>0</v>
      </c>
      <c r="DQ37" s="73">
        <v>0</v>
      </c>
      <c r="DR37" s="74">
        <v>0</v>
      </c>
      <c r="DS37" s="71">
        <v>0</v>
      </c>
      <c r="DT37" s="72">
        <v>0</v>
      </c>
      <c r="DU37" s="73">
        <v>0</v>
      </c>
      <c r="DV37" s="277"/>
      <c r="DW37" s="72">
        <v>0</v>
      </c>
      <c r="DX37" s="72">
        <v>0</v>
      </c>
      <c r="DY37" s="72">
        <v>0</v>
      </c>
      <c r="DZ37" s="72">
        <v>0</v>
      </c>
      <c r="EA37" s="72">
        <v>0</v>
      </c>
      <c r="EB37" s="73">
        <v>0</v>
      </c>
      <c r="EC37" s="74">
        <v>0</v>
      </c>
      <c r="ED37" s="71">
        <v>0</v>
      </c>
      <c r="EE37" s="72">
        <v>0</v>
      </c>
      <c r="EF37" s="73">
        <v>0</v>
      </c>
      <c r="EG37" s="277"/>
      <c r="EH37" s="72">
        <v>0</v>
      </c>
      <c r="EI37" s="72">
        <v>0</v>
      </c>
      <c r="EJ37" s="72">
        <v>0</v>
      </c>
      <c r="EK37" s="72">
        <v>0</v>
      </c>
      <c r="EL37" s="72">
        <v>0</v>
      </c>
      <c r="EM37" s="73">
        <v>0</v>
      </c>
      <c r="EN37" s="74">
        <v>0</v>
      </c>
      <c r="EO37" s="71">
        <v>0</v>
      </c>
      <c r="EP37" s="72">
        <v>0</v>
      </c>
      <c r="EQ37" s="73">
        <v>0</v>
      </c>
      <c r="ER37" s="277"/>
      <c r="ES37" s="72">
        <v>0</v>
      </c>
      <c r="ET37" s="72">
        <v>0</v>
      </c>
      <c r="EU37" s="72">
        <v>0</v>
      </c>
      <c r="EV37" s="72">
        <v>0</v>
      </c>
      <c r="EW37" s="72">
        <v>0</v>
      </c>
      <c r="EX37" s="73">
        <v>0</v>
      </c>
      <c r="EY37" s="74">
        <v>0</v>
      </c>
      <c r="EZ37" s="71">
        <v>0</v>
      </c>
      <c r="FA37" s="72">
        <v>0</v>
      </c>
      <c r="FB37" s="73">
        <v>0</v>
      </c>
      <c r="FC37" s="277"/>
      <c r="FD37" s="72">
        <v>1</v>
      </c>
      <c r="FE37" s="72">
        <v>0</v>
      </c>
      <c r="FF37" s="72">
        <v>0</v>
      </c>
      <c r="FG37" s="72">
        <v>0</v>
      </c>
      <c r="FH37" s="72">
        <v>0</v>
      </c>
      <c r="FI37" s="73">
        <v>1</v>
      </c>
      <c r="FJ37" s="74">
        <v>1</v>
      </c>
      <c r="FK37" s="71">
        <v>0</v>
      </c>
      <c r="FL37" s="72">
        <v>0</v>
      </c>
      <c r="FM37" s="73">
        <v>0</v>
      </c>
      <c r="FN37" s="277"/>
      <c r="FO37" s="72">
        <v>0</v>
      </c>
      <c r="FP37" s="72">
        <v>1</v>
      </c>
      <c r="FQ37" s="72">
        <v>0</v>
      </c>
      <c r="FR37" s="72">
        <v>0</v>
      </c>
      <c r="FS37" s="72">
        <v>1</v>
      </c>
      <c r="FT37" s="73">
        <v>2</v>
      </c>
      <c r="FU37" s="74">
        <v>2</v>
      </c>
      <c r="FV37" s="71">
        <v>0</v>
      </c>
      <c r="FW37" s="72">
        <v>0</v>
      </c>
      <c r="FX37" s="73">
        <v>0</v>
      </c>
      <c r="FY37" s="277"/>
      <c r="FZ37" s="72">
        <v>0</v>
      </c>
      <c r="GA37" s="72">
        <v>0</v>
      </c>
      <c r="GB37" s="72">
        <v>0</v>
      </c>
      <c r="GC37" s="72">
        <v>0</v>
      </c>
      <c r="GD37" s="72">
        <v>0</v>
      </c>
      <c r="GE37" s="73">
        <v>0</v>
      </c>
      <c r="GF37" s="74">
        <v>0</v>
      </c>
      <c r="GG37" s="71">
        <v>0</v>
      </c>
      <c r="GH37" s="72">
        <v>0</v>
      </c>
      <c r="GI37" s="73">
        <v>0</v>
      </c>
      <c r="GJ37" s="277"/>
      <c r="GK37" s="72">
        <v>1</v>
      </c>
      <c r="GL37" s="72">
        <v>1</v>
      </c>
      <c r="GM37" s="72">
        <v>0</v>
      </c>
      <c r="GN37" s="72">
        <v>0</v>
      </c>
      <c r="GO37" s="72">
        <v>1</v>
      </c>
      <c r="GP37" s="73">
        <v>3</v>
      </c>
      <c r="GQ37" s="74">
        <v>3</v>
      </c>
      <c r="GR37" s="127">
        <v>3</v>
      </c>
      <c r="GS37" s="83">
        <v>2</v>
      </c>
      <c r="GT37" s="84">
        <v>5</v>
      </c>
      <c r="GU37" s="274"/>
      <c r="GV37" s="83">
        <v>8</v>
      </c>
      <c r="GW37" s="83">
        <v>4</v>
      </c>
      <c r="GX37" s="83">
        <v>5</v>
      </c>
      <c r="GY37" s="83">
        <v>0</v>
      </c>
      <c r="GZ37" s="83">
        <v>2</v>
      </c>
      <c r="HA37" s="85">
        <v>19</v>
      </c>
      <c r="HB37" s="86">
        <v>24</v>
      </c>
      <c r="HC37" s="71">
        <v>0</v>
      </c>
      <c r="HD37" s="72">
        <v>0</v>
      </c>
      <c r="HE37" s="73">
        <v>0</v>
      </c>
      <c r="HF37" s="277"/>
      <c r="HG37" s="72">
        <v>1</v>
      </c>
      <c r="HH37" s="72">
        <v>1</v>
      </c>
      <c r="HI37" s="72">
        <v>0</v>
      </c>
      <c r="HJ37" s="72">
        <v>0</v>
      </c>
      <c r="HK37" s="72">
        <v>0</v>
      </c>
      <c r="HL37" s="73">
        <v>2</v>
      </c>
      <c r="HM37" s="74">
        <v>2</v>
      </c>
      <c r="HN37" s="71">
        <v>0</v>
      </c>
      <c r="HO37" s="72">
        <v>0</v>
      </c>
      <c r="HP37" s="73">
        <v>0</v>
      </c>
      <c r="HQ37" s="277"/>
      <c r="HR37" s="72">
        <v>0</v>
      </c>
      <c r="HS37" s="72">
        <v>0</v>
      </c>
      <c r="HT37" s="72">
        <v>0</v>
      </c>
      <c r="HU37" s="72">
        <v>0</v>
      </c>
      <c r="HV37" s="72">
        <v>0</v>
      </c>
      <c r="HW37" s="73">
        <v>0</v>
      </c>
      <c r="HX37" s="74">
        <v>0</v>
      </c>
      <c r="HY37" s="71">
        <v>0</v>
      </c>
      <c r="HZ37" s="72">
        <v>0</v>
      </c>
      <c r="IA37" s="73">
        <v>0</v>
      </c>
      <c r="IB37" s="277"/>
      <c r="IC37" s="72">
        <v>0</v>
      </c>
      <c r="ID37" s="72">
        <v>0</v>
      </c>
      <c r="IE37" s="72">
        <v>0</v>
      </c>
      <c r="IF37" s="72">
        <v>0</v>
      </c>
      <c r="IG37" s="72">
        <v>0</v>
      </c>
      <c r="IH37" s="73">
        <v>0</v>
      </c>
      <c r="II37" s="74">
        <v>0</v>
      </c>
      <c r="IJ37" s="71">
        <v>1</v>
      </c>
      <c r="IK37" s="72">
        <v>2</v>
      </c>
      <c r="IL37" s="73">
        <v>3</v>
      </c>
      <c r="IM37" s="277"/>
      <c r="IN37" s="72">
        <v>2</v>
      </c>
      <c r="IO37" s="72">
        <v>0</v>
      </c>
      <c r="IP37" s="72">
        <v>2</v>
      </c>
      <c r="IQ37" s="72">
        <v>0</v>
      </c>
      <c r="IR37" s="72">
        <v>0</v>
      </c>
      <c r="IS37" s="73">
        <v>4</v>
      </c>
      <c r="IT37" s="74">
        <v>7</v>
      </c>
      <c r="IU37" s="71">
        <v>1</v>
      </c>
      <c r="IV37" s="72">
        <v>0</v>
      </c>
      <c r="IW37" s="73">
        <v>1</v>
      </c>
      <c r="IX37" s="277"/>
      <c r="IY37" s="72">
        <v>3</v>
      </c>
      <c r="IZ37" s="72">
        <v>1</v>
      </c>
      <c r="JA37" s="72">
        <v>2</v>
      </c>
      <c r="JB37" s="72">
        <v>0</v>
      </c>
      <c r="JC37" s="72">
        <v>0</v>
      </c>
      <c r="JD37" s="73">
        <v>6</v>
      </c>
      <c r="JE37" s="74">
        <v>7</v>
      </c>
      <c r="JF37" s="71">
        <v>1</v>
      </c>
      <c r="JG37" s="72">
        <v>0</v>
      </c>
      <c r="JH37" s="73">
        <v>1</v>
      </c>
      <c r="JI37" s="277"/>
      <c r="JJ37" s="72">
        <v>2</v>
      </c>
      <c r="JK37" s="72">
        <v>2</v>
      </c>
      <c r="JL37" s="72">
        <v>1</v>
      </c>
      <c r="JM37" s="72">
        <v>0</v>
      </c>
      <c r="JN37" s="72">
        <v>2</v>
      </c>
      <c r="JO37" s="73">
        <v>7</v>
      </c>
      <c r="JP37" s="74">
        <v>8</v>
      </c>
      <c r="JQ37" s="71">
        <v>0</v>
      </c>
      <c r="JR37" s="72">
        <v>0</v>
      </c>
      <c r="JS37" s="73">
        <v>0</v>
      </c>
      <c r="JT37" s="277"/>
      <c r="JU37" s="72">
        <v>0</v>
      </c>
      <c r="JV37" s="72">
        <v>0</v>
      </c>
      <c r="JW37" s="72">
        <v>0</v>
      </c>
      <c r="JX37" s="72">
        <v>0</v>
      </c>
      <c r="JY37" s="72">
        <v>0</v>
      </c>
      <c r="JZ37" s="73">
        <v>0</v>
      </c>
      <c r="KA37" s="74">
        <v>0</v>
      </c>
      <c r="KB37" s="71">
        <v>3</v>
      </c>
      <c r="KC37" s="72">
        <v>2</v>
      </c>
      <c r="KD37" s="73">
        <v>5</v>
      </c>
      <c r="KE37" s="277"/>
      <c r="KF37" s="72">
        <v>8</v>
      </c>
      <c r="KG37" s="72">
        <v>4</v>
      </c>
      <c r="KH37" s="72">
        <v>5</v>
      </c>
      <c r="KI37" s="72">
        <v>0</v>
      </c>
      <c r="KJ37" s="72">
        <v>2</v>
      </c>
      <c r="KK37" s="73">
        <v>19</v>
      </c>
      <c r="KL37" s="74">
        <v>24</v>
      </c>
    </row>
    <row r="38" spans="1:298" ht="19.5" customHeight="1" x14ac:dyDescent="0.2">
      <c r="A38" s="130" t="s">
        <v>35</v>
      </c>
      <c r="B38" s="347">
        <v>10</v>
      </c>
      <c r="C38" s="83">
        <v>7</v>
      </c>
      <c r="D38" s="84">
        <v>17</v>
      </c>
      <c r="E38" s="274"/>
      <c r="F38" s="83">
        <v>14</v>
      </c>
      <c r="G38" s="83">
        <v>13</v>
      </c>
      <c r="H38" s="83">
        <v>6</v>
      </c>
      <c r="I38" s="83">
        <v>7</v>
      </c>
      <c r="J38" s="83">
        <v>2</v>
      </c>
      <c r="K38" s="85">
        <v>42</v>
      </c>
      <c r="L38" s="86">
        <v>59</v>
      </c>
      <c r="M38" s="71">
        <v>0</v>
      </c>
      <c r="N38" s="72">
        <v>0</v>
      </c>
      <c r="O38" s="73">
        <v>0</v>
      </c>
      <c r="P38" s="274"/>
      <c r="Q38" s="72">
        <v>0</v>
      </c>
      <c r="R38" s="72">
        <v>0</v>
      </c>
      <c r="S38" s="72">
        <v>0</v>
      </c>
      <c r="T38" s="72">
        <v>0</v>
      </c>
      <c r="U38" s="72">
        <v>0</v>
      </c>
      <c r="V38" s="73">
        <v>0</v>
      </c>
      <c r="W38" s="74">
        <v>0</v>
      </c>
      <c r="X38" s="71">
        <v>1</v>
      </c>
      <c r="Y38" s="72">
        <v>1</v>
      </c>
      <c r="Z38" s="73">
        <v>2</v>
      </c>
      <c r="AA38" s="277"/>
      <c r="AB38" s="72">
        <v>0</v>
      </c>
      <c r="AC38" s="72">
        <v>0</v>
      </c>
      <c r="AD38" s="72">
        <v>0</v>
      </c>
      <c r="AE38" s="72">
        <v>0</v>
      </c>
      <c r="AF38" s="72">
        <v>0</v>
      </c>
      <c r="AG38" s="73">
        <v>0</v>
      </c>
      <c r="AH38" s="74">
        <v>2</v>
      </c>
      <c r="AI38" s="71">
        <v>1</v>
      </c>
      <c r="AJ38" s="72">
        <v>1</v>
      </c>
      <c r="AK38" s="73">
        <v>2</v>
      </c>
      <c r="AL38" s="277"/>
      <c r="AM38" s="72">
        <v>3</v>
      </c>
      <c r="AN38" s="72">
        <v>1</v>
      </c>
      <c r="AO38" s="72">
        <v>1</v>
      </c>
      <c r="AP38" s="72">
        <v>1</v>
      </c>
      <c r="AQ38" s="72">
        <v>0</v>
      </c>
      <c r="AR38" s="73">
        <v>6</v>
      </c>
      <c r="AS38" s="74">
        <v>8</v>
      </c>
      <c r="AT38" s="71">
        <v>3</v>
      </c>
      <c r="AU38" s="72">
        <v>2</v>
      </c>
      <c r="AV38" s="73">
        <v>5</v>
      </c>
      <c r="AW38" s="277"/>
      <c r="AX38" s="72">
        <v>3</v>
      </c>
      <c r="AY38" s="72">
        <v>2</v>
      </c>
      <c r="AZ38" s="72">
        <v>3</v>
      </c>
      <c r="BA38" s="72">
        <v>2</v>
      </c>
      <c r="BB38" s="72">
        <v>0</v>
      </c>
      <c r="BC38" s="73">
        <v>10</v>
      </c>
      <c r="BD38" s="74">
        <v>15</v>
      </c>
      <c r="BE38" s="71">
        <v>3</v>
      </c>
      <c r="BF38" s="72">
        <v>3</v>
      </c>
      <c r="BG38" s="73">
        <v>6</v>
      </c>
      <c r="BH38" s="277"/>
      <c r="BI38" s="72">
        <v>2</v>
      </c>
      <c r="BJ38" s="72">
        <v>4</v>
      </c>
      <c r="BK38" s="72">
        <v>0</v>
      </c>
      <c r="BL38" s="72">
        <v>1</v>
      </c>
      <c r="BM38" s="72">
        <v>1</v>
      </c>
      <c r="BN38" s="73">
        <v>8</v>
      </c>
      <c r="BO38" s="74">
        <v>14</v>
      </c>
      <c r="BP38" s="71">
        <v>2</v>
      </c>
      <c r="BQ38" s="72">
        <v>0</v>
      </c>
      <c r="BR38" s="73">
        <v>2</v>
      </c>
      <c r="BS38" s="277"/>
      <c r="BT38" s="72">
        <v>6</v>
      </c>
      <c r="BU38" s="72">
        <v>6</v>
      </c>
      <c r="BV38" s="72">
        <v>2</v>
      </c>
      <c r="BW38" s="72">
        <v>3</v>
      </c>
      <c r="BX38" s="72">
        <v>1</v>
      </c>
      <c r="BY38" s="73">
        <v>18</v>
      </c>
      <c r="BZ38" s="74">
        <v>20</v>
      </c>
      <c r="CA38" s="71">
        <v>0</v>
      </c>
      <c r="CB38" s="72">
        <v>0</v>
      </c>
      <c r="CC38" s="73">
        <v>0</v>
      </c>
      <c r="CD38" s="277"/>
      <c r="CE38" s="72">
        <v>0</v>
      </c>
      <c r="CF38" s="72">
        <v>0</v>
      </c>
      <c r="CG38" s="72">
        <v>0</v>
      </c>
      <c r="CH38" s="72">
        <v>0</v>
      </c>
      <c r="CI38" s="72">
        <v>0</v>
      </c>
      <c r="CJ38" s="73">
        <v>0</v>
      </c>
      <c r="CK38" s="74">
        <v>0</v>
      </c>
      <c r="CL38" s="71">
        <v>10</v>
      </c>
      <c r="CM38" s="72">
        <v>7</v>
      </c>
      <c r="CN38" s="73">
        <v>17</v>
      </c>
      <c r="CO38" s="277"/>
      <c r="CP38" s="72">
        <v>14</v>
      </c>
      <c r="CQ38" s="72">
        <v>13</v>
      </c>
      <c r="CR38" s="72">
        <v>6</v>
      </c>
      <c r="CS38" s="72">
        <v>7</v>
      </c>
      <c r="CT38" s="72">
        <v>2</v>
      </c>
      <c r="CU38" s="73">
        <v>42</v>
      </c>
      <c r="CV38" s="74">
        <v>59</v>
      </c>
      <c r="CW38" s="127">
        <v>3</v>
      </c>
      <c r="CX38" s="83">
        <v>0</v>
      </c>
      <c r="CY38" s="84">
        <v>3</v>
      </c>
      <c r="CZ38" s="274"/>
      <c r="DA38" s="83">
        <v>5</v>
      </c>
      <c r="DB38" s="83">
        <v>4</v>
      </c>
      <c r="DC38" s="83">
        <v>0</v>
      </c>
      <c r="DD38" s="83">
        <v>4</v>
      </c>
      <c r="DE38" s="83">
        <v>1</v>
      </c>
      <c r="DF38" s="85">
        <v>14</v>
      </c>
      <c r="DG38" s="86">
        <v>17</v>
      </c>
      <c r="DH38" s="71">
        <v>0</v>
      </c>
      <c r="DI38" s="72">
        <v>0</v>
      </c>
      <c r="DJ38" s="73">
        <v>0</v>
      </c>
      <c r="DK38" s="277"/>
      <c r="DL38" s="72">
        <v>0</v>
      </c>
      <c r="DM38" s="72">
        <v>0</v>
      </c>
      <c r="DN38" s="72">
        <v>0</v>
      </c>
      <c r="DO38" s="72">
        <v>0</v>
      </c>
      <c r="DP38" s="72">
        <v>0</v>
      </c>
      <c r="DQ38" s="73">
        <v>0</v>
      </c>
      <c r="DR38" s="74">
        <v>0</v>
      </c>
      <c r="DS38" s="71">
        <v>0</v>
      </c>
      <c r="DT38" s="72">
        <v>0</v>
      </c>
      <c r="DU38" s="73">
        <v>0</v>
      </c>
      <c r="DV38" s="277"/>
      <c r="DW38" s="72">
        <v>1</v>
      </c>
      <c r="DX38" s="72">
        <v>0</v>
      </c>
      <c r="DY38" s="72">
        <v>0</v>
      </c>
      <c r="DZ38" s="72">
        <v>0</v>
      </c>
      <c r="EA38" s="72">
        <v>0</v>
      </c>
      <c r="EB38" s="73">
        <v>1</v>
      </c>
      <c r="EC38" s="74">
        <v>1</v>
      </c>
      <c r="ED38" s="71">
        <v>0</v>
      </c>
      <c r="EE38" s="72">
        <v>0</v>
      </c>
      <c r="EF38" s="73">
        <v>0</v>
      </c>
      <c r="EG38" s="277"/>
      <c r="EH38" s="72">
        <v>0</v>
      </c>
      <c r="EI38" s="72">
        <v>0</v>
      </c>
      <c r="EJ38" s="72">
        <v>0</v>
      </c>
      <c r="EK38" s="72">
        <v>0</v>
      </c>
      <c r="EL38" s="72">
        <v>0</v>
      </c>
      <c r="EM38" s="73">
        <v>0</v>
      </c>
      <c r="EN38" s="74">
        <v>0</v>
      </c>
      <c r="EO38" s="71">
        <v>1</v>
      </c>
      <c r="EP38" s="72">
        <v>0</v>
      </c>
      <c r="EQ38" s="73">
        <v>1</v>
      </c>
      <c r="ER38" s="277"/>
      <c r="ES38" s="72">
        <v>0</v>
      </c>
      <c r="ET38" s="72">
        <v>1</v>
      </c>
      <c r="EU38" s="72">
        <v>0</v>
      </c>
      <c r="EV38" s="72">
        <v>0</v>
      </c>
      <c r="EW38" s="72">
        <v>0</v>
      </c>
      <c r="EX38" s="73">
        <v>1</v>
      </c>
      <c r="EY38" s="74">
        <v>2</v>
      </c>
      <c r="EZ38" s="71">
        <v>0</v>
      </c>
      <c r="FA38" s="72">
        <v>0</v>
      </c>
      <c r="FB38" s="73">
        <v>0</v>
      </c>
      <c r="FC38" s="277"/>
      <c r="FD38" s="72">
        <v>2</v>
      </c>
      <c r="FE38" s="72">
        <v>1</v>
      </c>
      <c r="FF38" s="72">
        <v>0</v>
      </c>
      <c r="FG38" s="72">
        <v>1</v>
      </c>
      <c r="FH38" s="72">
        <v>0</v>
      </c>
      <c r="FI38" s="73">
        <v>4</v>
      </c>
      <c r="FJ38" s="74">
        <v>4</v>
      </c>
      <c r="FK38" s="71">
        <v>2</v>
      </c>
      <c r="FL38" s="72">
        <v>0</v>
      </c>
      <c r="FM38" s="73">
        <v>2</v>
      </c>
      <c r="FN38" s="277"/>
      <c r="FO38" s="72">
        <v>2</v>
      </c>
      <c r="FP38" s="72">
        <v>2</v>
      </c>
      <c r="FQ38" s="72">
        <v>0</v>
      </c>
      <c r="FR38" s="72">
        <v>3</v>
      </c>
      <c r="FS38" s="72">
        <v>1</v>
      </c>
      <c r="FT38" s="73">
        <v>8</v>
      </c>
      <c r="FU38" s="74">
        <v>10</v>
      </c>
      <c r="FV38" s="71">
        <v>0</v>
      </c>
      <c r="FW38" s="72">
        <v>0</v>
      </c>
      <c r="FX38" s="73">
        <v>0</v>
      </c>
      <c r="FY38" s="277"/>
      <c r="FZ38" s="72">
        <v>0</v>
      </c>
      <c r="GA38" s="72">
        <v>0</v>
      </c>
      <c r="GB38" s="72">
        <v>0</v>
      </c>
      <c r="GC38" s="72">
        <v>0</v>
      </c>
      <c r="GD38" s="72">
        <v>0</v>
      </c>
      <c r="GE38" s="73">
        <v>0</v>
      </c>
      <c r="GF38" s="74">
        <v>0</v>
      </c>
      <c r="GG38" s="71">
        <v>3</v>
      </c>
      <c r="GH38" s="72">
        <v>0</v>
      </c>
      <c r="GI38" s="73">
        <v>3</v>
      </c>
      <c r="GJ38" s="277"/>
      <c r="GK38" s="72">
        <v>5</v>
      </c>
      <c r="GL38" s="72">
        <v>4</v>
      </c>
      <c r="GM38" s="72">
        <v>0</v>
      </c>
      <c r="GN38" s="72">
        <v>4</v>
      </c>
      <c r="GO38" s="72">
        <v>1</v>
      </c>
      <c r="GP38" s="73">
        <v>14</v>
      </c>
      <c r="GQ38" s="74">
        <v>17</v>
      </c>
      <c r="GR38" s="127">
        <v>13</v>
      </c>
      <c r="GS38" s="83">
        <v>7</v>
      </c>
      <c r="GT38" s="84">
        <v>20</v>
      </c>
      <c r="GU38" s="274"/>
      <c r="GV38" s="83">
        <v>19</v>
      </c>
      <c r="GW38" s="83">
        <v>17</v>
      </c>
      <c r="GX38" s="83">
        <v>6</v>
      </c>
      <c r="GY38" s="83">
        <v>11</v>
      </c>
      <c r="GZ38" s="83">
        <v>3</v>
      </c>
      <c r="HA38" s="85">
        <v>56</v>
      </c>
      <c r="HB38" s="86">
        <v>76</v>
      </c>
      <c r="HC38" s="71">
        <v>0</v>
      </c>
      <c r="HD38" s="72">
        <v>0</v>
      </c>
      <c r="HE38" s="73">
        <v>0</v>
      </c>
      <c r="HF38" s="277"/>
      <c r="HG38" s="72">
        <v>0</v>
      </c>
      <c r="HH38" s="72">
        <v>0</v>
      </c>
      <c r="HI38" s="72">
        <v>0</v>
      </c>
      <c r="HJ38" s="72">
        <v>0</v>
      </c>
      <c r="HK38" s="72">
        <v>0</v>
      </c>
      <c r="HL38" s="73">
        <v>0</v>
      </c>
      <c r="HM38" s="74">
        <v>0</v>
      </c>
      <c r="HN38" s="71">
        <v>1</v>
      </c>
      <c r="HO38" s="72">
        <v>1</v>
      </c>
      <c r="HP38" s="73">
        <v>2</v>
      </c>
      <c r="HQ38" s="277"/>
      <c r="HR38" s="72">
        <v>1</v>
      </c>
      <c r="HS38" s="72">
        <v>0</v>
      </c>
      <c r="HT38" s="72">
        <v>0</v>
      </c>
      <c r="HU38" s="72">
        <v>0</v>
      </c>
      <c r="HV38" s="72">
        <v>0</v>
      </c>
      <c r="HW38" s="73">
        <v>1</v>
      </c>
      <c r="HX38" s="74">
        <v>3</v>
      </c>
      <c r="HY38" s="71">
        <v>1</v>
      </c>
      <c r="HZ38" s="72">
        <v>1</v>
      </c>
      <c r="IA38" s="73">
        <v>2</v>
      </c>
      <c r="IB38" s="277"/>
      <c r="IC38" s="72">
        <v>3</v>
      </c>
      <c r="ID38" s="72">
        <v>1</v>
      </c>
      <c r="IE38" s="72">
        <v>1</v>
      </c>
      <c r="IF38" s="72">
        <v>1</v>
      </c>
      <c r="IG38" s="72">
        <v>0</v>
      </c>
      <c r="IH38" s="73">
        <v>6</v>
      </c>
      <c r="II38" s="74">
        <v>8</v>
      </c>
      <c r="IJ38" s="71">
        <v>4</v>
      </c>
      <c r="IK38" s="72">
        <v>2</v>
      </c>
      <c r="IL38" s="73">
        <v>6</v>
      </c>
      <c r="IM38" s="277"/>
      <c r="IN38" s="72">
        <v>3</v>
      </c>
      <c r="IO38" s="72">
        <v>3</v>
      </c>
      <c r="IP38" s="72">
        <v>3</v>
      </c>
      <c r="IQ38" s="72">
        <v>2</v>
      </c>
      <c r="IR38" s="72">
        <v>0</v>
      </c>
      <c r="IS38" s="73">
        <v>11</v>
      </c>
      <c r="IT38" s="74">
        <v>17</v>
      </c>
      <c r="IU38" s="71">
        <v>3</v>
      </c>
      <c r="IV38" s="72">
        <v>3</v>
      </c>
      <c r="IW38" s="73">
        <v>6</v>
      </c>
      <c r="IX38" s="277"/>
      <c r="IY38" s="72">
        <v>4</v>
      </c>
      <c r="IZ38" s="72">
        <v>5</v>
      </c>
      <c r="JA38" s="72">
        <v>0</v>
      </c>
      <c r="JB38" s="72">
        <v>2</v>
      </c>
      <c r="JC38" s="72">
        <v>1</v>
      </c>
      <c r="JD38" s="73">
        <v>12</v>
      </c>
      <c r="JE38" s="74">
        <v>18</v>
      </c>
      <c r="JF38" s="71">
        <v>4</v>
      </c>
      <c r="JG38" s="72">
        <v>0</v>
      </c>
      <c r="JH38" s="73">
        <v>4</v>
      </c>
      <c r="JI38" s="277"/>
      <c r="JJ38" s="72">
        <v>8</v>
      </c>
      <c r="JK38" s="72">
        <v>8</v>
      </c>
      <c r="JL38" s="72">
        <v>2</v>
      </c>
      <c r="JM38" s="72">
        <v>6</v>
      </c>
      <c r="JN38" s="72">
        <v>2</v>
      </c>
      <c r="JO38" s="73">
        <v>26</v>
      </c>
      <c r="JP38" s="74">
        <v>30</v>
      </c>
      <c r="JQ38" s="71">
        <v>0</v>
      </c>
      <c r="JR38" s="72">
        <v>0</v>
      </c>
      <c r="JS38" s="73">
        <v>0</v>
      </c>
      <c r="JT38" s="277"/>
      <c r="JU38" s="72">
        <v>0</v>
      </c>
      <c r="JV38" s="72">
        <v>0</v>
      </c>
      <c r="JW38" s="72">
        <v>0</v>
      </c>
      <c r="JX38" s="72">
        <v>0</v>
      </c>
      <c r="JY38" s="72">
        <v>0</v>
      </c>
      <c r="JZ38" s="73">
        <v>0</v>
      </c>
      <c r="KA38" s="74">
        <v>0</v>
      </c>
      <c r="KB38" s="71">
        <v>13</v>
      </c>
      <c r="KC38" s="72">
        <v>7</v>
      </c>
      <c r="KD38" s="73">
        <v>20</v>
      </c>
      <c r="KE38" s="277"/>
      <c r="KF38" s="72">
        <v>19</v>
      </c>
      <c r="KG38" s="72">
        <v>17</v>
      </c>
      <c r="KH38" s="72">
        <v>6</v>
      </c>
      <c r="KI38" s="72">
        <v>11</v>
      </c>
      <c r="KJ38" s="72">
        <v>3</v>
      </c>
      <c r="KK38" s="73">
        <v>56</v>
      </c>
      <c r="KL38" s="74">
        <v>76</v>
      </c>
    </row>
    <row r="39" spans="1:298" ht="19.5" customHeight="1" x14ac:dyDescent="0.2">
      <c r="A39" s="130" t="s">
        <v>36</v>
      </c>
      <c r="B39" s="347">
        <v>5</v>
      </c>
      <c r="C39" s="83">
        <v>9</v>
      </c>
      <c r="D39" s="84">
        <v>14</v>
      </c>
      <c r="E39" s="274"/>
      <c r="F39" s="83">
        <v>13</v>
      </c>
      <c r="G39" s="83">
        <v>8</v>
      </c>
      <c r="H39" s="83">
        <v>8</v>
      </c>
      <c r="I39" s="83">
        <v>8</v>
      </c>
      <c r="J39" s="83">
        <v>2</v>
      </c>
      <c r="K39" s="85">
        <v>39</v>
      </c>
      <c r="L39" s="86">
        <v>53</v>
      </c>
      <c r="M39" s="71">
        <v>0</v>
      </c>
      <c r="N39" s="72">
        <v>0</v>
      </c>
      <c r="O39" s="73">
        <v>0</v>
      </c>
      <c r="P39" s="274"/>
      <c r="Q39" s="72">
        <v>1</v>
      </c>
      <c r="R39" s="72">
        <v>2</v>
      </c>
      <c r="S39" s="72">
        <v>0</v>
      </c>
      <c r="T39" s="72">
        <v>0</v>
      </c>
      <c r="U39" s="72">
        <v>0</v>
      </c>
      <c r="V39" s="73">
        <v>3</v>
      </c>
      <c r="W39" s="74">
        <v>3</v>
      </c>
      <c r="X39" s="71">
        <v>2</v>
      </c>
      <c r="Y39" s="72">
        <v>0</v>
      </c>
      <c r="Z39" s="73">
        <v>2</v>
      </c>
      <c r="AA39" s="277"/>
      <c r="AB39" s="72">
        <v>1</v>
      </c>
      <c r="AC39" s="72">
        <v>0</v>
      </c>
      <c r="AD39" s="72">
        <v>0</v>
      </c>
      <c r="AE39" s="72">
        <v>2</v>
      </c>
      <c r="AF39" s="72">
        <v>0</v>
      </c>
      <c r="AG39" s="73">
        <v>3</v>
      </c>
      <c r="AH39" s="74">
        <v>5</v>
      </c>
      <c r="AI39" s="71">
        <v>0</v>
      </c>
      <c r="AJ39" s="72">
        <v>1</v>
      </c>
      <c r="AK39" s="73">
        <v>1</v>
      </c>
      <c r="AL39" s="277"/>
      <c r="AM39" s="72">
        <v>1</v>
      </c>
      <c r="AN39" s="72">
        <v>0</v>
      </c>
      <c r="AO39" s="72">
        <v>1</v>
      </c>
      <c r="AP39" s="72">
        <v>0</v>
      </c>
      <c r="AQ39" s="72">
        <v>0</v>
      </c>
      <c r="AR39" s="73">
        <v>2</v>
      </c>
      <c r="AS39" s="74">
        <v>3</v>
      </c>
      <c r="AT39" s="71">
        <v>2</v>
      </c>
      <c r="AU39" s="72">
        <v>1</v>
      </c>
      <c r="AV39" s="73">
        <v>3</v>
      </c>
      <c r="AW39" s="277"/>
      <c r="AX39" s="72">
        <v>2</v>
      </c>
      <c r="AY39" s="72">
        <v>1</v>
      </c>
      <c r="AZ39" s="72">
        <v>0</v>
      </c>
      <c r="BA39" s="72">
        <v>0</v>
      </c>
      <c r="BB39" s="72">
        <v>1</v>
      </c>
      <c r="BC39" s="73">
        <v>4</v>
      </c>
      <c r="BD39" s="74">
        <v>7</v>
      </c>
      <c r="BE39" s="71">
        <v>0</v>
      </c>
      <c r="BF39" s="72">
        <v>6</v>
      </c>
      <c r="BG39" s="73">
        <v>6</v>
      </c>
      <c r="BH39" s="277"/>
      <c r="BI39" s="72">
        <v>4</v>
      </c>
      <c r="BJ39" s="72">
        <v>4</v>
      </c>
      <c r="BK39" s="72">
        <v>3</v>
      </c>
      <c r="BL39" s="72">
        <v>4</v>
      </c>
      <c r="BM39" s="72">
        <v>1</v>
      </c>
      <c r="BN39" s="73">
        <v>16</v>
      </c>
      <c r="BO39" s="74">
        <v>22</v>
      </c>
      <c r="BP39" s="71">
        <v>1</v>
      </c>
      <c r="BQ39" s="72">
        <v>1</v>
      </c>
      <c r="BR39" s="73">
        <v>2</v>
      </c>
      <c r="BS39" s="277"/>
      <c r="BT39" s="72">
        <v>4</v>
      </c>
      <c r="BU39" s="72">
        <v>1</v>
      </c>
      <c r="BV39" s="72">
        <v>4</v>
      </c>
      <c r="BW39" s="72">
        <v>2</v>
      </c>
      <c r="BX39" s="72">
        <v>0</v>
      </c>
      <c r="BY39" s="73">
        <v>11</v>
      </c>
      <c r="BZ39" s="74">
        <v>13</v>
      </c>
      <c r="CA39" s="71">
        <v>0</v>
      </c>
      <c r="CB39" s="72">
        <v>0</v>
      </c>
      <c r="CC39" s="73">
        <v>0</v>
      </c>
      <c r="CD39" s="277"/>
      <c r="CE39" s="72">
        <v>0</v>
      </c>
      <c r="CF39" s="72">
        <v>0</v>
      </c>
      <c r="CG39" s="72">
        <v>0</v>
      </c>
      <c r="CH39" s="72">
        <v>0</v>
      </c>
      <c r="CI39" s="72">
        <v>0</v>
      </c>
      <c r="CJ39" s="73">
        <v>0</v>
      </c>
      <c r="CK39" s="74">
        <v>0</v>
      </c>
      <c r="CL39" s="71">
        <v>5</v>
      </c>
      <c r="CM39" s="72">
        <v>9</v>
      </c>
      <c r="CN39" s="73">
        <v>14</v>
      </c>
      <c r="CO39" s="277"/>
      <c r="CP39" s="72">
        <v>13</v>
      </c>
      <c r="CQ39" s="72">
        <v>8</v>
      </c>
      <c r="CR39" s="72">
        <v>8</v>
      </c>
      <c r="CS39" s="72">
        <v>8</v>
      </c>
      <c r="CT39" s="72">
        <v>2</v>
      </c>
      <c r="CU39" s="73">
        <v>39</v>
      </c>
      <c r="CV39" s="74">
        <v>53</v>
      </c>
      <c r="CW39" s="127">
        <v>2</v>
      </c>
      <c r="CX39" s="83">
        <v>2</v>
      </c>
      <c r="CY39" s="84">
        <v>4</v>
      </c>
      <c r="CZ39" s="274"/>
      <c r="DA39" s="83">
        <v>0</v>
      </c>
      <c r="DB39" s="83">
        <v>0</v>
      </c>
      <c r="DC39" s="83">
        <v>0</v>
      </c>
      <c r="DD39" s="83">
        <v>0</v>
      </c>
      <c r="DE39" s="83">
        <v>5</v>
      </c>
      <c r="DF39" s="85">
        <v>5</v>
      </c>
      <c r="DG39" s="86">
        <v>9</v>
      </c>
      <c r="DH39" s="71">
        <v>0</v>
      </c>
      <c r="DI39" s="72">
        <v>0</v>
      </c>
      <c r="DJ39" s="73">
        <v>0</v>
      </c>
      <c r="DK39" s="277"/>
      <c r="DL39" s="72">
        <v>0</v>
      </c>
      <c r="DM39" s="72">
        <v>0</v>
      </c>
      <c r="DN39" s="72">
        <v>0</v>
      </c>
      <c r="DO39" s="72">
        <v>0</v>
      </c>
      <c r="DP39" s="72">
        <v>0</v>
      </c>
      <c r="DQ39" s="73">
        <v>0</v>
      </c>
      <c r="DR39" s="74">
        <v>0</v>
      </c>
      <c r="DS39" s="71">
        <v>0</v>
      </c>
      <c r="DT39" s="72">
        <v>0</v>
      </c>
      <c r="DU39" s="73">
        <v>0</v>
      </c>
      <c r="DV39" s="277"/>
      <c r="DW39" s="72">
        <v>0</v>
      </c>
      <c r="DX39" s="72">
        <v>0</v>
      </c>
      <c r="DY39" s="72">
        <v>0</v>
      </c>
      <c r="DZ39" s="72">
        <v>0</v>
      </c>
      <c r="EA39" s="72">
        <v>0</v>
      </c>
      <c r="EB39" s="73">
        <v>0</v>
      </c>
      <c r="EC39" s="74">
        <v>0</v>
      </c>
      <c r="ED39" s="71">
        <v>0</v>
      </c>
      <c r="EE39" s="72">
        <v>0</v>
      </c>
      <c r="EF39" s="73">
        <v>0</v>
      </c>
      <c r="EG39" s="277"/>
      <c r="EH39" s="72">
        <v>0</v>
      </c>
      <c r="EI39" s="72">
        <v>0</v>
      </c>
      <c r="EJ39" s="72">
        <v>0</v>
      </c>
      <c r="EK39" s="72">
        <v>0</v>
      </c>
      <c r="EL39" s="72">
        <v>0</v>
      </c>
      <c r="EM39" s="73">
        <v>0</v>
      </c>
      <c r="EN39" s="74">
        <v>0</v>
      </c>
      <c r="EO39" s="71">
        <v>0</v>
      </c>
      <c r="EP39" s="72">
        <v>2</v>
      </c>
      <c r="EQ39" s="73">
        <v>2</v>
      </c>
      <c r="ER39" s="277"/>
      <c r="ES39" s="72">
        <v>0</v>
      </c>
      <c r="ET39" s="72">
        <v>0</v>
      </c>
      <c r="EU39" s="72">
        <v>0</v>
      </c>
      <c r="EV39" s="72">
        <v>0</v>
      </c>
      <c r="EW39" s="72">
        <v>0</v>
      </c>
      <c r="EX39" s="73">
        <v>0</v>
      </c>
      <c r="EY39" s="74">
        <v>2</v>
      </c>
      <c r="EZ39" s="71">
        <v>1</v>
      </c>
      <c r="FA39" s="72">
        <v>0</v>
      </c>
      <c r="FB39" s="73">
        <v>1</v>
      </c>
      <c r="FC39" s="277"/>
      <c r="FD39" s="72">
        <v>0</v>
      </c>
      <c r="FE39" s="72">
        <v>0</v>
      </c>
      <c r="FF39" s="72">
        <v>0</v>
      </c>
      <c r="FG39" s="72">
        <v>0</v>
      </c>
      <c r="FH39" s="72">
        <v>2</v>
      </c>
      <c r="FI39" s="73">
        <v>2</v>
      </c>
      <c r="FJ39" s="74">
        <v>3</v>
      </c>
      <c r="FK39" s="71">
        <v>1</v>
      </c>
      <c r="FL39" s="72">
        <v>0</v>
      </c>
      <c r="FM39" s="73">
        <v>1</v>
      </c>
      <c r="FN39" s="277"/>
      <c r="FO39" s="72">
        <v>0</v>
      </c>
      <c r="FP39" s="72">
        <v>0</v>
      </c>
      <c r="FQ39" s="72">
        <v>0</v>
      </c>
      <c r="FR39" s="72">
        <v>0</v>
      </c>
      <c r="FS39" s="72">
        <v>3</v>
      </c>
      <c r="FT39" s="73">
        <v>3</v>
      </c>
      <c r="FU39" s="74">
        <v>4</v>
      </c>
      <c r="FV39" s="71">
        <v>0</v>
      </c>
      <c r="FW39" s="72">
        <v>0</v>
      </c>
      <c r="FX39" s="73">
        <v>0</v>
      </c>
      <c r="FY39" s="277"/>
      <c r="FZ39" s="72">
        <v>0</v>
      </c>
      <c r="GA39" s="72">
        <v>0</v>
      </c>
      <c r="GB39" s="72">
        <v>0</v>
      </c>
      <c r="GC39" s="72">
        <v>0</v>
      </c>
      <c r="GD39" s="72">
        <v>0</v>
      </c>
      <c r="GE39" s="73">
        <v>0</v>
      </c>
      <c r="GF39" s="74">
        <v>0</v>
      </c>
      <c r="GG39" s="71">
        <v>2</v>
      </c>
      <c r="GH39" s="72">
        <v>2</v>
      </c>
      <c r="GI39" s="73">
        <v>4</v>
      </c>
      <c r="GJ39" s="277"/>
      <c r="GK39" s="72">
        <v>0</v>
      </c>
      <c r="GL39" s="72">
        <v>0</v>
      </c>
      <c r="GM39" s="72">
        <v>0</v>
      </c>
      <c r="GN39" s="72">
        <v>0</v>
      </c>
      <c r="GO39" s="72">
        <v>5</v>
      </c>
      <c r="GP39" s="73">
        <v>5</v>
      </c>
      <c r="GQ39" s="74">
        <v>9</v>
      </c>
      <c r="GR39" s="127">
        <v>7</v>
      </c>
      <c r="GS39" s="83">
        <v>11</v>
      </c>
      <c r="GT39" s="84">
        <v>18</v>
      </c>
      <c r="GU39" s="274"/>
      <c r="GV39" s="83">
        <v>13</v>
      </c>
      <c r="GW39" s="83">
        <v>8</v>
      </c>
      <c r="GX39" s="83">
        <v>8</v>
      </c>
      <c r="GY39" s="83">
        <v>8</v>
      </c>
      <c r="GZ39" s="83">
        <v>7</v>
      </c>
      <c r="HA39" s="85">
        <v>44</v>
      </c>
      <c r="HB39" s="86">
        <v>62</v>
      </c>
      <c r="HC39" s="71">
        <v>0</v>
      </c>
      <c r="HD39" s="72">
        <v>0</v>
      </c>
      <c r="HE39" s="73">
        <v>0</v>
      </c>
      <c r="HF39" s="277"/>
      <c r="HG39" s="72">
        <v>1</v>
      </c>
      <c r="HH39" s="72">
        <v>2</v>
      </c>
      <c r="HI39" s="72">
        <v>0</v>
      </c>
      <c r="HJ39" s="72">
        <v>0</v>
      </c>
      <c r="HK39" s="72">
        <v>0</v>
      </c>
      <c r="HL39" s="73">
        <v>3</v>
      </c>
      <c r="HM39" s="74">
        <v>3</v>
      </c>
      <c r="HN39" s="71">
        <v>2</v>
      </c>
      <c r="HO39" s="72">
        <v>0</v>
      </c>
      <c r="HP39" s="73">
        <v>2</v>
      </c>
      <c r="HQ39" s="277"/>
      <c r="HR39" s="72">
        <v>1</v>
      </c>
      <c r="HS39" s="72">
        <v>0</v>
      </c>
      <c r="HT39" s="72">
        <v>0</v>
      </c>
      <c r="HU39" s="72">
        <v>2</v>
      </c>
      <c r="HV39" s="72">
        <v>0</v>
      </c>
      <c r="HW39" s="73">
        <v>3</v>
      </c>
      <c r="HX39" s="74">
        <v>5</v>
      </c>
      <c r="HY39" s="71">
        <v>0</v>
      </c>
      <c r="HZ39" s="72">
        <v>1</v>
      </c>
      <c r="IA39" s="73">
        <v>1</v>
      </c>
      <c r="IB39" s="277"/>
      <c r="IC39" s="72">
        <v>1</v>
      </c>
      <c r="ID39" s="72">
        <v>0</v>
      </c>
      <c r="IE39" s="72">
        <v>1</v>
      </c>
      <c r="IF39" s="72">
        <v>0</v>
      </c>
      <c r="IG39" s="72">
        <v>0</v>
      </c>
      <c r="IH39" s="73">
        <v>2</v>
      </c>
      <c r="II39" s="74">
        <v>3</v>
      </c>
      <c r="IJ39" s="71">
        <v>2</v>
      </c>
      <c r="IK39" s="72">
        <v>3</v>
      </c>
      <c r="IL39" s="73">
        <v>5</v>
      </c>
      <c r="IM39" s="277"/>
      <c r="IN39" s="72">
        <v>2</v>
      </c>
      <c r="IO39" s="72">
        <v>1</v>
      </c>
      <c r="IP39" s="72">
        <v>0</v>
      </c>
      <c r="IQ39" s="72">
        <v>0</v>
      </c>
      <c r="IR39" s="72">
        <v>1</v>
      </c>
      <c r="IS39" s="73">
        <v>4</v>
      </c>
      <c r="IT39" s="74">
        <v>9</v>
      </c>
      <c r="IU39" s="71">
        <v>1</v>
      </c>
      <c r="IV39" s="72">
        <v>6</v>
      </c>
      <c r="IW39" s="73">
        <v>7</v>
      </c>
      <c r="IX39" s="277"/>
      <c r="IY39" s="72">
        <v>4</v>
      </c>
      <c r="IZ39" s="72">
        <v>4</v>
      </c>
      <c r="JA39" s="72">
        <v>3</v>
      </c>
      <c r="JB39" s="72">
        <v>4</v>
      </c>
      <c r="JC39" s="72">
        <v>3</v>
      </c>
      <c r="JD39" s="73">
        <v>18</v>
      </c>
      <c r="JE39" s="74">
        <v>25</v>
      </c>
      <c r="JF39" s="71">
        <v>2</v>
      </c>
      <c r="JG39" s="72">
        <v>1</v>
      </c>
      <c r="JH39" s="73">
        <v>3</v>
      </c>
      <c r="JI39" s="277"/>
      <c r="JJ39" s="72">
        <v>4</v>
      </c>
      <c r="JK39" s="72">
        <v>1</v>
      </c>
      <c r="JL39" s="72">
        <v>4</v>
      </c>
      <c r="JM39" s="72">
        <v>2</v>
      </c>
      <c r="JN39" s="72">
        <v>3</v>
      </c>
      <c r="JO39" s="73">
        <v>14</v>
      </c>
      <c r="JP39" s="74">
        <v>17</v>
      </c>
      <c r="JQ39" s="71">
        <v>0</v>
      </c>
      <c r="JR39" s="72">
        <v>0</v>
      </c>
      <c r="JS39" s="73">
        <v>0</v>
      </c>
      <c r="JT39" s="277"/>
      <c r="JU39" s="72">
        <v>0</v>
      </c>
      <c r="JV39" s="72">
        <v>0</v>
      </c>
      <c r="JW39" s="72">
        <v>0</v>
      </c>
      <c r="JX39" s="72">
        <v>0</v>
      </c>
      <c r="JY39" s="72">
        <v>0</v>
      </c>
      <c r="JZ39" s="73">
        <v>0</v>
      </c>
      <c r="KA39" s="74">
        <v>0</v>
      </c>
      <c r="KB39" s="71">
        <v>7</v>
      </c>
      <c r="KC39" s="72">
        <v>11</v>
      </c>
      <c r="KD39" s="73">
        <v>18</v>
      </c>
      <c r="KE39" s="277"/>
      <c r="KF39" s="72">
        <v>13</v>
      </c>
      <c r="KG39" s="72">
        <v>8</v>
      </c>
      <c r="KH39" s="72">
        <v>8</v>
      </c>
      <c r="KI39" s="72">
        <v>8</v>
      </c>
      <c r="KJ39" s="72">
        <v>7</v>
      </c>
      <c r="KK39" s="73">
        <v>44</v>
      </c>
      <c r="KL39" s="74">
        <v>62</v>
      </c>
    </row>
    <row r="40" spans="1:298" ht="19.5" customHeight="1" thickBot="1" x14ac:dyDescent="0.25">
      <c r="A40" s="131" t="s">
        <v>37</v>
      </c>
      <c r="B40" s="348">
        <v>1</v>
      </c>
      <c r="C40" s="88">
        <v>0</v>
      </c>
      <c r="D40" s="89">
        <v>1</v>
      </c>
      <c r="E40" s="275"/>
      <c r="F40" s="88">
        <v>2</v>
      </c>
      <c r="G40" s="88">
        <v>3</v>
      </c>
      <c r="H40" s="88">
        <v>1</v>
      </c>
      <c r="I40" s="88">
        <v>0</v>
      </c>
      <c r="J40" s="88">
        <v>1</v>
      </c>
      <c r="K40" s="90">
        <v>7</v>
      </c>
      <c r="L40" s="91">
        <v>8</v>
      </c>
      <c r="M40" s="75">
        <v>0</v>
      </c>
      <c r="N40" s="76">
        <v>0</v>
      </c>
      <c r="O40" s="77">
        <v>0</v>
      </c>
      <c r="P40" s="275"/>
      <c r="Q40" s="76">
        <v>0</v>
      </c>
      <c r="R40" s="76">
        <v>0</v>
      </c>
      <c r="S40" s="76">
        <v>0</v>
      </c>
      <c r="T40" s="76">
        <v>0</v>
      </c>
      <c r="U40" s="76">
        <v>0</v>
      </c>
      <c r="V40" s="77">
        <v>0</v>
      </c>
      <c r="W40" s="78">
        <v>0</v>
      </c>
      <c r="X40" s="75">
        <v>1</v>
      </c>
      <c r="Y40" s="76">
        <v>0</v>
      </c>
      <c r="Z40" s="77">
        <v>1</v>
      </c>
      <c r="AA40" s="278"/>
      <c r="AB40" s="76">
        <v>0</v>
      </c>
      <c r="AC40" s="76">
        <v>1</v>
      </c>
      <c r="AD40" s="76">
        <v>1</v>
      </c>
      <c r="AE40" s="76">
        <v>0</v>
      </c>
      <c r="AF40" s="76">
        <v>0</v>
      </c>
      <c r="AG40" s="77">
        <v>2</v>
      </c>
      <c r="AH40" s="78">
        <v>3</v>
      </c>
      <c r="AI40" s="75">
        <v>0</v>
      </c>
      <c r="AJ40" s="76">
        <v>0</v>
      </c>
      <c r="AK40" s="77">
        <v>0</v>
      </c>
      <c r="AL40" s="278"/>
      <c r="AM40" s="76">
        <v>0</v>
      </c>
      <c r="AN40" s="76">
        <v>1</v>
      </c>
      <c r="AO40" s="76">
        <v>0</v>
      </c>
      <c r="AP40" s="76">
        <v>0</v>
      </c>
      <c r="AQ40" s="76">
        <v>0</v>
      </c>
      <c r="AR40" s="77">
        <v>1</v>
      </c>
      <c r="AS40" s="78">
        <v>1</v>
      </c>
      <c r="AT40" s="75">
        <v>0</v>
      </c>
      <c r="AU40" s="76">
        <v>0</v>
      </c>
      <c r="AV40" s="77">
        <v>0</v>
      </c>
      <c r="AW40" s="278"/>
      <c r="AX40" s="76">
        <v>1</v>
      </c>
      <c r="AY40" s="76">
        <v>0</v>
      </c>
      <c r="AZ40" s="76">
        <v>0</v>
      </c>
      <c r="BA40" s="76">
        <v>0</v>
      </c>
      <c r="BB40" s="76">
        <v>0</v>
      </c>
      <c r="BC40" s="77">
        <v>1</v>
      </c>
      <c r="BD40" s="78">
        <v>1</v>
      </c>
      <c r="BE40" s="75">
        <v>0</v>
      </c>
      <c r="BF40" s="76">
        <v>0</v>
      </c>
      <c r="BG40" s="77">
        <v>0</v>
      </c>
      <c r="BH40" s="278"/>
      <c r="BI40" s="76">
        <v>1</v>
      </c>
      <c r="BJ40" s="76">
        <v>1</v>
      </c>
      <c r="BK40" s="76">
        <v>0</v>
      </c>
      <c r="BL40" s="76">
        <v>0</v>
      </c>
      <c r="BM40" s="76">
        <v>1</v>
      </c>
      <c r="BN40" s="77">
        <v>3</v>
      </c>
      <c r="BO40" s="78">
        <v>3</v>
      </c>
      <c r="BP40" s="75">
        <v>0</v>
      </c>
      <c r="BQ40" s="76">
        <v>0</v>
      </c>
      <c r="BR40" s="77">
        <v>0</v>
      </c>
      <c r="BS40" s="278"/>
      <c r="BT40" s="76">
        <v>0</v>
      </c>
      <c r="BU40" s="76">
        <v>0</v>
      </c>
      <c r="BV40" s="76">
        <v>0</v>
      </c>
      <c r="BW40" s="76">
        <v>0</v>
      </c>
      <c r="BX40" s="76">
        <v>0</v>
      </c>
      <c r="BY40" s="77">
        <v>0</v>
      </c>
      <c r="BZ40" s="78">
        <v>0</v>
      </c>
      <c r="CA40" s="75">
        <v>0</v>
      </c>
      <c r="CB40" s="76">
        <v>0</v>
      </c>
      <c r="CC40" s="77">
        <v>0</v>
      </c>
      <c r="CD40" s="278"/>
      <c r="CE40" s="76">
        <v>0</v>
      </c>
      <c r="CF40" s="76">
        <v>0</v>
      </c>
      <c r="CG40" s="76">
        <v>0</v>
      </c>
      <c r="CH40" s="76">
        <v>0</v>
      </c>
      <c r="CI40" s="76">
        <v>0</v>
      </c>
      <c r="CJ40" s="77">
        <v>0</v>
      </c>
      <c r="CK40" s="78">
        <v>0</v>
      </c>
      <c r="CL40" s="75">
        <v>1</v>
      </c>
      <c r="CM40" s="76">
        <v>0</v>
      </c>
      <c r="CN40" s="77">
        <v>1</v>
      </c>
      <c r="CO40" s="278"/>
      <c r="CP40" s="76">
        <v>2</v>
      </c>
      <c r="CQ40" s="76">
        <v>3</v>
      </c>
      <c r="CR40" s="76">
        <v>1</v>
      </c>
      <c r="CS40" s="76">
        <v>0</v>
      </c>
      <c r="CT40" s="76">
        <v>1</v>
      </c>
      <c r="CU40" s="77">
        <v>7</v>
      </c>
      <c r="CV40" s="78">
        <v>8</v>
      </c>
      <c r="CW40" s="128">
        <v>0</v>
      </c>
      <c r="CX40" s="88">
        <v>0</v>
      </c>
      <c r="CY40" s="89">
        <v>0</v>
      </c>
      <c r="CZ40" s="275"/>
      <c r="DA40" s="88">
        <v>0</v>
      </c>
      <c r="DB40" s="88">
        <v>0</v>
      </c>
      <c r="DC40" s="88">
        <v>0</v>
      </c>
      <c r="DD40" s="88">
        <v>0</v>
      </c>
      <c r="DE40" s="88">
        <v>1</v>
      </c>
      <c r="DF40" s="90">
        <v>1</v>
      </c>
      <c r="DG40" s="91">
        <v>1</v>
      </c>
      <c r="DH40" s="75">
        <v>0</v>
      </c>
      <c r="DI40" s="76">
        <v>0</v>
      </c>
      <c r="DJ40" s="77">
        <v>0</v>
      </c>
      <c r="DK40" s="278"/>
      <c r="DL40" s="76">
        <v>0</v>
      </c>
      <c r="DM40" s="76">
        <v>0</v>
      </c>
      <c r="DN40" s="76">
        <v>0</v>
      </c>
      <c r="DO40" s="76">
        <v>0</v>
      </c>
      <c r="DP40" s="76">
        <v>0</v>
      </c>
      <c r="DQ40" s="77">
        <v>0</v>
      </c>
      <c r="DR40" s="78">
        <v>0</v>
      </c>
      <c r="DS40" s="75">
        <v>0</v>
      </c>
      <c r="DT40" s="76">
        <v>0</v>
      </c>
      <c r="DU40" s="77">
        <v>0</v>
      </c>
      <c r="DV40" s="278"/>
      <c r="DW40" s="76">
        <v>0</v>
      </c>
      <c r="DX40" s="76">
        <v>0</v>
      </c>
      <c r="DY40" s="76">
        <v>0</v>
      </c>
      <c r="DZ40" s="76">
        <v>0</v>
      </c>
      <c r="EA40" s="76">
        <v>0</v>
      </c>
      <c r="EB40" s="77">
        <v>0</v>
      </c>
      <c r="EC40" s="78">
        <v>0</v>
      </c>
      <c r="ED40" s="75">
        <v>0</v>
      </c>
      <c r="EE40" s="76">
        <v>0</v>
      </c>
      <c r="EF40" s="77">
        <v>0</v>
      </c>
      <c r="EG40" s="278"/>
      <c r="EH40" s="76">
        <v>0</v>
      </c>
      <c r="EI40" s="76">
        <v>0</v>
      </c>
      <c r="EJ40" s="76">
        <v>0</v>
      </c>
      <c r="EK40" s="76">
        <v>0</v>
      </c>
      <c r="EL40" s="76">
        <v>0</v>
      </c>
      <c r="EM40" s="77">
        <v>0</v>
      </c>
      <c r="EN40" s="78">
        <v>0</v>
      </c>
      <c r="EO40" s="75">
        <v>0</v>
      </c>
      <c r="EP40" s="76">
        <v>0</v>
      </c>
      <c r="EQ40" s="77">
        <v>0</v>
      </c>
      <c r="ER40" s="278"/>
      <c r="ES40" s="76">
        <v>0</v>
      </c>
      <c r="ET40" s="76">
        <v>0</v>
      </c>
      <c r="EU40" s="76">
        <v>0</v>
      </c>
      <c r="EV40" s="76">
        <v>0</v>
      </c>
      <c r="EW40" s="76">
        <v>0</v>
      </c>
      <c r="EX40" s="77">
        <v>0</v>
      </c>
      <c r="EY40" s="78">
        <v>0</v>
      </c>
      <c r="EZ40" s="75">
        <v>0</v>
      </c>
      <c r="FA40" s="76">
        <v>0</v>
      </c>
      <c r="FB40" s="77">
        <v>0</v>
      </c>
      <c r="FC40" s="278"/>
      <c r="FD40" s="76">
        <v>0</v>
      </c>
      <c r="FE40" s="76">
        <v>0</v>
      </c>
      <c r="FF40" s="76">
        <v>0</v>
      </c>
      <c r="FG40" s="76">
        <v>0</v>
      </c>
      <c r="FH40" s="76">
        <v>0</v>
      </c>
      <c r="FI40" s="77">
        <v>0</v>
      </c>
      <c r="FJ40" s="78">
        <v>0</v>
      </c>
      <c r="FK40" s="75">
        <v>0</v>
      </c>
      <c r="FL40" s="76">
        <v>0</v>
      </c>
      <c r="FM40" s="77">
        <v>0</v>
      </c>
      <c r="FN40" s="278"/>
      <c r="FO40" s="76">
        <v>0</v>
      </c>
      <c r="FP40" s="76">
        <v>0</v>
      </c>
      <c r="FQ40" s="76">
        <v>0</v>
      </c>
      <c r="FR40" s="76">
        <v>0</v>
      </c>
      <c r="FS40" s="76">
        <v>1</v>
      </c>
      <c r="FT40" s="77">
        <v>1</v>
      </c>
      <c r="FU40" s="78">
        <v>1</v>
      </c>
      <c r="FV40" s="75">
        <v>0</v>
      </c>
      <c r="FW40" s="76">
        <v>0</v>
      </c>
      <c r="FX40" s="77">
        <v>0</v>
      </c>
      <c r="FY40" s="278"/>
      <c r="FZ40" s="76">
        <v>0</v>
      </c>
      <c r="GA40" s="76">
        <v>0</v>
      </c>
      <c r="GB40" s="76">
        <v>0</v>
      </c>
      <c r="GC40" s="76">
        <v>0</v>
      </c>
      <c r="GD40" s="76">
        <v>0</v>
      </c>
      <c r="GE40" s="77">
        <v>0</v>
      </c>
      <c r="GF40" s="78">
        <v>0</v>
      </c>
      <c r="GG40" s="75">
        <v>0</v>
      </c>
      <c r="GH40" s="76">
        <v>0</v>
      </c>
      <c r="GI40" s="77">
        <v>0</v>
      </c>
      <c r="GJ40" s="278"/>
      <c r="GK40" s="76">
        <v>0</v>
      </c>
      <c r="GL40" s="76">
        <v>0</v>
      </c>
      <c r="GM40" s="76">
        <v>0</v>
      </c>
      <c r="GN40" s="76">
        <v>0</v>
      </c>
      <c r="GO40" s="76">
        <v>1</v>
      </c>
      <c r="GP40" s="77">
        <v>1</v>
      </c>
      <c r="GQ40" s="78">
        <v>1</v>
      </c>
      <c r="GR40" s="128">
        <v>1</v>
      </c>
      <c r="GS40" s="88">
        <v>0</v>
      </c>
      <c r="GT40" s="89">
        <v>1</v>
      </c>
      <c r="GU40" s="275"/>
      <c r="GV40" s="88">
        <v>2</v>
      </c>
      <c r="GW40" s="88">
        <v>3</v>
      </c>
      <c r="GX40" s="88">
        <v>1</v>
      </c>
      <c r="GY40" s="88">
        <v>0</v>
      </c>
      <c r="GZ40" s="88">
        <v>2</v>
      </c>
      <c r="HA40" s="90">
        <v>8</v>
      </c>
      <c r="HB40" s="91">
        <v>9</v>
      </c>
      <c r="HC40" s="75">
        <v>0</v>
      </c>
      <c r="HD40" s="76">
        <v>0</v>
      </c>
      <c r="HE40" s="77">
        <v>0</v>
      </c>
      <c r="HF40" s="278"/>
      <c r="HG40" s="76">
        <v>0</v>
      </c>
      <c r="HH40" s="76">
        <v>0</v>
      </c>
      <c r="HI40" s="76">
        <v>0</v>
      </c>
      <c r="HJ40" s="76">
        <v>0</v>
      </c>
      <c r="HK40" s="76">
        <v>0</v>
      </c>
      <c r="HL40" s="77">
        <v>0</v>
      </c>
      <c r="HM40" s="78">
        <v>0</v>
      </c>
      <c r="HN40" s="75">
        <v>1</v>
      </c>
      <c r="HO40" s="76">
        <v>0</v>
      </c>
      <c r="HP40" s="77">
        <v>1</v>
      </c>
      <c r="HQ40" s="278"/>
      <c r="HR40" s="76">
        <v>0</v>
      </c>
      <c r="HS40" s="76">
        <v>1</v>
      </c>
      <c r="HT40" s="76">
        <v>1</v>
      </c>
      <c r="HU40" s="76">
        <v>0</v>
      </c>
      <c r="HV40" s="76">
        <v>0</v>
      </c>
      <c r="HW40" s="77">
        <v>2</v>
      </c>
      <c r="HX40" s="78">
        <v>3</v>
      </c>
      <c r="HY40" s="75">
        <v>0</v>
      </c>
      <c r="HZ40" s="76">
        <v>0</v>
      </c>
      <c r="IA40" s="77">
        <v>0</v>
      </c>
      <c r="IB40" s="278"/>
      <c r="IC40" s="76">
        <v>0</v>
      </c>
      <c r="ID40" s="76">
        <v>1</v>
      </c>
      <c r="IE40" s="76">
        <v>0</v>
      </c>
      <c r="IF40" s="76">
        <v>0</v>
      </c>
      <c r="IG40" s="76">
        <v>0</v>
      </c>
      <c r="IH40" s="77">
        <v>1</v>
      </c>
      <c r="II40" s="78">
        <v>1</v>
      </c>
      <c r="IJ40" s="75">
        <v>0</v>
      </c>
      <c r="IK40" s="76">
        <v>0</v>
      </c>
      <c r="IL40" s="77">
        <v>0</v>
      </c>
      <c r="IM40" s="278"/>
      <c r="IN40" s="76">
        <v>1</v>
      </c>
      <c r="IO40" s="76">
        <v>0</v>
      </c>
      <c r="IP40" s="76">
        <v>0</v>
      </c>
      <c r="IQ40" s="76">
        <v>0</v>
      </c>
      <c r="IR40" s="76">
        <v>0</v>
      </c>
      <c r="IS40" s="77">
        <v>1</v>
      </c>
      <c r="IT40" s="78">
        <v>1</v>
      </c>
      <c r="IU40" s="75">
        <v>0</v>
      </c>
      <c r="IV40" s="76">
        <v>0</v>
      </c>
      <c r="IW40" s="77">
        <v>0</v>
      </c>
      <c r="IX40" s="278"/>
      <c r="IY40" s="76">
        <v>1</v>
      </c>
      <c r="IZ40" s="76">
        <v>1</v>
      </c>
      <c r="JA40" s="76">
        <v>0</v>
      </c>
      <c r="JB40" s="76">
        <v>0</v>
      </c>
      <c r="JC40" s="76">
        <v>1</v>
      </c>
      <c r="JD40" s="77">
        <v>3</v>
      </c>
      <c r="JE40" s="78">
        <v>3</v>
      </c>
      <c r="JF40" s="75">
        <v>0</v>
      </c>
      <c r="JG40" s="76">
        <v>0</v>
      </c>
      <c r="JH40" s="77">
        <v>0</v>
      </c>
      <c r="JI40" s="278"/>
      <c r="JJ40" s="76">
        <v>0</v>
      </c>
      <c r="JK40" s="76">
        <v>0</v>
      </c>
      <c r="JL40" s="76">
        <v>0</v>
      </c>
      <c r="JM40" s="76">
        <v>0</v>
      </c>
      <c r="JN40" s="76">
        <v>1</v>
      </c>
      <c r="JO40" s="77">
        <v>1</v>
      </c>
      <c r="JP40" s="78">
        <v>1</v>
      </c>
      <c r="JQ40" s="75">
        <v>0</v>
      </c>
      <c r="JR40" s="76">
        <v>0</v>
      </c>
      <c r="JS40" s="77">
        <v>0</v>
      </c>
      <c r="JT40" s="278"/>
      <c r="JU40" s="76">
        <v>0</v>
      </c>
      <c r="JV40" s="76">
        <v>0</v>
      </c>
      <c r="JW40" s="76">
        <v>0</v>
      </c>
      <c r="JX40" s="76">
        <v>0</v>
      </c>
      <c r="JY40" s="76">
        <v>0</v>
      </c>
      <c r="JZ40" s="77">
        <v>0</v>
      </c>
      <c r="KA40" s="78">
        <v>0</v>
      </c>
      <c r="KB40" s="75">
        <v>1</v>
      </c>
      <c r="KC40" s="76">
        <v>0</v>
      </c>
      <c r="KD40" s="77">
        <v>1</v>
      </c>
      <c r="KE40" s="278"/>
      <c r="KF40" s="76">
        <v>2</v>
      </c>
      <c r="KG40" s="76">
        <v>3</v>
      </c>
      <c r="KH40" s="76">
        <v>1</v>
      </c>
      <c r="KI40" s="76">
        <v>0</v>
      </c>
      <c r="KJ40" s="76">
        <v>2</v>
      </c>
      <c r="KK40" s="77">
        <v>8</v>
      </c>
      <c r="KL40" s="78">
        <v>9</v>
      </c>
    </row>
    <row r="41" spans="1:298" ht="32.25" customHeight="1" x14ac:dyDescent="0.2">
      <c r="B41" s="342" t="s">
        <v>126</v>
      </c>
    </row>
  </sheetData>
  <mergeCells count="36">
    <mergeCell ref="CW3:GQ3"/>
    <mergeCell ref="B5:L5"/>
    <mergeCell ref="M5:W5"/>
    <mergeCell ref="X5:AH5"/>
    <mergeCell ref="AI5:AS5"/>
    <mergeCell ref="AT5:BD5"/>
    <mergeCell ref="EO5:EY5"/>
    <mergeCell ref="GG4:GQ5"/>
    <mergeCell ref="BP5:BZ5"/>
    <mergeCell ref="CW5:DG5"/>
    <mergeCell ref="EZ5:FJ5"/>
    <mergeCell ref="FK5:FU5"/>
    <mergeCell ref="B4:BZ4"/>
    <mergeCell ref="CL4:CV5"/>
    <mergeCell ref="BE5:BO5"/>
    <mergeCell ref="H1:I1"/>
    <mergeCell ref="E1:F1"/>
    <mergeCell ref="CA4:CK5"/>
    <mergeCell ref="A3:A5"/>
    <mergeCell ref="B3:CV3"/>
    <mergeCell ref="GR5:HB5"/>
    <mergeCell ref="DH5:DR5"/>
    <mergeCell ref="DS5:EC5"/>
    <mergeCell ref="ED5:EN5"/>
    <mergeCell ref="GR3:KL3"/>
    <mergeCell ref="GR4:JP4"/>
    <mergeCell ref="JQ4:KA5"/>
    <mergeCell ref="KB4:KL5"/>
    <mergeCell ref="IJ5:IT5"/>
    <mergeCell ref="IU5:JE5"/>
    <mergeCell ref="JF5:JP5"/>
    <mergeCell ref="HC5:HM5"/>
    <mergeCell ref="HN5:HX5"/>
    <mergeCell ref="HY5:II5"/>
    <mergeCell ref="CW4:FU4"/>
    <mergeCell ref="FV4:GF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466">
        <f>第１表!F2</f>
        <v>4</v>
      </c>
      <c r="F1" s="466"/>
      <c r="G1" s="283">
        <f>第１表!G2</f>
        <v>2</v>
      </c>
      <c r="H1" s="465">
        <f>G1</f>
        <v>2</v>
      </c>
      <c r="I1" s="465"/>
    </row>
    <row r="2" spans="1:298" ht="16.5" customHeight="1" thickBot="1" x14ac:dyDescent="0.25">
      <c r="A2" s="20" t="s">
        <v>153</v>
      </c>
    </row>
    <row r="3" spans="1:298" ht="22.5" customHeight="1" thickBot="1" x14ac:dyDescent="0.25">
      <c r="A3" s="452" t="s">
        <v>38</v>
      </c>
      <c r="B3" s="447" t="s">
        <v>96</v>
      </c>
      <c r="C3" s="447"/>
      <c r="D3" s="447"/>
      <c r="E3" s="447"/>
      <c r="F3" s="447"/>
      <c r="G3" s="447"/>
      <c r="H3" s="447"/>
      <c r="I3" s="447"/>
      <c r="J3" s="447"/>
      <c r="K3" s="447"/>
      <c r="L3" s="447"/>
      <c r="M3" s="447"/>
      <c r="N3" s="447"/>
      <c r="O3" s="447"/>
      <c r="P3" s="447"/>
      <c r="Q3" s="447"/>
      <c r="R3" s="447"/>
      <c r="S3" s="447"/>
      <c r="T3" s="447"/>
      <c r="U3" s="447"/>
      <c r="V3" s="447"/>
      <c r="W3" s="447"/>
      <c r="X3" s="447"/>
      <c r="Y3" s="447"/>
      <c r="Z3" s="447"/>
      <c r="AA3" s="447"/>
      <c r="AB3" s="447"/>
      <c r="AC3" s="447"/>
      <c r="AD3" s="447"/>
      <c r="AE3" s="447"/>
      <c r="AF3" s="447"/>
      <c r="AG3" s="447"/>
      <c r="AH3" s="447"/>
      <c r="AI3" s="447"/>
      <c r="AJ3" s="447"/>
      <c r="AK3" s="447"/>
      <c r="AL3" s="447"/>
      <c r="AM3" s="447"/>
      <c r="AN3" s="447"/>
      <c r="AO3" s="447"/>
      <c r="AP3" s="447"/>
      <c r="AQ3" s="447"/>
      <c r="AR3" s="447"/>
      <c r="AS3" s="447"/>
      <c r="AT3" s="447"/>
      <c r="AU3" s="447"/>
      <c r="AV3" s="447"/>
      <c r="AW3" s="447"/>
      <c r="AX3" s="447"/>
      <c r="AY3" s="447"/>
      <c r="AZ3" s="447"/>
      <c r="BA3" s="447"/>
      <c r="BB3" s="447"/>
      <c r="BC3" s="447"/>
      <c r="BD3" s="447"/>
      <c r="BE3" s="447"/>
      <c r="BF3" s="447"/>
      <c r="BG3" s="447"/>
      <c r="BH3" s="447"/>
      <c r="BI3" s="447"/>
      <c r="BJ3" s="447"/>
      <c r="BK3" s="447"/>
      <c r="BL3" s="447"/>
      <c r="BM3" s="447"/>
      <c r="BN3" s="447"/>
      <c r="BO3" s="447"/>
      <c r="BP3" s="447"/>
      <c r="BQ3" s="447"/>
      <c r="BR3" s="447"/>
      <c r="BS3" s="447"/>
      <c r="BT3" s="447"/>
      <c r="BU3" s="447"/>
      <c r="BV3" s="447"/>
      <c r="BW3" s="447"/>
      <c r="BX3" s="447"/>
      <c r="BY3" s="447"/>
      <c r="BZ3" s="447"/>
      <c r="CA3" s="447"/>
      <c r="CB3" s="447"/>
      <c r="CC3" s="447"/>
      <c r="CD3" s="447"/>
      <c r="CE3" s="447"/>
      <c r="CF3" s="447"/>
      <c r="CG3" s="447"/>
      <c r="CH3" s="447"/>
      <c r="CI3" s="447"/>
      <c r="CJ3" s="447"/>
      <c r="CK3" s="447"/>
      <c r="CL3" s="447"/>
      <c r="CM3" s="447"/>
      <c r="CN3" s="447"/>
      <c r="CO3" s="447"/>
      <c r="CP3" s="447"/>
      <c r="CQ3" s="447"/>
      <c r="CR3" s="447"/>
      <c r="CS3" s="447"/>
      <c r="CT3" s="447"/>
      <c r="CU3" s="447"/>
      <c r="CV3" s="448"/>
      <c r="CW3" s="447" t="s">
        <v>103</v>
      </c>
      <c r="CX3" s="447"/>
      <c r="CY3" s="447"/>
      <c r="CZ3" s="447"/>
      <c r="DA3" s="447"/>
      <c r="DB3" s="447"/>
      <c r="DC3" s="447"/>
      <c r="DD3" s="447"/>
      <c r="DE3" s="447"/>
      <c r="DF3" s="447"/>
      <c r="DG3" s="447"/>
      <c r="DH3" s="447"/>
      <c r="DI3" s="447"/>
      <c r="DJ3" s="447"/>
      <c r="DK3" s="447"/>
      <c r="DL3" s="447"/>
      <c r="DM3" s="447"/>
      <c r="DN3" s="447"/>
      <c r="DO3" s="447"/>
      <c r="DP3" s="447"/>
      <c r="DQ3" s="447"/>
      <c r="DR3" s="447"/>
      <c r="DS3" s="447"/>
      <c r="DT3" s="447"/>
      <c r="DU3" s="447"/>
      <c r="DV3" s="447"/>
      <c r="DW3" s="447"/>
      <c r="DX3" s="447"/>
      <c r="DY3" s="447"/>
      <c r="DZ3" s="447"/>
      <c r="EA3" s="447"/>
      <c r="EB3" s="447"/>
      <c r="EC3" s="447"/>
      <c r="ED3" s="447"/>
      <c r="EE3" s="447"/>
      <c r="EF3" s="447"/>
      <c r="EG3" s="447"/>
      <c r="EH3" s="447"/>
      <c r="EI3" s="447"/>
      <c r="EJ3" s="447"/>
      <c r="EK3" s="447"/>
      <c r="EL3" s="447"/>
      <c r="EM3" s="447"/>
      <c r="EN3" s="447"/>
      <c r="EO3" s="447"/>
      <c r="EP3" s="447"/>
      <c r="EQ3" s="447"/>
      <c r="ER3" s="447"/>
      <c r="ES3" s="447"/>
      <c r="ET3" s="447"/>
      <c r="EU3" s="447"/>
      <c r="EV3" s="447"/>
      <c r="EW3" s="447"/>
      <c r="EX3" s="447"/>
      <c r="EY3" s="447"/>
      <c r="EZ3" s="447"/>
      <c r="FA3" s="447"/>
      <c r="FB3" s="447"/>
      <c r="FC3" s="447"/>
      <c r="FD3" s="447"/>
      <c r="FE3" s="447"/>
      <c r="FF3" s="447"/>
      <c r="FG3" s="447"/>
      <c r="FH3" s="447"/>
      <c r="FI3" s="447"/>
      <c r="FJ3" s="447"/>
      <c r="FK3" s="447"/>
      <c r="FL3" s="447"/>
      <c r="FM3" s="447"/>
      <c r="FN3" s="447"/>
      <c r="FO3" s="447"/>
      <c r="FP3" s="447"/>
      <c r="FQ3" s="447"/>
      <c r="FR3" s="447"/>
      <c r="FS3" s="447"/>
      <c r="FT3" s="447"/>
      <c r="FU3" s="447"/>
      <c r="FV3" s="447"/>
      <c r="FW3" s="447"/>
      <c r="FX3" s="447"/>
      <c r="FY3" s="447"/>
      <c r="FZ3" s="447"/>
      <c r="GA3" s="447"/>
      <c r="GB3" s="447"/>
      <c r="GC3" s="447"/>
      <c r="GD3" s="447"/>
      <c r="GE3" s="447"/>
      <c r="GF3" s="447"/>
      <c r="GG3" s="447"/>
      <c r="GH3" s="447"/>
      <c r="GI3" s="447"/>
      <c r="GJ3" s="447"/>
      <c r="GK3" s="447"/>
      <c r="GL3" s="447"/>
      <c r="GM3" s="447"/>
      <c r="GN3" s="447"/>
      <c r="GO3" s="447"/>
      <c r="GP3" s="447"/>
      <c r="GQ3" s="448"/>
      <c r="GR3" s="447" t="s">
        <v>104</v>
      </c>
      <c r="GS3" s="447"/>
      <c r="GT3" s="447"/>
      <c r="GU3" s="447"/>
      <c r="GV3" s="447"/>
      <c r="GW3" s="447"/>
      <c r="GX3" s="447"/>
      <c r="GY3" s="447"/>
      <c r="GZ3" s="447"/>
      <c r="HA3" s="447"/>
      <c r="HB3" s="447"/>
      <c r="HC3" s="447"/>
      <c r="HD3" s="447"/>
      <c r="HE3" s="447"/>
      <c r="HF3" s="447"/>
      <c r="HG3" s="447"/>
      <c r="HH3" s="447"/>
      <c r="HI3" s="447"/>
      <c r="HJ3" s="447"/>
      <c r="HK3" s="447"/>
      <c r="HL3" s="447"/>
      <c r="HM3" s="447"/>
      <c r="HN3" s="447"/>
      <c r="HO3" s="447"/>
      <c r="HP3" s="447"/>
      <c r="HQ3" s="447"/>
      <c r="HR3" s="447"/>
      <c r="HS3" s="447"/>
      <c r="HT3" s="447"/>
      <c r="HU3" s="447"/>
      <c r="HV3" s="447"/>
      <c r="HW3" s="447"/>
      <c r="HX3" s="447"/>
      <c r="HY3" s="447"/>
      <c r="HZ3" s="447"/>
      <c r="IA3" s="447"/>
      <c r="IB3" s="447"/>
      <c r="IC3" s="447"/>
      <c r="ID3" s="447"/>
      <c r="IE3" s="447"/>
      <c r="IF3" s="447"/>
      <c r="IG3" s="447"/>
      <c r="IH3" s="447"/>
      <c r="II3" s="447"/>
      <c r="IJ3" s="447"/>
      <c r="IK3" s="447"/>
      <c r="IL3" s="447"/>
      <c r="IM3" s="447"/>
      <c r="IN3" s="447"/>
      <c r="IO3" s="447"/>
      <c r="IP3" s="447"/>
      <c r="IQ3" s="447"/>
      <c r="IR3" s="447"/>
      <c r="IS3" s="447"/>
      <c r="IT3" s="447"/>
      <c r="IU3" s="447"/>
      <c r="IV3" s="447"/>
      <c r="IW3" s="447"/>
      <c r="IX3" s="447"/>
      <c r="IY3" s="447"/>
      <c r="IZ3" s="447"/>
      <c r="JA3" s="447"/>
      <c r="JB3" s="447"/>
      <c r="JC3" s="447"/>
      <c r="JD3" s="447"/>
      <c r="JE3" s="447"/>
      <c r="JF3" s="447"/>
      <c r="JG3" s="447"/>
      <c r="JH3" s="447"/>
      <c r="JI3" s="447"/>
      <c r="JJ3" s="447"/>
      <c r="JK3" s="447"/>
      <c r="JL3" s="447"/>
      <c r="JM3" s="447"/>
      <c r="JN3" s="447"/>
      <c r="JO3" s="447"/>
      <c r="JP3" s="447"/>
      <c r="JQ3" s="447"/>
      <c r="JR3" s="447"/>
      <c r="JS3" s="447"/>
      <c r="JT3" s="447"/>
      <c r="JU3" s="447"/>
      <c r="JV3" s="447"/>
      <c r="JW3" s="447"/>
      <c r="JX3" s="447"/>
      <c r="JY3" s="447"/>
      <c r="JZ3" s="447"/>
      <c r="KA3" s="447"/>
      <c r="KB3" s="447"/>
      <c r="KC3" s="447"/>
      <c r="KD3" s="447"/>
      <c r="KE3" s="447"/>
      <c r="KF3" s="447"/>
      <c r="KG3" s="447"/>
      <c r="KH3" s="447"/>
      <c r="KI3" s="447"/>
      <c r="KJ3" s="447"/>
      <c r="KK3" s="447"/>
      <c r="KL3" s="448"/>
    </row>
    <row r="4" spans="1:298" ht="27.75" customHeight="1" thickBot="1" x14ac:dyDescent="0.25">
      <c r="A4" s="464"/>
      <c r="B4" s="449" t="s">
        <v>39</v>
      </c>
      <c r="C4" s="450"/>
      <c r="D4" s="450"/>
      <c r="E4" s="450"/>
      <c r="F4" s="450"/>
      <c r="G4" s="450"/>
      <c r="H4" s="450"/>
      <c r="I4" s="450"/>
      <c r="J4" s="450"/>
      <c r="K4" s="450"/>
      <c r="L4" s="450"/>
      <c r="M4" s="450"/>
      <c r="N4" s="450"/>
      <c r="O4" s="450"/>
      <c r="P4" s="450"/>
      <c r="Q4" s="450"/>
      <c r="R4" s="450"/>
      <c r="S4" s="450"/>
      <c r="T4" s="450"/>
      <c r="U4" s="450"/>
      <c r="V4" s="450"/>
      <c r="W4" s="450"/>
      <c r="X4" s="450"/>
      <c r="Y4" s="450"/>
      <c r="Z4" s="450"/>
      <c r="AA4" s="450"/>
      <c r="AB4" s="450"/>
      <c r="AC4" s="450"/>
      <c r="AD4" s="450"/>
      <c r="AE4" s="450"/>
      <c r="AF4" s="450"/>
      <c r="AG4" s="450"/>
      <c r="AH4" s="450"/>
      <c r="AI4" s="450"/>
      <c r="AJ4" s="450"/>
      <c r="AK4" s="450"/>
      <c r="AL4" s="450"/>
      <c r="AM4" s="450"/>
      <c r="AN4" s="450"/>
      <c r="AO4" s="450"/>
      <c r="AP4" s="450"/>
      <c r="AQ4" s="450"/>
      <c r="AR4" s="450"/>
      <c r="AS4" s="450"/>
      <c r="AT4" s="450"/>
      <c r="AU4" s="450"/>
      <c r="AV4" s="450"/>
      <c r="AW4" s="450"/>
      <c r="AX4" s="450"/>
      <c r="AY4" s="450"/>
      <c r="AZ4" s="450"/>
      <c r="BA4" s="450"/>
      <c r="BB4" s="450"/>
      <c r="BC4" s="450"/>
      <c r="BD4" s="450"/>
      <c r="BE4" s="450"/>
      <c r="BF4" s="450"/>
      <c r="BG4" s="450"/>
      <c r="BH4" s="450"/>
      <c r="BI4" s="450"/>
      <c r="BJ4" s="450"/>
      <c r="BK4" s="450"/>
      <c r="BL4" s="450"/>
      <c r="BM4" s="450"/>
      <c r="BN4" s="450"/>
      <c r="BO4" s="450"/>
      <c r="BP4" s="450"/>
      <c r="BQ4" s="450"/>
      <c r="BR4" s="450"/>
      <c r="BS4" s="450"/>
      <c r="BT4" s="450"/>
      <c r="BU4" s="450"/>
      <c r="BV4" s="450"/>
      <c r="BW4" s="450"/>
      <c r="BX4" s="450"/>
      <c r="BY4" s="450"/>
      <c r="BZ4" s="451"/>
      <c r="CA4" s="452" t="s">
        <v>40</v>
      </c>
      <c r="CB4" s="453"/>
      <c r="CC4" s="453"/>
      <c r="CD4" s="453"/>
      <c r="CE4" s="453"/>
      <c r="CF4" s="453"/>
      <c r="CG4" s="453"/>
      <c r="CH4" s="453"/>
      <c r="CI4" s="453"/>
      <c r="CJ4" s="453"/>
      <c r="CK4" s="454"/>
      <c r="CL4" s="452" t="s">
        <v>41</v>
      </c>
      <c r="CM4" s="453"/>
      <c r="CN4" s="453"/>
      <c r="CO4" s="453"/>
      <c r="CP4" s="453"/>
      <c r="CQ4" s="453"/>
      <c r="CR4" s="453"/>
      <c r="CS4" s="453"/>
      <c r="CT4" s="453"/>
      <c r="CU4" s="453"/>
      <c r="CV4" s="454"/>
      <c r="CW4" s="449" t="s">
        <v>39</v>
      </c>
      <c r="CX4" s="450"/>
      <c r="CY4" s="450"/>
      <c r="CZ4" s="450"/>
      <c r="DA4" s="450"/>
      <c r="DB4" s="450"/>
      <c r="DC4" s="450"/>
      <c r="DD4" s="450"/>
      <c r="DE4" s="450"/>
      <c r="DF4" s="450"/>
      <c r="DG4" s="450"/>
      <c r="DH4" s="450"/>
      <c r="DI4" s="450"/>
      <c r="DJ4" s="450"/>
      <c r="DK4" s="450"/>
      <c r="DL4" s="450"/>
      <c r="DM4" s="450"/>
      <c r="DN4" s="450"/>
      <c r="DO4" s="450"/>
      <c r="DP4" s="450"/>
      <c r="DQ4" s="450"/>
      <c r="DR4" s="450"/>
      <c r="DS4" s="450"/>
      <c r="DT4" s="450"/>
      <c r="DU4" s="450"/>
      <c r="DV4" s="450"/>
      <c r="DW4" s="450"/>
      <c r="DX4" s="450"/>
      <c r="DY4" s="450"/>
      <c r="DZ4" s="450"/>
      <c r="EA4" s="450"/>
      <c r="EB4" s="450"/>
      <c r="EC4" s="450"/>
      <c r="ED4" s="450"/>
      <c r="EE4" s="450"/>
      <c r="EF4" s="450"/>
      <c r="EG4" s="450"/>
      <c r="EH4" s="450"/>
      <c r="EI4" s="450"/>
      <c r="EJ4" s="450"/>
      <c r="EK4" s="450"/>
      <c r="EL4" s="450"/>
      <c r="EM4" s="450"/>
      <c r="EN4" s="450"/>
      <c r="EO4" s="450"/>
      <c r="EP4" s="450"/>
      <c r="EQ4" s="450"/>
      <c r="ER4" s="450"/>
      <c r="ES4" s="450"/>
      <c r="ET4" s="450"/>
      <c r="EU4" s="450"/>
      <c r="EV4" s="450"/>
      <c r="EW4" s="450"/>
      <c r="EX4" s="450"/>
      <c r="EY4" s="450"/>
      <c r="EZ4" s="450"/>
      <c r="FA4" s="450"/>
      <c r="FB4" s="450"/>
      <c r="FC4" s="450"/>
      <c r="FD4" s="450"/>
      <c r="FE4" s="450"/>
      <c r="FF4" s="450"/>
      <c r="FG4" s="450"/>
      <c r="FH4" s="450"/>
      <c r="FI4" s="450"/>
      <c r="FJ4" s="450"/>
      <c r="FK4" s="450"/>
      <c r="FL4" s="450"/>
      <c r="FM4" s="450"/>
      <c r="FN4" s="450"/>
      <c r="FO4" s="450"/>
      <c r="FP4" s="450"/>
      <c r="FQ4" s="450"/>
      <c r="FR4" s="450"/>
      <c r="FS4" s="450"/>
      <c r="FT4" s="450"/>
      <c r="FU4" s="451"/>
      <c r="FV4" s="452" t="s">
        <v>40</v>
      </c>
      <c r="FW4" s="453"/>
      <c r="FX4" s="453"/>
      <c r="FY4" s="453"/>
      <c r="FZ4" s="453"/>
      <c r="GA4" s="453"/>
      <c r="GB4" s="453"/>
      <c r="GC4" s="453"/>
      <c r="GD4" s="453"/>
      <c r="GE4" s="453"/>
      <c r="GF4" s="454"/>
      <c r="GG4" s="452" t="s">
        <v>41</v>
      </c>
      <c r="GH4" s="453"/>
      <c r="GI4" s="453"/>
      <c r="GJ4" s="453"/>
      <c r="GK4" s="453"/>
      <c r="GL4" s="453"/>
      <c r="GM4" s="453"/>
      <c r="GN4" s="453"/>
      <c r="GO4" s="453"/>
      <c r="GP4" s="453"/>
      <c r="GQ4" s="454"/>
      <c r="GR4" s="449" t="s">
        <v>39</v>
      </c>
      <c r="GS4" s="450"/>
      <c r="GT4" s="450"/>
      <c r="GU4" s="450"/>
      <c r="GV4" s="450"/>
      <c r="GW4" s="450"/>
      <c r="GX4" s="450"/>
      <c r="GY4" s="450"/>
      <c r="GZ4" s="450"/>
      <c r="HA4" s="450"/>
      <c r="HB4" s="450"/>
      <c r="HC4" s="450"/>
      <c r="HD4" s="450"/>
      <c r="HE4" s="450"/>
      <c r="HF4" s="450"/>
      <c r="HG4" s="450"/>
      <c r="HH4" s="450"/>
      <c r="HI4" s="450"/>
      <c r="HJ4" s="450"/>
      <c r="HK4" s="450"/>
      <c r="HL4" s="450"/>
      <c r="HM4" s="450"/>
      <c r="HN4" s="450"/>
      <c r="HO4" s="450"/>
      <c r="HP4" s="450"/>
      <c r="HQ4" s="450"/>
      <c r="HR4" s="450"/>
      <c r="HS4" s="450"/>
      <c r="HT4" s="450"/>
      <c r="HU4" s="450"/>
      <c r="HV4" s="450"/>
      <c r="HW4" s="450"/>
      <c r="HX4" s="450"/>
      <c r="HY4" s="450"/>
      <c r="HZ4" s="450"/>
      <c r="IA4" s="450"/>
      <c r="IB4" s="450"/>
      <c r="IC4" s="450"/>
      <c r="ID4" s="450"/>
      <c r="IE4" s="450"/>
      <c r="IF4" s="450"/>
      <c r="IG4" s="450"/>
      <c r="IH4" s="450"/>
      <c r="II4" s="450"/>
      <c r="IJ4" s="450"/>
      <c r="IK4" s="450"/>
      <c r="IL4" s="450"/>
      <c r="IM4" s="450"/>
      <c r="IN4" s="450"/>
      <c r="IO4" s="450"/>
      <c r="IP4" s="450"/>
      <c r="IQ4" s="450"/>
      <c r="IR4" s="450"/>
      <c r="IS4" s="450"/>
      <c r="IT4" s="450"/>
      <c r="IU4" s="450"/>
      <c r="IV4" s="450"/>
      <c r="IW4" s="450"/>
      <c r="IX4" s="450"/>
      <c r="IY4" s="450"/>
      <c r="IZ4" s="450"/>
      <c r="JA4" s="450"/>
      <c r="JB4" s="450"/>
      <c r="JC4" s="450"/>
      <c r="JD4" s="450"/>
      <c r="JE4" s="450"/>
      <c r="JF4" s="450"/>
      <c r="JG4" s="450"/>
      <c r="JH4" s="450"/>
      <c r="JI4" s="450"/>
      <c r="JJ4" s="450"/>
      <c r="JK4" s="450"/>
      <c r="JL4" s="450"/>
      <c r="JM4" s="450"/>
      <c r="JN4" s="450"/>
      <c r="JO4" s="450"/>
      <c r="JP4" s="451"/>
      <c r="JQ4" s="452" t="s">
        <v>40</v>
      </c>
      <c r="JR4" s="453"/>
      <c r="JS4" s="453"/>
      <c r="JT4" s="453"/>
      <c r="JU4" s="453"/>
      <c r="JV4" s="453"/>
      <c r="JW4" s="453"/>
      <c r="JX4" s="453"/>
      <c r="JY4" s="453"/>
      <c r="JZ4" s="453"/>
      <c r="KA4" s="454"/>
      <c r="KB4" s="452" t="s">
        <v>41</v>
      </c>
      <c r="KC4" s="453"/>
      <c r="KD4" s="453"/>
      <c r="KE4" s="453"/>
      <c r="KF4" s="453"/>
      <c r="KG4" s="453"/>
      <c r="KH4" s="453"/>
      <c r="KI4" s="453"/>
      <c r="KJ4" s="453"/>
      <c r="KK4" s="453"/>
      <c r="KL4" s="454"/>
    </row>
    <row r="5" spans="1:298" ht="27.75" customHeight="1" thickBot="1" x14ac:dyDescent="0.25">
      <c r="A5" s="458"/>
      <c r="B5" s="458"/>
      <c r="C5" s="459"/>
      <c r="D5" s="459"/>
      <c r="E5" s="459"/>
      <c r="F5" s="459"/>
      <c r="G5" s="459"/>
      <c r="H5" s="459"/>
      <c r="I5" s="459"/>
      <c r="J5" s="459"/>
      <c r="K5" s="459"/>
      <c r="L5" s="460"/>
      <c r="M5" s="461" t="s">
        <v>97</v>
      </c>
      <c r="N5" s="462"/>
      <c r="O5" s="462"/>
      <c r="P5" s="462"/>
      <c r="Q5" s="462"/>
      <c r="R5" s="462"/>
      <c r="S5" s="462"/>
      <c r="T5" s="462"/>
      <c r="U5" s="462"/>
      <c r="V5" s="462"/>
      <c r="W5" s="463"/>
      <c r="X5" s="461" t="s">
        <v>98</v>
      </c>
      <c r="Y5" s="462"/>
      <c r="Z5" s="462"/>
      <c r="AA5" s="462"/>
      <c r="AB5" s="462"/>
      <c r="AC5" s="462"/>
      <c r="AD5" s="462"/>
      <c r="AE5" s="462"/>
      <c r="AF5" s="462"/>
      <c r="AG5" s="462"/>
      <c r="AH5" s="463"/>
      <c r="AI5" s="461" t="s">
        <v>99</v>
      </c>
      <c r="AJ5" s="462"/>
      <c r="AK5" s="462"/>
      <c r="AL5" s="462"/>
      <c r="AM5" s="462"/>
      <c r="AN5" s="462"/>
      <c r="AO5" s="462"/>
      <c r="AP5" s="462"/>
      <c r="AQ5" s="462"/>
      <c r="AR5" s="462"/>
      <c r="AS5" s="463"/>
      <c r="AT5" s="461" t="s">
        <v>100</v>
      </c>
      <c r="AU5" s="462"/>
      <c r="AV5" s="462"/>
      <c r="AW5" s="462"/>
      <c r="AX5" s="462"/>
      <c r="AY5" s="462"/>
      <c r="AZ5" s="462"/>
      <c r="BA5" s="462"/>
      <c r="BB5" s="462"/>
      <c r="BC5" s="462"/>
      <c r="BD5" s="463"/>
      <c r="BE5" s="461" t="s">
        <v>101</v>
      </c>
      <c r="BF5" s="462"/>
      <c r="BG5" s="462"/>
      <c r="BH5" s="462"/>
      <c r="BI5" s="462"/>
      <c r="BJ5" s="462"/>
      <c r="BK5" s="462"/>
      <c r="BL5" s="462"/>
      <c r="BM5" s="462"/>
      <c r="BN5" s="462"/>
      <c r="BO5" s="463"/>
      <c r="BP5" s="461" t="s">
        <v>102</v>
      </c>
      <c r="BQ5" s="462"/>
      <c r="BR5" s="462"/>
      <c r="BS5" s="462"/>
      <c r="BT5" s="462"/>
      <c r="BU5" s="462"/>
      <c r="BV5" s="462"/>
      <c r="BW5" s="462"/>
      <c r="BX5" s="462"/>
      <c r="BY5" s="462"/>
      <c r="BZ5" s="463"/>
      <c r="CA5" s="455"/>
      <c r="CB5" s="456"/>
      <c r="CC5" s="456"/>
      <c r="CD5" s="456"/>
      <c r="CE5" s="456"/>
      <c r="CF5" s="456"/>
      <c r="CG5" s="456"/>
      <c r="CH5" s="456"/>
      <c r="CI5" s="456"/>
      <c r="CJ5" s="456"/>
      <c r="CK5" s="457"/>
      <c r="CL5" s="455"/>
      <c r="CM5" s="456"/>
      <c r="CN5" s="456"/>
      <c r="CO5" s="456"/>
      <c r="CP5" s="456"/>
      <c r="CQ5" s="456"/>
      <c r="CR5" s="456"/>
      <c r="CS5" s="456"/>
      <c r="CT5" s="456"/>
      <c r="CU5" s="456"/>
      <c r="CV5" s="457"/>
      <c r="CW5" s="458"/>
      <c r="CX5" s="459"/>
      <c r="CY5" s="459"/>
      <c r="CZ5" s="459"/>
      <c r="DA5" s="459"/>
      <c r="DB5" s="459"/>
      <c r="DC5" s="459"/>
      <c r="DD5" s="459"/>
      <c r="DE5" s="459"/>
      <c r="DF5" s="459"/>
      <c r="DG5" s="460"/>
      <c r="DH5" s="461" t="s">
        <v>97</v>
      </c>
      <c r="DI5" s="462"/>
      <c r="DJ5" s="462"/>
      <c r="DK5" s="462"/>
      <c r="DL5" s="462"/>
      <c r="DM5" s="462"/>
      <c r="DN5" s="462"/>
      <c r="DO5" s="462"/>
      <c r="DP5" s="462"/>
      <c r="DQ5" s="462"/>
      <c r="DR5" s="463"/>
      <c r="DS5" s="461" t="s">
        <v>98</v>
      </c>
      <c r="DT5" s="462"/>
      <c r="DU5" s="462"/>
      <c r="DV5" s="462"/>
      <c r="DW5" s="462"/>
      <c r="DX5" s="462"/>
      <c r="DY5" s="462"/>
      <c r="DZ5" s="462"/>
      <c r="EA5" s="462"/>
      <c r="EB5" s="462"/>
      <c r="EC5" s="463"/>
      <c r="ED5" s="461" t="s">
        <v>99</v>
      </c>
      <c r="EE5" s="462"/>
      <c r="EF5" s="462"/>
      <c r="EG5" s="462"/>
      <c r="EH5" s="462"/>
      <c r="EI5" s="462"/>
      <c r="EJ5" s="462"/>
      <c r="EK5" s="462"/>
      <c r="EL5" s="462"/>
      <c r="EM5" s="462"/>
      <c r="EN5" s="463"/>
      <c r="EO5" s="461" t="s">
        <v>100</v>
      </c>
      <c r="EP5" s="462"/>
      <c r="EQ5" s="462"/>
      <c r="ER5" s="462"/>
      <c r="ES5" s="462"/>
      <c r="ET5" s="462"/>
      <c r="EU5" s="462"/>
      <c r="EV5" s="462"/>
      <c r="EW5" s="462"/>
      <c r="EX5" s="462"/>
      <c r="EY5" s="463"/>
      <c r="EZ5" s="461" t="s">
        <v>101</v>
      </c>
      <c r="FA5" s="462"/>
      <c r="FB5" s="462"/>
      <c r="FC5" s="462"/>
      <c r="FD5" s="462"/>
      <c r="FE5" s="462"/>
      <c r="FF5" s="462"/>
      <c r="FG5" s="462"/>
      <c r="FH5" s="462"/>
      <c r="FI5" s="462"/>
      <c r="FJ5" s="463"/>
      <c r="FK5" s="461" t="s">
        <v>102</v>
      </c>
      <c r="FL5" s="462"/>
      <c r="FM5" s="462"/>
      <c r="FN5" s="462"/>
      <c r="FO5" s="462"/>
      <c r="FP5" s="462"/>
      <c r="FQ5" s="462"/>
      <c r="FR5" s="462"/>
      <c r="FS5" s="462"/>
      <c r="FT5" s="462"/>
      <c r="FU5" s="463"/>
      <c r="FV5" s="455"/>
      <c r="FW5" s="456"/>
      <c r="FX5" s="456"/>
      <c r="FY5" s="456"/>
      <c r="FZ5" s="456"/>
      <c r="GA5" s="456"/>
      <c r="GB5" s="456"/>
      <c r="GC5" s="456"/>
      <c r="GD5" s="456"/>
      <c r="GE5" s="456"/>
      <c r="GF5" s="457"/>
      <c r="GG5" s="455"/>
      <c r="GH5" s="456"/>
      <c r="GI5" s="456"/>
      <c r="GJ5" s="456"/>
      <c r="GK5" s="456"/>
      <c r="GL5" s="456"/>
      <c r="GM5" s="456"/>
      <c r="GN5" s="456"/>
      <c r="GO5" s="456"/>
      <c r="GP5" s="456"/>
      <c r="GQ5" s="457"/>
      <c r="GR5" s="458"/>
      <c r="GS5" s="459"/>
      <c r="GT5" s="459"/>
      <c r="GU5" s="459"/>
      <c r="GV5" s="459"/>
      <c r="GW5" s="459"/>
      <c r="GX5" s="459"/>
      <c r="GY5" s="459"/>
      <c r="GZ5" s="459"/>
      <c r="HA5" s="459"/>
      <c r="HB5" s="460"/>
      <c r="HC5" s="461" t="s">
        <v>97</v>
      </c>
      <c r="HD5" s="462"/>
      <c r="HE5" s="462"/>
      <c r="HF5" s="462"/>
      <c r="HG5" s="462"/>
      <c r="HH5" s="462"/>
      <c r="HI5" s="462"/>
      <c r="HJ5" s="462"/>
      <c r="HK5" s="462"/>
      <c r="HL5" s="462"/>
      <c r="HM5" s="463"/>
      <c r="HN5" s="461" t="s">
        <v>98</v>
      </c>
      <c r="HO5" s="462"/>
      <c r="HP5" s="462"/>
      <c r="HQ5" s="462"/>
      <c r="HR5" s="462"/>
      <c r="HS5" s="462"/>
      <c r="HT5" s="462"/>
      <c r="HU5" s="462"/>
      <c r="HV5" s="462"/>
      <c r="HW5" s="462"/>
      <c r="HX5" s="463"/>
      <c r="HY5" s="461" t="s">
        <v>99</v>
      </c>
      <c r="HZ5" s="462"/>
      <c r="IA5" s="462"/>
      <c r="IB5" s="462"/>
      <c r="IC5" s="462"/>
      <c r="ID5" s="462"/>
      <c r="IE5" s="462"/>
      <c r="IF5" s="462"/>
      <c r="IG5" s="462"/>
      <c r="IH5" s="462"/>
      <c r="II5" s="463"/>
      <c r="IJ5" s="461" t="s">
        <v>100</v>
      </c>
      <c r="IK5" s="462"/>
      <c r="IL5" s="462"/>
      <c r="IM5" s="462"/>
      <c r="IN5" s="462"/>
      <c r="IO5" s="462"/>
      <c r="IP5" s="462"/>
      <c r="IQ5" s="462"/>
      <c r="IR5" s="462"/>
      <c r="IS5" s="462"/>
      <c r="IT5" s="463"/>
      <c r="IU5" s="461" t="s">
        <v>101</v>
      </c>
      <c r="IV5" s="462"/>
      <c r="IW5" s="462"/>
      <c r="IX5" s="462"/>
      <c r="IY5" s="462"/>
      <c r="IZ5" s="462"/>
      <c r="JA5" s="462"/>
      <c r="JB5" s="462"/>
      <c r="JC5" s="462"/>
      <c r="JD5" s="462"/>
      <c r="JE5" s="463"/>
      <c r="JF5" s="461" t="s">
        <v>102</v>
      </c>
      <c r="JG5" s="462"/>
      <c r="JH5" s="462"/>
      <c r="JI5" s="462"/>
      <c r="JJ5" s="462"/>
      <c r="JK5" s="462"/>
      <c r="JL5" s="462"/>
      <c r="JM5" s="462"/>
      <c r="JN5" s="462"/>
      <c r="JO5" s="462"/>
      <c r="JP5" s="463"/>
      <c r="JQ5" s="455"/>
      <c r="JR5" s="456"/>
      <c r="JS5" s="456"/>
      <c r="JT5" s="456"/>
      <c r="JU5" s="456"/>
      <c r="JV5" s="456"/>
      <c r="JW5" s="456"/>
      <c r="JX5" s="456"/>
      <c r="JY5" s="456"/>
      <c r="JZ5" s="456"/>
      <c r="KA5" s="457"/>
      <c r="KB5" s="455"/>
      <c r="KC5" s="456"/>
      <c r="KD5" s="456"/>
      <c r="KE5" s="456"/>
      <c r="KF5" s="456"/>
      <c r="KG5" s="456"/>
      <c r="KH5" s="456"/>
      <c r="KI5" s="456"/>
      <c r="KJ5" s="456"/>
      <c r="KK5" s="456"/>
      <c r="KL5" s="457"/>
    </row>
    <row r="6" spans="1:298" ht="44.25" customHeight="1" thickBot="1" x14ac:dyDescent="0.25">
      <c r="A6" s="393" t="s">
        <v>42</v>
      </c>
      <c r="B6" s="51" t="s">
        <v>43</v>
      </c>
      <c r="C6" s="47" t="s">
        <v>44</v>
      </c>
      <c r="D6" s="48" t="s">
        <v>45</v>
      </c>
      <c r="E6" s="52" t="s">
        <v>46</v>
      </c>
      <c r="F6" s="47" t="s">
        <v>47</v>
      </c>
      <c r="G6" s="47" t="s">
        <v>48</v>
      </c>
      <c r="H6" s="47" t="s">
        <v>49</v>
      </c>
      <c r="I6" s="47" t="s">
        <v>50</v>
      </c>
      <c r="J6" s="47" t="s">
        <v>51</v>
      </c>
      <c r="K6" s="48" t="s">
        <v>45</v>
      </c>
      <c r="L6" s="391" t="s">
        <v>52</v>
      </c>
      <c r="M6" s="397" t="s">
        <v>43</v>
      </c>
      <c r="N6" s="398" t="s">
        <v>44</v>
      </c>
      <c r="O6" s="399" t="s">
        <v>45</v>
      </c>
      <c r="P6" s="400" t="s">
        <v>46</v>
      </c>
      <c r="Q6" s="398" t="s">
        <v>47</v>
      </c>
      <c r="R6" s="398" t="s">
        <v>48</v>
      </c>
      <c r="S6" s="398" t="s">
        <v>49</v>
      </c>
      <c r="T6" s="398" t="s">
        <v>50</v>
      </c>
      <c r="U6" s="398" t="s">
        <v>51</v>
      </c>
      <c r="V6" s="399" t="s">
        <v>45</v>
      </c>
      <c r="W6" s="396" t="s">
        <v>52</v>
      </c>
      <c r="X6" s="397" t="s">
        <v>43</v>
      </c>
      <c r="Y6" s="398" t="s">
        <v>44</v>
      </c>
      <c r="Z6" s="399" t="s">
        <v>45</v>
      </c>
      <c r="AA6" s="400" t="s">
        <v>46</v>
      </c>
      <c r="AB6" s="398" t="s">
        <v>47</v>
      </c>
      <c r="AC6" s="398" t="s">
        <v>48</v>
      </c>
      <c r="AD6" s="398" t="s">
        <v>49</v>
      </c>
      <c r="AE6" s="398" t="s">
        <v>50</v>
      </c>
      <c r="AF6" s="398" t="s">
        <v>51</v>
      </c>
      <c r="AG6" s="399" t="s">
        <v>45</v>
      </c>
      <c r="AH6" s="401" t="s">
        <v>52</v>
      </c>
      <c r="AI6" s="397" t="s">
        <v>43</v>
      </c>
      <c r="AJ6" s="398" t="s">
        <v>44</v>
      </c>
      <c r="AK6" s="399" t="s">
        <v>45</v>
      </c>
      <c r="AL6" s="400" t="s">
        <v>46</v>
      </c>
      <c r="AM6" s="398" t="s">
        <v>47</v>
      </c>
      <c r="AN6" s="398" t="s">
        <v>48</v>
      </c>
      <c r="AO6" s="398" t="s">
        <v>49</v>
      </c>
      <c r="AP6" s="398" t="s">
        <v>50</v>
      </c>
      <c r="AQ6" s="398" t="s">
        <v>51</v>
      </c>
      <c r="AR6" s="399" t="s">
        <v>45</v>
      </c>
      <c r="AS6" s="401" t="s">
        <v>52</v>
      </c>
      <c r="AT6" s="397" t="s">
        <v>43</v>
      </c>
      <c r="AU6" s="398" t="s">
        <v>44</v>
      </c>
      <c r="AV6" s="399" t="s">
        <v>45</v>
      </c>
      <c r="AW6" s="400" t="s">
        <v>46</v>
      </c>
      <c r="AX6" s="398" t="s">
        <v>47</v>
      </c>
      <c r="AY6" s="398" t="s">
        <v>48</v>
      </c>
      <c r="AZ6" s="398" t="s">
        <v>49</v>
      </c>
      <c r="BA6" s="398" t="s">
        <v>50</v>
      </c>
      <c r="BB6" s="398" t="s">
        <v>51</v>
      </c>
      <c r="BC6" s="399" t="s">
        <v>45</v>
      </c>
      <c r="BD6" s="401" t="s">
        <v>52</v>
      </c>
      <c r="BE6" s="397" t="s">
        <v>43</v>
      </c>
      <c r="BF6" s="398" t="s">
        <v>44</v>
      </c>
      <c r="BG6" s="399" t="s">
        <v>45</v>
      </c>
      <c r="BH6" s="400" t="s">
        <v>46</v>
      </c>
      <c r="BI6" s="398" t="s">
        <v>47</v>
      </c>
      <c r="BJ6" s="398" t="s">
        <v>48</v>
      </c>
      <c r="BK6" s="398" t="s">
        <v>49</v>
      </c>
      <c r="BL6" s="398" t="s">
        <v>50</v>
      </c>
      <c r="BM6" s="398" t="s">
        <v>51</v>
      </c>
      <c r="BN6" s="399" t="s">
        <v>45</v>
      </c>
      <c r="BO6" s="401" t="s">
        <v>52</v>
      </c>
      <c r="BP6" s="397" t="s">
        <v>43</v>
      </c>
      <c r="BQ6" s="398" t="s">
        <v>44</v>
      </c>
      <c r="BR6" s="399" t="s">
        <v>45</v>
      </c>
      <c r="BS6" s="400" t="s">
        <v>46</v>
      </c>
      <c r="BT6" s="398" t="s">
        <v>47</v>
      </c>
      <c r="BU6" s="398" t="s">
        <v>48</v>
      </c>
      <c r="BV6" s="398" t="s">
        <v>49</v>
      </c>
      <c r="BW6" s="398" t="s">
        <v>50</v>
      </c>
      <c r="BX6" s="398" t="s">
        <v>51</v>
      </c>
      <c r="BY6" s="399" t="s">
        <v>45</v>
      </c>
      <c r="BZ6" s="401" t="s">
        <v>52</v>
      </c>
      <c r="CA6" s="397" t="s">
        <v>43</v>
      </c>
      <c r="CB6" s="398" t="s">
        <v>44</v>
      </c>
      <c r="CC6" s="399" t="s">
        <v>45</v>
      </c>
      <c r="CD6" s="400" t="s">
        <v>46</v>
      </c>
      <c r="CE6" s="398" t="s">
        <v>47</v>
      </c>
      <c r="CF6" s="398" t="s">
        <v>48</v>
      </c>
      <c r="CG6" s="398" t="s">
        <v>49</v>
      </c>
      <c r="CH6" s="398" t="s">
        <v>50</v>
      </c>
      <c r="CI6" s="398" t="s">
        <v>51</v>
      </c>
      <c r="CJ6" s="399" t="s">
        <v>45</v>
      </c>
      <c r="CK6" s="401" t="s">
        <v>52</v>
      </c>
      <c r="CL6" s="397" t="s">
        <v>43</v>
      </c>
      <c r="CM6" s="398" t="s">
        <v>44</v>
      </c>
      <c r="CN6" s="399" t="s">
        <v>45</v>
      </c>
      <c r="CO6" s="400" t="s">
        <v>46</v>
      </c>
      <c r="CP6" s="398" t="s">
        <v>47</v>
      </c>
      <c r="CQ6" s="398" t="s">
        <v>48</v>
      </c>
      <c r="CR6" s="398" t="s">
        <v>49</v>
      </c>
      <c r="CS6" s="398" t="s">
        <v>50</v>
      </c>
      <c r="CT6" s="398" t="s">
        <v>51</v>
      </c>
      <c r="CU6" s="399" t="s">
        <v>45</v>
      </c>
      <c r="CV6" s="401" t="s">
        <v>52</v>
      </c>
      <c r="CW6" s="51" t="s">
        <v>43</v>
      </c>
      <c r="CX6" s="47" t="s">
        <v>44</v>
      </c>
      <c r="CY6" s="48" t="s">
        <v>45</v>
      </c>
      <c r="CZ6" s="52" t="s">
        <v>46</v>
      </c>
      <c r="DA6" s="47" t="s">
        <v>47</v>
      </c>
      <c r="DB6" s="47" t="s">
        <v>48</v>
      </c>
      <c r="DC6" s="47" t="s">
        <v>49</v>
      </c>
      <c r="DD6" s="47" t="s">
        <v>50</v>
      </c>
      <c r="DE6" s="47" t="s">
        <v>51</v>
      </c>
      <c r="DF6" s="48" t="s">
        <v>45</v>
      </c>
      <c r="DG6" s="391" t="s">
        <v>52</v>
      </c>
      <c r="DH6" s="397" t="s">
        <v>43</v>
      </c>
      <c r="DI6" s="398" t="s">
        <v>44</v>
      </c>
      <c r="DJ6" s="399" t="s">
        <v>45</v>
      </c>
      <c r="DK6" s="400" t="s">
        <v>46</v>
      </c>
      <c r="DL6" s="398" t="s">
        <v>47</v>
      </c>
      <c r="DM6" s="398" t="s">
        <v>48</v>
      </c>
      <c r="DN6" s="398" t="s">
        <v>49</v>
      </c>
      <c r="DO6" s="398" t="s">
        <v>50</v>
      </c>
      <c r="DP6" s="398" t="s">
        <v>51</v>
      </c>
      <c r="DQ6" s="399" t="s">
        <v>45</v>
      </c>
      <c r="DR6" s="401" t="s">
        <v>52</v>
      </c>
      <c r="DS6" s="397" t="s">
        <v>43</v>
      </c>
      <c r="DT6" s="398" t="s">
        <v>44</v>
      </c>
      <c r="DU6" s="399" t="s">
        <v>45</v>
      </c>
      <c r="DV6" s="400" t="s">
        <v>46</v>
      </c>
      <c r="DW6" s="398" t="s">
        <v>47</v>
      </c>
      <c r="DX6" s="398" t="s">
        <v>48</v>
      </c>
      <c r="DY6" s="398" t="s">
        <v>49</v>
      </c>
      <c r="DZ6" s="398" t="s">
        <v>50</v>
      </c>
      <c r="EA6" s="398" t="s">
        <v>51</v>
      </c>
      <c r="EB6" s="399" t="s">
        <v>45</v>
      </c>
      <c r="EC6" s="401" t="s">
        <v>52</v>
      </c>
      <c r="ED6" s="397" t="s">
        <v>43</v>
      </c>
      <c r="EE6" s="398" t="s">
        <v>44</v>
      </c>
      <c r="EF6" s="399" t="s">
        <v>45</v>
      </c>
      <c r="EG6" s="400" t="s">
        <v>46</v>
      </c>
      <c r="EH6" s="398" t="s">
        <v>47</v>
      </c>
      <c r="EI6" s="398" t="s">
        <v>48</v>
      </c>
      <c r="EJ6" s="398" t="s">
        <v>49</v>
      </c>
      <c r="EK6" s="398" t="s">
        <v>50</v>
      </c>
      <c r="EL6" s="398" t="s">
        <v>51</v>
      </c>
      <c r="EM6" s="399" t="s">
        <v>45</v>
      </c>
      <c r="EN6" s="401" t="s">
        <v>52</v>
      </c>
      <c r="EO6" s="397" t="s">
        <v>43</v>
      </c>
      <c r="EP6" s="398" t="s">
        <v>44</v>
      </c>
      <c r="EQ6" s="399" t="s">
        <v>45</v>
      </c>
      <c r="ER6" s="400" t="s">
        <v>46</v>
      </c>
      <c r="ES6" s="398" t="s">
        <v>47</v>
      </c>
      <c r="ET6" s="398" t="s">
        <v>48</v>
      </c>
      <c r="EU6" s="398" t="s">
        <v>49</v>
      </c>
      <c r="EV6" s="398" t="s">
        <v>50</v>
      </c>
      <c r="EW6" s="398" t="s">
        <v>51</v>
      </c>
      <c r="EX6" s="399" t="s">
        <v>45</v>
      </c>
      <c r="EY6" s="401" t="s">
        <v>52</v>
      </c>
      <c r="EZ6" s="397" t="s">
        <v>43</v>
      </c>
      <c r="FA6" s="398" t="s">
        <v>44</v>
      </c>
      <c r="FB6" s="399" t="s">
        <v>45</v>
      </c>
      <c r="FC6" s="400" t="s">
        <v>46</v>
      </c>
      <c r="FD6" s="398" t="s">
        <v>47</v>
      </c>
      <c r="FE6" s="398" t="s">
        <v>48</v>
      </c>
      <c r="FF6" s="398" t="s">
        <v>49</v>
      </c>
      <c r="FG6" s="398" t="s">
        <v>50</v>
      </c>
      <c r="FH6" s="398" t="s">
        <v>51</v>
      </c>
      <c r="FI6" s="399" t="s">
        <v>45</v>
      </c>
      <c r="FJ6" s="401" t="s">
        <v>52</v>
      </c>
      <c r="FK6" s="397" t="s">
        <v>43</v>
      </c>
      <c r="FL6" s="398" t="s">
        <v>44</v>
      </c>
      <c r="FM6" s="399" t="s">
        <v>45</v>
      </c>
      <c r="FN6" s="400" t="s">
        <v>46</v>
      </c>
      <c r="FO6" s="398" t="s">
        <v>47</v>
      </c>
      <c r="FP6" s="398" t="s">
        <v>48</v>
      </c>
      <c r="FQ6" s="398" t="s">
        <v>49</v>
      </c>
      <c r="FR6" s="398" t="s">
        <v>50</v>
      </c>
      <c r="FS6" s="398" t="s">
        <v>51</v>
      </c>
      <c r="FT6" s="399" t="s">
        <v>45</v>
      </c>
      <c r="FU6" s="401" t="s">
        <v>52</v>
      </c>
      <c r="FV6" s="397" t="s">
        <v>43</v>
      </c>
      <c r="FW6" s="398" t="s">
        <v>44</v>
      </c>
      <c r="FX6" s="399" t="s">
        <v>45</v>
      </c>
      <c r="FY6" s="400" t="s">
        <v>46</v>
      </c>
      <c r="FZ6" s="398" t="s">
        <v>47</v>
      </c>
      <c r="GA6" s="398" t="s">
        <v>48</v>
      </c>
      <c r="GB6" s="398" t="s">
        <v>49</v>
      </c>
      <c r="GC6" s="398" t="s">
        <v>50</v>
      </c>
      <c r="GD6" s="398" t="s">
        <v>51</v>
      </c>
      <c r="GE6" s="399" t="s">
        <v>45</v>
      </c>
      <c r="GF6" s="401" t="s">
        <v>52</v>
      </c>
      <c r="GG6" s="397" t="s">
        <v>43</v>
      </c>
      <c r="GH6" s="398" t="s">
        <v>44</v>
      </c>
      <c r="GI6" s="399" t="s">
        <v>45</v>
      </c>
      <c r="GJ6" s="400" t="s">
        <v>46</v>
      </c>
      <c r="GK6" s="398" t="s">
        <v>47</v>
      </c>
      <c r="GL6" s="398" t="s">
        <v>48</v>
      </c>
      <c r="GM6" s="398" t="s">
        <v>49</v>
      </c>
      <c r="GN6" s="398" t="s">
        <v>50</v>
      </c>
      <c r="GO6" s="398" t="s">
        <v>51</v>
      </c>
      <c r="GP6" s="399" t="s">
        <v>45</v>
      </c>
      <c r="GQ6" s="401" t="s">
        <v>52</v>
      </c>
      <c r="GR6" s="51" t="s">
        <v>43</v>
      </c>
      <c r="GS6" s="47" t="s">
        <v>44</v>
      </c>
      <c r="GT6" s="48" t="s">
        <v>45</v>
      </c>
      <c r="GU6" s="52" t="s">
        <v>46</v>
      </c>
      <c r="GV6" s="47" t="s">
        <v>47</v>
      </c>
      <c r="GW6" s="47" t="s">
        <v>48</v>
      </c>
      <c r="GX6" s="47" t="s">
        <v>49</v>
      </c>
      <c r="GY6" s="47" t="s">
        <v>50</v>
      </c>
      <c r="GZ6" s="47" t="s">
        <v>51</v>
      </c>
      <c r="HA6" s="48" t="s">
        <v>45</v>
      </c>
      <c r="HB6" s="391" t="s">
        <v>52</v>
      </c>
      <c r="HC6" s="397" t="s">
        <v>43</v>
      </c>
      <c r="HD6" s="398" t="s">
        <v>44</v>
      </c>
      <c r="HE6" s="399" t="s">
        <v>45</v>
      </c>
      <c r="HF6" s="400" t="s">
        <v>46</v>
      </c>
      <c r="HG6" s="398" t="s">
        <v>47</v>
      </c>
      <c r="HH6" s="398" t="s">
        <v>48</v>
      </c>
      <c r="HI6" s="398" t="s">
        <v>49</v>
      </c>
      <c r="HJ6" s="398" t="s">
        <v>50</v>
      </c>
      <c r="HK6" s="398" t="s">
        <v>51</v>
      </c>
      <c r="HL6" s="399" t="s">
        <v>45</v>
      </c>
      <c r="HM6" s="401" t="s">
        <v>52</v>
      </c>
      <c r="HN6" s="397" t="s">
        <v>43</v>
      </c>
      <c r="HO6" s="398" t="s">
        <v>44</v>
      </c>
      <c r="HP6" s="399" t="s">
        <v>45</v>
      </c>
      <c r="HQ6" s="400" t="s">
        <v>46</v>
      </c>
      <c r="HR6" s="398" t="s">
        <v>47</v>
      </c>
      <c r="HS6" s="398" t="s">
        <v>48</v>
      </c>
      <c r="HT6" s="398" t="s">
        <v>49</v>
      </c>
      <c r="HU6" s="398" t="s">
        <v>50</v>
      </c>
      <c r="HV6" s="398" t="s">
        <v>51</v>
      </c>
      <c r="HW6" s="399" t="s">
        <v>45</v>
      </c>
      <c r="HX6" s="401" t="s">
        <v>52</v>
      </c>
      <c r="HY6" s="397" t="s">
        <v>43</v>
      </c>
      <c r="HZ6" s="398" t="s">
        <v>44</v>
      </c>
      <c r="IA6" s="399" t="s">
        <v>45</v>
      </c>
      <c r="IB6" s="400" t="s">
        <v>46</v>
      </c>
      <c r="IC6" s="398" t="s">
        <v>47</v>
      </c>
      <c r="ID6" s="398" t="s">
        <v>48</v>
      </c>
      <c r="IE6" s="398" t="s">
        <v>49</v>
      </c>
      <c r="IF6" s="398" t="s">
        <v>50</v>
      </c>
      <c r="IG6" s="398" t="s">
        <v>51</v>
      </c>
      <c r="IH6" s="399" t="s">
        <v>45</v>
      </c>
      <c r="II6" s="401" t="s">
        <v>52</v>
      </c>
      <c r="IJ6" s="397" t="s">
        <v>43</v>
      </c>
      <c r="IK6" s="398" t="s">
        <v>44</v>
      </c>
      <c r="IL6" s="399" t="s">
        <v>45</v>
      </c>
      <c r="IM6" s="400" t="s">
        <v>46</v>
      </c>
      <c r="IN6" s="398" t="s">
        <v>47</v>
      </c>
      <c r="IO6" s="398" t="s">
        <v>48</v>
      </c>
      <c r="IP6" s="398" t="s">
        <v>49</v>
      </c>
      <c r="IQ6" s="398" t="s">
        <v>50</v>
      </c>
      <c r="IR6" s="398" t="s">
        <v>51</v>
      </c>
      <c r="IS6" s="399" t="s">
        <v>45</v>
      </c>
      <c r="IT6" s="401" t="s">
        <v>52</v>
      </c>
      <c r="IU6" s="397" t="s">
        <v>43</v>
      </c>
      <c r="IV6" s="398" t="s">
        <v>44</v>
      </c>
      <c r="IW6" s="399" t="s">
        <v>45</v>
      </c>
      <c r="IX6" s="400" t="s">
        <v>46</v>
      </c>
      <c r="IY6" s="398" t="s">
        <v>47</v>
      </c>
      <c r="IZ6" s="398" t="s">
        <v>48</v>
      </c>
      <c r="JA6" s="398" t="s">
        <v>49</v>
      </c>
      <c r="JB6" s="398" t="s">
        <v>50</v>
      </c>
      <c r="JC6" s="398" t="s">
        <v>51</v>
      </c>
      <c r="JD6" s="399" t="s">
        <v>45</v>
      </c>
      <c r="JE6" s="401" t="s">
        <v>52</v>
      </c>
      <c r="JF6" s="397" t="s">
        <v>43</v>
      </c>
      <c r="JG6" s="398" t="s">
        <v>44</v>
      </c>
      <c r="JH6" s="399" t="s">
        <v>45</v>
      </c>
      <c r="JI6" s="400" t="s">
        <v>46</v>
      </c>
      <c r="JJ6" s="398" t="s">
        <v>47</v>
      </c>
      <c r="JK6" s="398" t="s">
        <v>48</v>
      </c>
      <c r="JL6" s="398" t="s">
        <v>49</v>
      </c>
      <c r="JM6" s="398" t="s">
        <v>50</v>
      </c>
      <c r="JN6" s="398" t="s">
        <v>51</v>
      </c>
      <c r="JO6" s="399" t="s">
        <v>45</v>
      </c>
      <c r="JP6" s="401" t="s">
        <v>52</v>
      </c>
      <c r="JQ6" s="397" t="s">
        <v>43</v>
      </c>
      <c r="JR6" s="398" t="s">
        <v>44</v>
      </c>
      <c r="JS6" s="399" t="s">
        <v>45</v>
      </c>
      <c r="JT6" s="400" t="s">
        <v>46</v>
      </c>
      <c r="JU6" s="398" t="s">
        <v>47</v>
      </c>
      <c r="JV6" s="398" t="s">
        <v>48</v>
      </c>
      <c r="JW6" s="398" t="s">
        <v>49</v>
      </c>
      <c r="JX6" s="398" t="s">
        <v>50</v>
      </c>
      <c r="JY6" s="398" t="s">
        <v>51</v>
      </c>
      <c r="JZ6" s="399" t="s">
        <v>45</v>
      </c>
      <c r="KA6" s="401" t="s">
        <v>52</v>
      </c>
      <c r="KB6" s="397" t="s">
        <v>43</v>
      </c>
      <c r="KC6" s="398" t="s">
        <v>44</v>
      </c>
      <c r="KD6" s="399" t="s">
        <v>45</v>
      </c>
      <c r="KE6" s="400" t="s">
        <v>46</v>
      </c>
      <c r="KF6" s="398" t="s">
        <v>47</v>
      </c>
      <c r="KG6" s="398" t="s">
        <v>48</v>
      </c>
      <c r="KH6" s="398" t="s">
        <v>49</v>
      </c>
      <c r="KI6" s="398" t="s">
        <v>50</v>
      </c>
      <c r="KJ6" s="398" t="s">
        <v>51</v>
      </c>
      <c r="KK6" s="399" t="s">
        <v>45</v>
      </c>
      <c r="KL6" s="401" t="s">
        <v>52</v>
      </c>
    </row>
    <row r="7" spans="1:298" ht="19.5" customHeight="1" x14ac:dyDescent="0.2">
      <c r="A7" s="392" t="s">
        <v>4</v>
      </c>
      <c r="B7" s="346">
        <v>3176</v>
      </c>
      <c r="C7" s="79">
        <v>2994</v>
      </c>
      <c r="D7" s="80">
        <v>6170</v>
      </c>
      <c r="E7" s="273"/>
      <c r="F7" s="79">
        <v>4147</v>
      </c>
      <c r="G7" s="79">
        <v>3859</v>
      </c>
      <c r="H7" s="79">
        <v>2286</v>
      </c>
      <c r="I7" s="79">
        <v>2046</v>
      </c>
      <c r="J7" s="79">
        <v>1301</v>
      </c>
      <c r="K7" s="81">
        <v>13639</v>
      </c>
      <c r="L7" s="82">
        <v>19809</v>
      </c>
      <c r="M7" s="67">
        <v>91</v>
      </c>
      <c r="N7" s="68">
        <v>117</v>
      </c>
      <c r="O7" s="69">
        <v>208</v>
      </c>
      <c r="P7" s="276"/>
      <c r="Q7" s="68">
        <v>119</v>
      </c>
      <c r="R7" s="68">
        <v>153</v>
      </c>
      <c r="S7" s="68">
        <v>81</v>
      </c>
      <c r="T7" s="68">
        <v>80</v>
      </c>
      <c r="U7" s="68">
        <v>70</v>
      </c>
      <c r="V7" s="69">
        <v>503</v>
      </c>
      <c r="W7" s="70">
        <v>711</v>
      </c>
      <c r="X7" s="67">
        <v>234</v>
      </c>
      <c r="Y7" s="68">
        <v>265</v>
      </c>
      <c r="Z7" s="69">
        <v>499</v>
      </c>
      <c r="AA7" s="276"/>
      <c r="AB7" s="68">
        <v>307</v>
      </c>
      <c r="AC7" s="68">
        <v>325</v>
      </c>
      <c r="AD7" s="68">
        <v>199</v>
      </c>
      <c r="AE7" s="68">
        <v>182</v>
      </c>
      <c r="AF7" s="68">
        <v>139</v>
      </c>
      <c r="AG7" s="69">
        <v>1152</v>
      </c>
      <c r="AH7" s="70">
        <v>1651</v>
      </c>
      <c r="AI7" s="67">
        <v>378</v>
      </c>
      <c r="AJ7" s="68">
        <v>347</v>
      </c>
      <c r="AK7" s="69">
        <v>725</v>
      </c>
      <c r="AL7" s="276"/>
      <c r="AM7" s="68">
        <v>481</v>
      </c>
      <c r="AN7" s="68">
        <v>445</v>
      </c>
      <c r="AO7" s="68">
        <v>257</v>
      </c>
      <c r="AP7" s="68">
        <v>259</v>
      </c>
      <c r="AQ7" s="68">
        <v>178</v>
      </c>
      <c r="AR7" s="69">
        <v>1620</v>
      </c>
      <c r="AS7" s="70">
        <v>2345</v>
      </c>
      <c r="AT7" s="67">
        <v>756</v>
      </c>
      <c r="AU7" s="68">
        <v>674</v>
      </c>
      <c r="AV7" s="69">
        <v>1430</v>
      </c>
      <c r="AW7" s="276"/>
      <c r="AX7" s="68">
        <v>927</v>
      </c>
      <c r="AY7" s="68">
        <v>792</v>
      </c>
      <c r="AZ7" s="68">
        <v>512</v>
      </c>
      <c r="BA7" s="68">
        <v>397</v>
      </c>
      <c r="BB7" s="68">
        <v>281</v>
      </c>
      <c r="BC7" s="69">
        <v>2909</v>
      </c>
      <c r="BD7" s="70">
        <v>4339</v>
      </c>
      <c r="BE7" s="67">
        <v>998</v>
      </c>
      <c r="BF7" s="68">
        <v>835</v>
      </c>
      <c r="BG7" s="69">
        <v>1833</v>
      </c>
      <c r="BH7" s="276"/>
      <c r="BI7" s="68">
        <v>1197</v>
      </c>
      <c r="BJ7" s="68">
        <v>978</v>
      </c>
      <c r="BK7" s="68">
        <v>583</v>
      </c>
      <c r="BL7" s="68">
        <v>524</v>
      </c>
      <c r="BM7" s="68">
        <v>296</v>
      </c>
      <c r="BN7" s="69">
        <v>3578</v>
      </c>
      <c r="BO7" s="70">
        <v>5411</v>
      </c>
      <c r="BP7" s="67">
        <v>719</v>
      </c>
      <c r="BQ7" s="68">
        <v>756</v>
      </c>
      <c r="BR7" s="69">
        <v>1475</v>
      </c>
      <c r="BS7" s="276"/>
      <c r="BT7" s="68">
        <v>1116</v>
      </c>
      <c r="BU7" s="68">
        <v>1166</v>
      </c>
      <c r="BV7" s="68">
        <v>654</v>
      </c>
      <c r="BW7" s="68">
        <v>604</v>
      </c>
      <c r="BX7" s="68">
        <v>337</v>
      </c>
      <c r="BY7" s="69">
        <v>3877</v>
      </c>
      <c r="BZ7" s="70">
        <v>5352</v>
      </c>
      <c r="CA7" s="67">
        <v>0</v>
      </c>
      <c r="CB7" s="68">
        <v>0</v>
      </c>
      <c r="CC7" s="69">
        <v>0</v>
      </c>
      <c r="CD7" s="276"/>
      <c r="CE7" s="68">
        <v>0</v>
      </c>
      <c r="CF7" s="68">
        <v>0</v>
      </c>
      <c r="CG7" s="68">
        <v>0</v>
      </c>
      <c r="CH7" s="68">
        <v>0</v>
      </c>
      <c r="CI7" s="68">
        <v>0</v>
      </c>
      <c r="CJ7" s="69">
        <v>0</v>
      </c>
      <c r="CK7" s="70">
        <v>0</v>
      </c>
      <c r="CL7" s="67">
        <v>3176</v>
      </c>
      <c r="CM7" s="68">
        <v>2994</v>
      </c>
      <c r="CN7" s="69">
        <v>6170</v>
      </c>
      <c r="CO7" s="276"/>
      <c r="CP7" s="68">
        <v>4147</v>
      </c>
      <c r="CQ7" s="68">
        <v>3859</v>
      </c>
      <c r="CR7" s="68">
        <v>2286</v>
      </c>
      <c r="CS7" s="68">
        <v>2046</v>
      </c>
      <c r="CT7" s="68">
        <v>1301</v>
      </c>
      <c r="CU7" s="69">
        <v>13639</v>
      </c>
      <c r="CV7" s="70">
        <v>19809</v>
      </c>
      <c r="CW7" s="126">
        <v>1155</v>
      </c>
      <c r="CX7" s="79">
        <v>1282</v>
      </c>
      <c r="CY7" s="80">
        <v>2437</v>
      </c>
      <c r="CZ7" s="273"/>
      <c r="DA7" s="79">
        <v>1634</v>
      </c>
      <c r="DB7" s="79">
        <v>1549</v>
      </c>
      <c r="DC7" s="79">
        <v>1023</v>
      </c>
      <c r="DD7" s="79">
        <v>1042</v>
      </c>
      <c r="DE7" s="79">
        <v>739</v>
      </c>
      <c r="DF7" s="81">
        <v>5987</v>
      </c>
      <c r="DG7" s="82">
        <v>8424</v>
      </c>
      <c r="DH7" s="67">
        <v>29</v>
      </c>
      <c r="DI7" s="68">
        <v>30</v>
      </c>
      <c r="DJ7" s="69">
        <v>59</v>
      </c>
      <c r="DK7" s="276"/>
      <c r="DL7" s="68">
        <v>26</v>
      </c>
      <c r="DM7" s="68">
        <v>36</v>
      </c>
      <c r="DN7" s="68">
        <v>23</v>
      </c>
      <c r="DO7" s="68">
        <v>14</v>
      </c>
      <c r="DP7" s="68">
        <v>11</v>
      </c>
      <c r="DQ7" s="69">
        <v>110</v>
      </c>
      <c r="DR7" s="70">
        <v>169</v>
      </c>
      <c r="DS7" s="67">
        <v>101</v>
      </c>
      <c r="DT7" s="68">
        <v>84</v>
      </c>
      <c r="DU7" s="69">
        <v>185</v>
      </c>
      <c r="DV7" s="276"/>
      <c r="DW7" s="68">
        <v>100</v>
      </c>
      <c r="DX7" s="68">
        <v>81</v>
      </c>
      <c r="DY7" s="68">
        <v>52</v>
      </c>
      <c r="DZ7" s="68">
        <v>46</v>
      </c>
      <c r="EA7" s="68">
        <v>20</v>
      </c>
      <c r="EB7" s="69">
        <v>299</v>
      </c>
      <c r="EC7" s="70">
        <v>484</v>
      </c>
      <c r="ED7" s="67">
        <v>175</v>
      </c>
      <c r="EE7" s="68">
        <v>160</v>
      </c>
      <c r="EF7" s="69">
        <v>335</v>
      </c>
      <c r="EG7" s="276"/>
      <c r="EH7" s="68">
        <v>187</v>
      </c>
      <c r="EI7" s="68">
        <v>123</v>
      </c>
      <c r="EJ7" s="68">
        <v>75</v>
      </c>
      <c r="EK7" s="68">
        <v>65</v>
      </c>
      <c r="EL7" s="68">
        <v>54</v>
      </c>
      <c r="EM7" s="69">
        <v>504</v>
      </c>
      <c r="EN7" s="70">
        <v>839</v>
      </c>
      <c r="EO7" s="67">
        <v>277</v>
      </c>
      <c r="EP7" s="68">
        <v>306</v>
      </c>
      <c r="EQ7" s="69">
        <v>583</v>
      </c>
      <c r="ER7" s="276"/>
      <c r="ES7" s="68">
        <v>355</v>
      </c>
      <c r="ET7" s="68">
        <v>265</v>
      </c>
      <c r="EU7" s="68">
        <v>148</v>
      </c>
      <c r="EV7" s="68">
        <v>138</v>
      </c>
      <c r="EW7" s="68">
        <v>114</v>
      </c>
      <c r="EX7" s="69">
        <v>1020</v>
      </c>
      <c r="EY7" s="70">
        <v>1603</v>
      </c>
      <c r="EZ7" s="67">
        <v>354</v>
      </c>
      <c r="FA7" s="68">
        <v>371</v>
      </c>
      <c r="FB7" s="69">
        <v>725</v>
      </c>
      <c r="FC7" s="276"/>
      <c r="FD7" s="68">
        <v>490</v>
      </c>
      <c r="FE7" s="68">
        <v>464</v>
      </c>
      <c r="FF7" s="68">
        <v>289</v>
      </c>
      <c r="FG7" s="68">
        <v>237</v>
      </c>
      <c r="FH7" s="68">
        <v>191</v>
      </c>
      <c r="FI7" s="69">
        <v>1671</v>
      </c>
      <c r="FJ7" s="70">
        <v>2396</v>
      </c>
      <c r="FK7" s="67">
        <v>219</v>
      </c>
      <c r="FL7" s="68">
        <v>331</v>
      </c>
      <c r="FM7" s="69">
        <v>550</v>
      </c>
      <c r="FN7" s="276"/>
      <c r="FO7" s="68">
        <v>476</v>
      </c>
      <c r="FP7" s="68">
        <v>580</v>
      </c>
      <c r="FQ7" s="68">
        <v>436</v>
      </c>
      <c r="FR7" s="68">
        <v>542</v>
      </c>
      <c r="FS7" s="68">
        <v>349</v>
      </c>
      <c r="FT7" s="69">
        <v>2383</v>
      </c>
      <c r="FU7" s="70">
        <v>2933</v>
      </c>
      <c r="FV7" s="67">
        <v>0</v>
      </c>
      <c r="FW7" s="68">
        <v>0</v>
      </c>
      <c r="FX7" s="69">
        <v>0</v>
      </c>
      <c r="FY7" s="276"/>
      <c r="FZ7" s="68">
        <v>0</v>
      </c>
      <c r="GA7" s="68">
        <v>0</v>
      </c>
      <c r="GB7" s="68">
        <v>0</v>
      </c>
      <c r="GC7" s="68">
        <v>0</v>
      </c>
      <c r="GD7" s="68">
        <v>0</v>
      </c>
      <c r="GE7" s="69">
        <v>0</v>
      </c>
      <c r="GF7" s="70">
        <v>0</v>
      </c>
      <c r="GG7" s="67">
        <v>1155</v>
      </c>
      <c r="GH7" s="68">
        <v>1282</v>
      </c>
      <c r="GI7" s="69">
        <v>2437</v>
      </c>
      <c r="GJ7" s="276"/>
      <c r="GK7" s="68">
        <v>1634</v>
      </c>
      <c r="GL7" s="68">
        <v>1549</v>
      </c>
      <c r="GM7" s="68">
        <v>1023</v>
      </c>
      <c r="GN7" s="68">
        <v>1042</v>
      </c>
      <c r="GO7" s="68">
        <v>739</v>
      </c>
      <c r="GP7" s="69">
        <v>5987</v>
      </c>
      <c r="GQ7" s="70">
        <v>8424</v>
      </c>
      <c r="GR7" s="126">
        <v>4331</v>
      </c>
      <c r="GS7" s="79">
        <v>4276</v>
      </c>
      <c r="GT7" s="80">
        <v>8607</v>
      </c>
      <c r="GU7" s="273"/>
      <c r="GV7" s="79">
        <v>5781</v>
      </c>
      <c r="GW7" s="79">
        <v>5408</v>
      </c>
      <c r="GX7" s="79">
        <v>3309</v>
      </c>
      <c r="GY7" s="79">
        <v>3088</v>
      </c>
      <c r="GZ7" s="79">
        <v>2040</v>
      </c>
      <c r="HA7" s="81">
        <v>19626</v>
      </c>
      <c r="HB7" s="82">
        <v>28233</v>
      </c>
      <c r="HC7" s="67">
        <v>120</v>
      </c>
      <c r="HD7" s="68">
        <v>147</v>
      </c>
      <c r="HE7" s="69">
        <v>267</v>
      </c>
      <c r="HF7" s="273"/>
      <c r="HG7" s="68">
        <v>145</v>
      </c>
      <c r="HH7" s="68">
        <v>189</v>
      </c>
      <c r="HI7" s="68">
        <v>104</v>
      </c>
      <c r="HJ7" s="68">
        <v>94</v>
      </c>
      <c r="HK7" s="68">
        <v>81</v>
      </c>
      <c r="HL7" s="69">
        <v>613</v>
      </c>
      <c r="HM7" s="70">
        <v>880</v>
      </c>
      <c r="HN7" s="67">
        <v>335</v>
      </c>
      <c r="HO7" s="68">
        <v>349</v>
      </c>
      <c r="HP7" s="69">
        <v>684</v>
      </c>
      <c r="HQ7" s="276"/>
      <c r="HR7" s="68">
        <v>407</v>
      </c>
      <c r="HS7" s="68">
        <v>406</v>
      </c>
      <c r="HT7" s="68">
        <v>251</v>
      </c>
      <c r="HU7" s="68">
        <v>228</v>
      </c>
      <c r="HV7" s="68">
        <v>159</v>
      </c>
      <c r="HW7" s="69">
        <v>1451</v>
      </c>
      <c r="HX7" s="70">
        <v>2135</v>
      </c>
      <c r="HY7" s="67">
        <v>553</v>
      </c>
      <c r="HZ7" s="68">
        <v>507</v>
      </c>
      <c r="IA7" s="69">
        <v>1060</v>
      </c>
      <c r="IB7" s="276"/>
      <c r="IC7" s="68">
        <v>668</v>
      </c>
      <c r="ID7" s="68">
        <v>568</v>
      </c>
      <c r="IE7" s="68">
        <v>332</v>
      </c>
      <c r="IF7" s="68">
        <v>324</v>
      </c>
      <c r="IG7" s="68">
        <v>232</v>
      </c>
      <c r="IH7" s="69">
        <v>2124</v>
      </c>
      <c r="II7" s="70">
        <v>3184</v>
      </c>
      <c r="IJ7" s="67">
        <v>1033</v>
      </c>
      <c r="IK7" s="68">
        <v>980</v>
      </c>
      <c r="IL7" s="69">
        <v>2013</v>
      </c>
      <c r="IM7" s="276"/>
      <c r="IN7" s="68">
        <v>1282</v>
      </c>
      <c r="IO7" s="68">
        <v>1057</v>
      </c>
      <c r="IP7" s="68">
        <v>660</v>
      </c>
      <c r="IQ7" s="68">
        <v>535</v>
      </c>
      <c r="IR7" s="68">
        <v>395</v>
      </c>
      <c r="IS7" s="69">
        <v>3929</v>
      </c>
      <c r="IT7" s="70">
        <v>5942</v>
      </c>
      <c r="IU7" s="67">
        <v>1352</v>
      </c>
      <c r="IV7" s="68">
        <v>1206</v>
      </c>
      <c r="IW7" s="69">
        <v>2558</v>
      </c>
      <c r="IX7" s="273"/>
      <c r="IY7" s="68">
        <v>1687</v>
      </c>
      <c r="IZ7" s="68">
        <v>1442</v>
      </c>
      <c r="JA7" s="68">
        <v>872</v>
      </c>
      <c r="JB7" s="68">
        <v>761</v>
      </c>
      <c r="JC7" s="68">
        <v>487</v>
      </c>
      <c r="JD7" s="69">
        <v>5249</v>
      </c>
      <c r="JE7" s="70">
        <v>7807</v>
      </c>
      <c r="JF7" s="67">
        <v>938</v>
      </c>
      <c r="JG7" s="68">
        <v>1087</v>
      </c>
      <c r="JH7" s="69">
        <v>2025</v>
      </c>
      <c r="JI7" s="273"/>
      <c r="JJ7" s="68">
        <v>1592</v>
      </c>
      <c r="JK7" s="68">
        <v>1746</v>
      </c>
      <c r="JL7" s="68">
        <v>1090</v>
      </c>
      <c r="JM7" s="68">
        <v>1146</v>
      </c>
      <c r="JN7" s="68">
        <v>686</v>
      </c>
      <c r="JO7" s="69">
        <v>6260</v>
      </c>
      <c r="JP7" s="70">
        <v>8285</v>
      </c>
      <c r="JQ7" s="67">
        <v>0</v>
      </c>
      <c r="JR7" s="68">
        <v>0</v>
      </c>
      <c r="JS7" s="69">
        <v>0</v>
      </c>
      <c r="JT7" s="273"/>
      <c r="JU7" s="68">
        <v>0</v>
      </c>
      <c r="JV7" s="68">
        <v>0</v>
      </c>
      <c r="JW7" s="68">
        <v>0</v>
      </c>
      <c r="JX7" s="68">
        <v>0</v>
      </c>
      <c r="JY7" s="68">
        <v>0</v>
      </c>
      <c r="JZ7" s="69">
        <v>0</v>
      </c>
      <c r="KA7" s="70">
        <v>0</v>
      </c>
      <c r="KB7" s="67">
        <v>4331</v>
      </c>
      <c r="KC7" s="68">
        <v>4276</v>
      </c>
      <c r="KD7" s="69">
        <v>8607</v>
      </c>
      <c r="KE7" s="273"/>
      <c r="KF7" s="68">
        <v>5781</v>
      </c>
      <c r="KG7" s="68">
        <v>5408</v>
      </c>
      <c r="KH7" s="68">
        <v>3309</v>
      </c>
      <c r="KI7" s="68">
        <v>3088</v>
      </c>
      <c r="KJ7" s="68">
        <v>2040</v>
      </c>
      <c r="KK7" s="69">
        <v>19626</v>
      </c>
      <c r="KL7" s="70">
        <v>28233</v>
      </c>
    </row>
    <row r="8" spans="1:298" ht="19.5" customHeight="1" x14ac:dyDescent="0.2">
      <c r="A8" s="130" t="s">
        <v>5</v>
      </c>
      <c r="B8" s="347">
        <v>1424</v>
      </c>
      <c r="C8" s="83">
        <v>1559</v>
      </c>
      <c r="D8" s="84">
        <v>2983</v>
      </c>
      <c r="E8" s="274"/>
      <c r="F8" s="83">
        <v>1568</v>
      </c>
      <c r="G8" s="83">
        <v>1876</v>
      </c>
      <c r="H8" s="83">
        <v>1022</v>
      </c>
      <c r="I8" s="83">
        <v>870</v>
      </c>
      <c r="J8" s="83">
        <v>587</v>
      </c>
      <c r="K8" s="85">
        <v>5923</v>
      </c>
      <c r="L8" s="86">
        <v>8906</v>
      </c>
      <c r="M8" s="71">
        <v>35</v>
      </c>
      <c r="N8" s="72">
        <v>58</v>
      </c>
      <c r="O8" s="73">
        <v>93</v>
      </c>
      <c r="P8" s="277"/>
      <c r="Q8" s="72">
        <v>37</v>
      </c>
      <c r="R8" s="72">
        <v>73</v>
      </c>
      <c r="S8" s="72">
        <v>35</v>
      </c>
      <c r="T8" s="72">
        <v>34</v>
      </c>
      <c r="U8" s="72">
        <v>29</v>
      </c>
      <c r="V8" s="73">
        <v>208</v>
      </c>
      <c r="W8" s="74">
        <v>301</v>
      </c>
      <c r="X8" s="71">
        <v>91</v>
      </c>
      <c r="Y8" s="72">
        <v>150</v>
      </c>
      <c r="Z8" s="73">
        <v>241</v>
      </c>
      <c r="AA8" s="277"/>
      <c r="AB8" s="72">
        <v>86</v>
      </c>
      <c r="AC8" s="72">
        <v>128</v>
      </c>
      <c r="AD8" s="72">
        <v>82</v>
      </c>
      <c r="AE8" s="72">
        <v>81</v>
      </c>
      <c r="AF8" s="72">
        <v>62</v>
      </c>
      <c r="AG8" s="73">
        <v>439</v>
      </c>
      <c r="AH8" s="74">
        <v>680</v>
      </c>
      <c r="AI8" s="71">
        <v>190</v>
      </c>
      <c r="AJ8" s="72">
        <v>189</v>
      </c>
      <c r="AK8" s="73">
        <v>379</v>
      </c>
      <c r="AL8" s="277"/>
      <c r="AM8" s="72">
        <v>164</v>
      </c>
      <c r="AN8" s="72">
        <v>218</v>
      </c>
      <c r="AO8" s="72">
        <v>95</v>
      </c>
      <c r="AP8" s="72">
        <v>107</v>
      </c>
      <c r="AQ8" s="72">
        <v>73</v>
      </c>
      <c r="AR8" s="73">
        <v>657</v>
      </c>
      <c r="AS8" s="74">
        <v>1036</v>
      </c>
      <c r="AT8" s="71">
        <v>348</v>
      </c>
      <c r="AU8" s="72">
        <v>333</v>
      </c>
      <c r="AV8" s="73">
        <v>681</v>
      </c>
      <c r="AW8" s="277"/>
      <c r="AX8" s="72">
        <v>335</v>
      </c>
      <c r="AY8" s="72">
        <v>371</v>
      </c>
      <c r="AZ8" s="72">
        <v>232</v>
      </c>
      <c r="BA8" s="72">
        <v>167</v>
      </c>
      <c r="BB8" s="72">
        <v>129</v>
      </c>
      <c r="BC8" s="73">
        <v>1234</v>
      </c>
      <c r="BD8" s="74">
        <v>1915</v>
      </c>
      <c r="BE8" s="71">
        <v>453</v>
      </c>
      <c r="BF8" s="72">
        <v>439</v>
      </c>
      <c r="BG8" s="73">
        <v>892</v>
      </c>
      <c r="BH8" s="277"/>
      <c r="BI8" s="72">
        <v>502</v>
      </c>
      <c r="BJ8" s="72">
        <v>483</v>
      </c>
      <c r="BK8" s="72">
        <v>257</v>
      </c>
      <c r="BL8" s="72">
        <v>205</v>
      </c>
      <c r="BM8" s="72">
        <v>137</v>
      </c>
      <c r="BN8" s="73">
        <v>1584</v>
      </c>
      <c r="BO8" s="74">
        <v>2476</v>
      </c>
      <c r="BP8" s="71">
        <v>307</v>
      </c>
      <c r="BQ8" s="72">
        <v>390</v>
      </c>
      <c r="BR8" s="73">
        <v>697</v>
      </c>
      <c r="BS8" s="277"/>
      <c r="BT8" s="72">
        <v>444</v>
      </c>
      <c r="BU8" s="72">
        <v>603</v>
      </c>
      <c r="BV8" s="72">
        <v>321</v>
      </c>
      <c r="BW8" s="72">
        <v>276</v>
      </c>
      <c r="BX8" s="72">
        <v>157</v>
      </c>
      <c r="BY8" s="73">
        <v>1801</v>
      </c>
      <c r="BZ8" s="74">
        <v>2498</v>
      </c>
      <c r="CA8" s="71">
        <v>0</v>
      </c>
      <c r="CB8" s="72">
        <v>0</v>
      </c>
      <c r="CC8" s="73">
        <v>0</v>
      </c>
      <c r="CD8" s="277"/>
      <c r="CE8" s="72">
        <v>0</v>
      </c>
      <c r="CF8" s="72">
        <v>0</v>
      </c>
      <c r="CG8" s="72">
        <v>0</v>
      </c>
      <c r="CH8" s="72">
        <v>0</v>
      </c>
      <c r="CI8" s="72">
        <v>0</v>
      </c>
      <c r="CJ8" s="73">
        <v>0</v>
      </c>
      <c r="CK8" s="74">
        <v>0</v>
      </c>
      <c r="CL8" s="71">
        <v>1424</v>
      </c>
      <c r="CM8" s="72">
        <v>1559</v>
      </c>
      <c r="CN8" s="73">
        <v>2983</v>
      </c>
      <c r="CO8" s="277"/>
      <c r="CP8" s="72">
        <v>1568</v>
      </c>
      <c r="CQ8" s="72">
        <v>1876</v>
      </c>
      <c r="CR8" s="72">
        <v>1022</v>
      </c>
      <c r="CS8" s="72">
        <v>870</v>
      </c>
      <c r="CT8" s="72">
        <v>587</v>
      </c>
      <c r="CU8" s="73">
        <v>5923</v>
      </c>
      <c r="CV8" s="74">
        <v>8906</v>
      </c>
      <c r="CW8" s="127">
        <v>477</v>
      </c>
      <c r="CX8" s="83">
        <v>597</v>
      </c>
      <c r="CY8" s="84">
        <v>1074</v>
      </c>
      <c r="CZ8" s="274"/>
      <c r="DA8" s="83">
        <v>587</v>
      </c>
      <c r="DB8" s="83">
        <v>786</v>
      </c>
      <c r="DC8" s="83">
        <v>446</v>
      </c>
      <c r="DD8" s="83">
        <v>462</v>
      </c>
      <c r="DE8" s="83">
        <v>327</v>
      </c>
      <c r="DF8" s="85">
        <v>2608</v>
      </c>
      <c r="DG8" s="86">
        <v>3682</v>
      </c>
      <c r="DH8" s="71">
        <v>13</v>
      </c>
      <c r="DI8" s="72">
        <v>18</v>
      </c>
      <c r="DJ8" s="73">
        <v>31</v>
      </c>
      <c r="DK8" s="277"/>
      <c r="DL8" s="72">
        <v>6</v>
      </c>
      <c r="DM8" s="72">
        <v>23</v>
      </c>
      <c r="DN8" s="72">
        <v>8</v>
      </c>
      <c r="DO8" s="72">
        <v>7</v>
      </c>
      <c r="DP8" s="72">
        <v>3</v>
      </c>
      <c r="DQ8" s="73">
        <v>47</v>
      </c>
      <c r="DR8" s="74">
        <v>78</v>
      </c>
      <c r="DS8" s="71">
        <v>41</v>
      </c>
      <c r="DT8" s="72">
        <v>38</v>
      </c>
      <c r="DU8" s="73">
        <v>79</v>
      </c>
      <c r="DV8" s="277"/>
      <c r="DW8" s="72">
        <v>35</v>
      </c>
      <c r="DX8" s="72">
        <v>42</v>
      </c>
      <c r="DY8" s="72">
        <v>18</v>
      </c>
      <c r="DZ8" s="72">
        <v>23</v>
      </c>
      <c r="EA8" s="72">
        <v>9</v>
      </c>
      <c r="EB8" s="73">
        <v>127</v>
      </c>
      <c r="EC8" s="74">
        <v>206</v>
      </c>
      <c r="ED8" s="71">
        <v>73</v>
      </c>
      <c r="EE8" s="72">
        <v>70</v>
      </c>
      <c r="EF8" s="73">
        <v>143</v>
      </c>
      <c r="EG8" s="277"/>
      <c r="EH8" s="72">
        <v>63</v>
      </c>
      <c r="EI8" s="72">
        <v>62</v>
      </c>
      <c r="EJ8" s="72">
        <v>35</v>
      </c>
      <c r="EK8" s="72">
        <v>26</v>
      </c>
      <c r="EL8" s="72">
        <v>25</v>
      </c>
      <c r="EM8" s="73">
        <v>211</v>
      </c>
      <c r="EN8" s="74">
        <v>354</v>
      </c>
      <c r="EO8" s="71">
        <v>110</v>
      </c>
      <c r="EP8" s="72">
        <v>137</v>
      </c>
      <c r="EQ8" s="73">
        <v>247</v>
      </c>
      <c r="ER8" s="277"/>
      <c r="ES8" s="72">
        <v>131</v>
      </c>
      <c r="ET8" s="72">
        <v>131</v>
      </c>
      <c r="EU8" s="72">
        <v>73</v>
      </c>
      <c r="EV8" s="72">
        <v>71</v>
      </c>
      <c r="EW8" s="72">
        <v>40</v>
      </c>
      <c r="EX8" s="73">
        <v>446</v>
      </c>
      <c r="EY8" s="74">
        <v>693</v>
      </c>
      <c r="EZ8" s="71">
        <v>149</v>
      </c>
      <c r="FA8" s="72">
        <v>177</v>
      </c>
      <c r="FB8" s="73">
        <v>326</v>
      </c>
      <c r="FC8" s="277"/>
      <c r="FD8" s="72">
        <v>185</v>
      </c>
      <c r="FE8" s="72">
        <v>238</v>
      </c>
      <c r="FF8" s="72">
        <v>139</v>
      </c>
      <c r="FG8" s="72">
        <v>110</v>
      </c>
      <c r="FH8" s="72">
        <v>102</v>
      </c>
      <c r="FI8" s="73">
        <v>774</v>
      </c>
      <c r="FJ8" s="74">
        <v>1100</v>
      </c>
      <c r="FK8" s="71">
        <v>91</v>
      </c>
      <c r="FL8" s="72">
        <v>157</v>
      </c>
      <c r="FM8" s="73">
        <v>248</v>
      </c>
      <c r="FN8" s="277"/>
      <c r="FO8" s="72">
        <v>167</v>
      </c>
      <c r="FP8" s="72">
        <v>290</v>
      </c>
      <c r="FQ8" s="72">
        <v>173</v>
      </c>
      <c r="FR8" s="72">
        <v>225</v>
      </c>
      <c r="FS8" s="72">
        <v>148</v>
      </c>
      <c r="FT8" s="73">
        <v>1003</v>
      </c>
      <c r="FU8" s="74">
        <v>1251</v>
      </c>
      <c r="FV8" s="71">
        <v>0</v>
      </c>
      <c r="FW8" s="72">
        <v>0</v>
      </c>
      <c r="FX8" s="73">
        <v>0</v>
      </c>
      <c r="FY8" s="277"/>
      <c r="FZ8" s="72">
        <v>0</v>
      </c>
      <c r="GA8" s="72">
        <v>0</v>
      </c>
      <c r="GB8" s="72">
        <v>0</v>
      </c>
      <c r="GC8" s="72">
        <v>0</v>
      </c>
      <c r="GD8" s="72">
        <v>0</v>
      </c>
      <c r="GE8" s="73">
        <v>0</v>
      </c>
      <c r="GF8" s="74">
        <v>0</v>
      </c>
      <c r="GG8" s="71">
        <v>477</v>
      </c>
      <c r="GH8" s="72">
        <v>597</v>
      </c>
      <c r="GI8" s="73">
        <v>1074</v>
      </c>
      <c r="GJ8" s="277"/>
      <c r="GK8" s="72">
        <v>587</v>
      </c>
      <c r="GL8" s="72">
        <v>786</v>
      </c>
      <c r="GM8" s="72">
        <v>446</v>
      </c>
      <c r="GN8" s="72">
        <v>462</v>
      </c>
      <c r="GO8" s="72">
        <v>327</v>
      </c>
      <c r="GP8" s="73">
        <v>2608</v>
      </c>
      <c r="GQ8" s="74">
        <v>3682</v>
      </c>
      <c r="GR8" s="127">
        <v>1901</v>
      </c>
      <c r="GS8" s="83">
        <v>2156</v>
      </c>
      <c r="GT8" s="84">
        <v>4057</v>
      </c>
      <c r="GU8" s="274"/>
      <c r="GV8" s="83">
        <v>2155</v>
      </c>
      <c r="GW8" s="83">
        <v>2662</v>
      </c>
      <c r="GX8" s="83">
        <v>1468</v>
      </c>
      <c r="GY8" s="83">
        <v>1332</v>
      </c>
      <c r="GZ8" s="83">
        <v>914</v>
      </c>
      <c r="HA8" s="85">
        <v>8531</v>
      </c>
      <c r="HB8" s="86">
        <v>12588</v>
      </c>
      <c r="HC8" s="71">
        <v>48</v>
      </c>
      <c r="HD8" s="72">
        <v>76</v>
      </c>
      <c r="HE8" s="73">
        <v>124</v>
      </c>
      <c r="HF8" s="274"/>
      <c r="HG8" s="72">
        <v>43</v>
      </c>
      <c r="HH8" s="72">
        <v>96</v>
      </c>
      <c r="HI8" s="72">
        <v>43</v>
      </c>
      <c r="HJ8" s="72">
        <v>41</v>
      </c>
      <c r="HK8" s="72">
        <v>32</v>
      </c>
      <c r="HL8" s="73">
        <v>255</v>
      </c>
      <c r="HM8" s="74">
        <v>379</v>
      </c>
      <c r="HN8" s="71">
        <v>132</v>
      </c>
      <c r="HO8" s="72">
        <v>188</v>
      </c>
      <c r="HP8" s="73">
        <v>320</v>
      </c>
      <c r="HQ8" s="277"/>
      <c r="HR8" s="72">
        <v>121</v>
      </c>
      <c r="HS8" s="72">
        <v>170</v>
      </c>
      <c r="HT8" s="72">
        <v>100</v>
      </c>
      <c r="HU8" s="72">
        <v>104</v>
      </c>
      <c r="HV8" s="72">
        <v>71</v>
      </c>
      <c r="HW8" s="73">
        <v>566</v>
      </c>
      <c r="HX8" s="74">
        <v>886</v>
      </c>
      <c r="HY8" s="71">
        <v>263</v>
      </c>
      <c r="HZ8" s="72">
        <v>259</v>
      </c>
      <c r="IA8" s="73">
        <v>522</v>
      </c>
      <c r="IB8" s="277"/>
      <c r="IC8" s="72">
        <v>227</v>
      </c>
      <c r="ID8" s="72">
        <v>280</v>
      </c>
      <c r="IE8" s="72">
        <v>130</v>
      </c>
      <c r="IF8" s="72">
        <v>133</v>
      </c>
      <c r="IG8" s="72">
        <v>98</v>
      </c>
      <c r="IH8" s="73">
        <v>868</v>
      </c>
      <c r="II8" s="74">
        <v>1390</v>
      </c>
      <c r="IJ8" s="71">
        <v>458</v>
      </c>
      <c r="IK8" s="72">
        <v>470</v>
      </c>
      <c r="IL8" s="73">
        <v>928</v>
      </c>
      <c r="IM8" s="277"/>
      <c r="IN8" s="72">
        <v>466</v>
      </c>
      <c r="IO8" s="72">
        <v>502</v>
      </c>
      <c r="IP8" s="72">
        <v>305</v>
      </c>
      <c r="IQ8" s="72">
        <v>238</v>
      </c>
      <c r="IR8" s="72">
        <v>169</v>
      </c>
      <c r="IS8" s="73">
        <v>1680</v>
      </c>
      <c r="IT8" s="74">
        <v>2608</v>
      </c>
      <c r="IU8" s="71">
        <v>602</v>
      </c>
      <c r="IV8" s="72">
        <v>616</v>
      </c>
      <c r="IW8" s="73">
        <v>1218</v>
      </c>
      <c r="IX8" s="274"/>
      <c r="IY8" s="72">
        <v>687</v>
      </c>
      <c r="IZ8" s="72">
        <v>721</v>
      </c>
      <c r="JA8" s="72">
        <v>396</v>
      </c>
      <c r="JB8" s="72">
        <v>315</v>
      </c>
      <c r="JC8" s="72">
        <v>239</v>
      </c>
      <c r="JD8" s="73">
        <v>2358</v>
      </c>
      <c r="JE8" s="74">
        <v>3576</v>
      </c>
      <c r="JF8" s="71">
        <v>398</v>
      </c>
      <c r="JG8" s="72">
        <v>547</v>
      </c>
      <c r="JH8" s="73">
        <v>945</v>
      </c>
      <c r="JI8" s="274"/>
      <c r="JJ8" s="72">
        <v>611</v>
      </c>
      <c r="JK8" s="72">
        <v>893</v>
      </c>
      <c r="JL8" s="72">
        <v>494</v>
      </c>
      <c r="JM8" s="72">
        <v>501</v>
      </c>
      <c r="JN8" s="72">
        <v>305</v>
      </c>
      <c r="JO8" s="73">
        <v>2804</v>
      </c>
      <c r="JP8" s="74">
        <v>3749</v>
      </c>
      <c r="JQ8" s="71">
        <v>0</v>
      </c>
      <c r="JR8" s="72">
        <v>0</v>
      </c>
      <c r="JS8" s="73">
        <v>0</v>
      </c>
      <c r="JT8" s="274"/>
      <c r="JU8" s="72">
        <v>0</v>
      </c>
      <c r="JV8" s="72">
        <v>0</v>
      </c>
      <c r="JW8" s="72">
        <v>0</v>
      </c>
      <c r="JX8" s="72">
        <v>0</v>
      </c>
      <c r="JY8" s="72">
        <v>0</v>
      </c>
      <c r="JZ8" s="73">
        <v>0</v>
      </c>
      <c r="KA8" s="74">
        <v>0</v>
      </c>
      <c r="KB8" s="71">
        <v>1901</v>
      </c>
      <c r="KC8" s="72">
        <v>2156</v>
      </c>
      <c r="KD8" s="73">
        <v>4057</v>
      </c>
      <c r="KE8" s="274"/>
      <c r="KF8" s="72">
        <v>2155</v>
      </c>
      <c r="KG8" s="72">
        <v>2662</v>
      </c>
      <c r="KH8" s="72">
        <v>1468</v>
      </c>
      <c r="KI8" s="72">
        <v>1332</v>
      </c>
      <c r="KJ8" s="72">
        <v>914</v>
      </c>
      <c r="KK8" s="73">
        <v>8531</v>
      </c>
      <c r="KL8" s="74">
        <v>12588</v>
      </c>
    </row>
    <row r="9" spans="1:298" ht="19.5" customHeight="1" x14ac:dyDescent="0.2">
      <c r="A9" s="130" t="s">
        <v>6</v>
      </c>
      <c r="B9" s="347">
        <v>417</v>
      </c>
      <c r="C9" s="83">
        <v>348</v>
      </c>
      <c r="D9" s="84">
        <v>765</v>
      </c>
      <c r="E9" s="274"/>
      <c r="F9" s="83">
        <v>702</v>
      </c>
      <c r="G9" s="83">
        <v>541</v>
      </c>
      <c r="H9" s="83">
        <v>357</v>
      </c>
      <c r="I9" s="83">
        <v>347</v>
      </c>
      <c r="J9" s="83">
        <v>222</v>
      </c>
      <c r="K9" s="85">
        <v>2169</v>
      </c>
      <c r="L9" s="86">
        <v>2934</v>
      </c>
      <c r="M9" s="71">
        <v>8</v>
      </c>
      <c r="N9" s="72">
        <v>20</v>
      </c>
      <c r="O9" s="73">
        <v>28</v>
      </c>
      <c r="P9" s="277"/>
      <c r="Q9" s="72">
        <v>20</v>
      </c>
      <c r="R9" s="72">
        <v>22</v>
      </c>
      <c r="S9" s="72">
        <v>15</v>
      </c>
      <c r="T9" s="72">
        <v>14</v>
      </c>
      <c r="U9" s="72">
        <v>10</v>
      </c>
      <c r="V9" s="73">
        <v>81</v>
      </c>
      <c r="W9" s="74">
        <v>109</v>
      </c>
      <c r="X9" s="71">
        <v>33</v>
      </c>
      <c r="Y9" s="72">
        <v>32</v>
      </c>
      <c r="Z9" s="73">
        <v>65</v>
      </c>
      <c r="AA9" s="277"/>
      <c r="AB9" s="72">
        <v>57</v>
      </c>
      <c r="AC9" s="72">
        <v>46</v>
      </c>
      <c r="AD9" s="72">
        <v>31</v>
      </c>
      <c r="AE9" s="72">
        <v>31</v>
      </c>
      <c r="AF9" s="72">
        <v>24</v>
      </c>
      <c r="AG9" s="73">
        <v>189</v>
      </c>
      <c r="AH9" s="74">
        <v>254</v>
      </c>
      <c r="AI9" s="71">
        <v>44</v>
      </c>
      <c r="AJ9" s="72">
        <v>37</v>
      </c>
      <c r="AK9" s="73">
        <v>81</v>
      </c>
      <c r="AL9" s="277"/>
      <c r="AM9" s="72">
        <v>88</v>
      </c>
      <c r="AN9" s="72">
        <v>63</v>
      </c>
      <c r="AO9" s="72">
        <v>51</v>
      </c>
      <c r="AP9" s="72">
        <v>43</v>
      </c>
      <c r="AQ9" s="72">
        <v>32</v>
      </c>
      <c r="AR9" s="73">
        <v>277</v>
      </c>
      <c r="AS9" s="74">
        <v>358</v>
      </c>
      <c r="AT9" s="71">
        <v>88</v>
      </c>
      <c r="AU9" s="72">
        <v>68</v>
      </c>
      <c r="AV9" s="73">
        <v>156</v>
      </c>
      <c r="AW9" s="277"/>
      <c r="AX9" s="72">
        <v>156</v>
      </c>
      <c r="AY9" s="72">
        <v>110</v>
      </c>
      <c r="AZ9" s="72">
        <v>73</v>
      </c>
      <c r="BA9" s="72">
        <v>64</v>
      </c>
      <c r="BB9" s="72">
        <v>44</v>
      </c>
      <c r="BC9" s="73">
        <v>447</v>
      </c>
      <c r="BD9" s="74">
        <v>603</v>
      </c>
      <c r="BE9" s="71">
        <v>132</v>
      </c>
      <c r="BF9" s="72">
        <v>102</v>
      </c>
      <c r="BG9" s="73">
        <v>234</v>
      </c>
      <c r="BH9" s="277"/>
      <c r="BI9" s="72">
        <v>180</v>
      </c>
      <c r="BJ9" s="72">
        <v>131</v>
      </c>
      <c r="BK9" s="72">
        <v>100</v>
      </c>
      <c r="BL9" s="72">
        <v>103</v>
      </c>
      <c r="BM9" s="72">
        <v>49</v>
      </c>
      <c r="BN9" s="73">
        <v>563</v>
      </c>
      <c r="BO9" s="74">
        <v>797</v>
      </c>
      <c r="BP9" s="71">
        <v>112</v>
      </c>
      <c r="BQ9" s="72">
        <v>89</v>
      </c>
      <c r="BR9" s="73">
        <v>201</v>
      </c>
      <c r="BS9" s="277"/>
      <c r="BT9" s="72">
        <v>201</v>
      </c>
      <c r="BU9" s="72">
        <v>169</v>
      </c>
      <c r="BV9" s="72">
        <v>87</v>
      </c>
      <c r="BW9" s="72">
        <v>92</v>
      </c>
      <c r="BX9" s="72">
        <v>63</v>
      </c>
      <c r="BY9" s="73">
        <v>612</v>
      </c>
      <c r="BZ9" s="74">
        <v>813</v>
      </c>
      <c r="CA9" s="71">
        <v>0</v>
      </c>
      <c r="CB9" s="72">
        <v>0</v>
      </c>
      <c r="CC9" s="73">
        <v>0</v>
      </c>
      <c r="CD9" s="277"/>
      <c r="CE9" s="72">
        <v>0</v>
      </c>
      <c r="CF9" s="72">
        <v>0</v>
      </c>
      <c r="CG9" s="72">
        <v>0</v>
      </c>
      <c r="CH9" s="72">
        <v>0</v>
      </c>
      <c r="CI9" s="72">
        <v>0</v>
      </c>
      <c r="CJ9" s="73">
        <v>0</v>
      </c>
      <c r="CK9" s="74">
        <v>0</v>
      </c>
      <c r="CL9" s="71">
        <v>417</v>
      </c>
      <c r="CM9" s="72">
        <v>348</v>
      </c>
      <c r="CN9" s="73">
        <v>765</v>
      </c>
      <c r="CO9" s="277"/>
      <c r="CP9" s="72">
        <v>702</v>
      </c>
      <c r="CQ9" s="72">
        <v>541</v>
      </c>
      <c r="CR9" s="72">
        <v>357</v>
      </c>
      <c r="CS9" s="72">
        <v>347</v>
      </c>
      <c r="CT9" s="72">
        <v>222</v>
      </c>
      <c r="CU9" s="73">
        <v>2169</v>
      </c>
      <c r="CV9" s="74">
        <v>2934</v>
      </c>
      <c r="CW9" s="127">
        <v>201</v>
      </c>
      <c r="CX9" s="83">
        <v>210</v>
      </c>
      <c r="CY9" s="84">
        <v>411</v>
      </c>
      <c r="CZ9" s="274"/>
      <c r="DA9" s="83">
        <v>377</v>
      </c>
      <c r="DB9" s="83">
        <v>239</v>
      </c>
      <c r="DC9" s="83">
        <v>177</v>
      </c>
      <c r="DD9" s="83">
        <v>187</v>
      </c>
      <c r="DE9" s="83">
        <v>132</v>
      </c>
      <c r="DF9" s="85">
        <v>1112</v>
      </c>
      <c r="DG9" s="86">
        <v>1523</v>
      </c>
      <c r="DH9" s="71">
        <v>6</v>
      </c>
      <c r="DI9" s="72">
        <v>3</v>
      </c>
      <c r="DJ9" s="73">
        <v>9</v>
      </c>
      <c r="DK9" s="277"/>
      <c r="DL9" s="72">
        <v>8</v>
      </c>
      <c r="DM9" s="72">
        <v>1</v>
      </c>
      <c r="DN9" s="72">
        <v>4</v>
      </c>
      <c r="DO9" s="72">
        <v>5</v>
      </c>
      <c r="DP9" s="72">
        <v>3</v>
      </c>
      <c r="DQ9" s="73">
        <v>21</v>
      </c>
      <c r="DR9" s="74">
        <v>30</v>
      </c>
      <c r="DS9" s="71">
        <v>14</v>
      </c>
      <c r="DT9" s="72">
        <v>16</v>
      </c>
      <c r="DU9" s="73">
        <v>30</v>
      </c>
      <c r="DV9" s="277"/>
      <c r="DW9" s="72">
        <v>26</v>
      </c>
      <c r="DX9" s="72">
        <v>10</v>
      </c>
      <c r="DY9" s="72">
        <v>7</v>
      </c>
      <c r="DZ9" s="72">
        <v>10</v>
      </c>
      <c r="EA9" s="72">
        <v>4</v>
      </c>
      <c r="EB9" s="73">
        <v>57</v>
      </c>
      <c r="EC9" s="74">
        <v>87</v>
      </c>
      <c r="ED9" s="71">
        <v>29</v>
      </c>
      <c r="EE9" s="72">
        <v>20</v>
      </c>
      <c r="EF9" s="73">
        <v>49</v>
      </c>
      <c r="EG9" s="277"/>
      <c r="EH9" s="72">
        <v>58</v>
      </c>
      <c r="EI9" s="72">
        <v>24</v>
      </c>
      <c r="EJ9" s="72">
        <v>13</v>
      </c>
      <c r="EK9" s="72">
        <v>11</v>
      </c>
      <c r="EL9" s="72">
        <v>12</v>
      </c>
      <c r="EM9" s="73">
        <v>118</v>
      </c>
      <c r="EN9" s="74">
        <v>167</v>
      </c>
      <c r="EO9" s="71">
        <v>41</v>
      </c>
      <c r="EP9" s="72">
        <v>53</v>
      </c>
      <c r="EQ9" s="73">
        <v>94</v>
      </c>
      <c r="ER9" s="277"/>
      <c r="ES9" s="72">
        <v>86</v>
      </c>
      <c r="ET9" s="72">
        <v>40</v>
      </c>
      <c r="EU9" s="72">
        <v>25</v>
      </c>
      <c r="EV9" s="72">
        <v>20</v>
      </c>
      <c r="EW9" s="72">
        <v>26</v>
      </c>
      <c r="EX9" s="73">
        <v>197</v>
      </c>
      <c r="EY9" s="74">
        <v>291</v>
      </c>
      <c r="EZ9" s="71">
        <v>68</v>
      </c>
      <c r="FA9" s="72">
        <v>66</v>
      </c>
      <c r="FB9" s="73">
        <v>134</v>
      </c>
      <c r="FC9" s="277"/>
      <c r="FD9" s="72">
        <v>93</v>
      </c>
      <c r="FE9" s="72">
        <v>79</v>
      </c>
      <c r="FF9" s="72">
        <v>55</v>
      </c>
      <c r="FG9" s="72">
        <v>40</v>
      </c>
      <c r="FH9" s="72">
        <v>30</v>
      </c>
      <c r="FI9" s="73">
        <v>297</v>
      </c>
      <c r="FJ9" s="74">
        <v>431</v>
      </c>
      <c r="FK9" s="71">
        <v>43</v>
      </c>
      <c r="FL9" s="72">
        <v>52</v>
      </c>
      <c r="FM9" s="73">
        <v>95</v>
      </c>
      <c r="FN9" s="277"/>
      <c r="FO9" s="72">
        <v>106</v>
      </c>
      <c r="FP9" s="72">
        <v>85</v>
      </c>
      <c r="FQ9" s="72">
        <v>73</v>
      </c>
      <c r="FR9" s="72">
        <v>101</v>
      </c>
      <c r="FS9" s="72">
        <v>57</v>
      </c>
      <c r="FT9" s="73">
        <v>422</v>
      </c>
      <c r="FU9" s="74">
        <v>517</v>
      </c>
      <c r="FV9" s="71">
        <v>0</v>
      </c>
      <c r="FW9" s="72">
        <v>0</v>
      </c>
      <c r="FX9" s="73">
        <v>0</v>
      </c>
      <c r="FY9" s="277"/>
      <c r="FZ9" s="72">
        <v>0</v>
      </c>
      <c r="GA9" s="72">
        <v>0</v>
      </c>
      <c r="GB9" s="72">
        <v>0</v>
      </c>
      <c r="GC9" s="72">
        <v>0</v>
      </c>
      <c r="GD9" s="72">
        <v>0</v>
      </c>
      <c r="GE9" s="73">
        <v>0</v>
      </c>
      <c r="GF9" s="74">
        <v>0</v>
      </c>
      <c r="GG9" s="71">
        <v>201</v>
      </c>
      <c r="GH9" s="72">
        <v>210</v>
      </c>
      <c r="GI9" s="73">
        <v>411</v>
      </c>
      <c r="GJ9" s="277"/>
      <c r="GK9" s="72">
        <v>377</v>
      </c>
      <c r="GL9" s="72">
        <v>239</v>
      </c>
      <c r="GM9" s="72">
        <v>177</v>
      </c>
      <c r="GN9" s="72">
        <v>187</v>
      </c>
      <c r="GO9" s="72">
        <v>132</v>
      </c>
      <c r="GP9" s="73">
        <v>1112</v>
      </c>
      <c r="GQ9" s="74">
        <v>1523</v>
      </c>
      <c r="GR9" s="127">
        <v>618</v>
      </c>
      <c r="GS9" s="83">
        <v>558</v>
      </c>
      <c r="GT9" s="84">
        <v>1176</v>
      </c>
      <c r="GU9" s="274"/>
      <c r="GV9" s="83">
        <v>1079</v>
      </c>
      <c r="GW9" s="83">
        <v>780</v>
      </c>
      <c r="GX9" s="83">
        <v>534</v>
      </c>
      <c r="GY9" s="83">
        <v>534</v>
      </c>
      <c r="GZ9" s="83">
        <v>354</v>
      </c>
      <c r="HA9" s="85">
        <v>3281</v>
      </c>
      <c r="HB9" s="86">
        <v>4457</v>
      </c>
      <c r="HC9" s="71">
        <v>14</v>
      </c>
      <c r="HD9" s="72">
        <v>23</v>
      </c>
      <c r="HE9" s="73">
        <v>37</v>
      </c>
      <c r="HF9" s="274"/>
      <c r="HG9" s="72">
        <v>28</v>
      </c>
      <c r="HH9" s="72">
        <v>23</v>
      </c>
      <c r="HI9" s="72">
        <v>19</v>
      </c>
      <c r="HJ9" s="72">
        <v>19</v>
      </c>
      <c r="HK9" s="72">
        <v>13</v>
      </c>
      <c r="HL9" s="73">
        <v>102</v>
      </c>
      <c r="HM9" s="74">
        <v>139</v>
      </c>
      <c r="HN9" s="71">
        <v>47</v>
      </c>
      <c r="HO9" s="72">
        <v>48</v>
      </c>
      <c r="HP9" s="73">
        <v>95</v>
      </c>
      <c r="HQ9" s="277"/>
      <c r="HR9" s="72">
        <v>83</v>
      </c>
      <c r="HS9" s="72">
        <v>56</v>
      </c>
      <c r="HT9" s="72">
        <v>38</v>
      </c>
      <c r="HU9" s="72">
        <v>41</v>
      </c>
      <c r="HV9" s="72">
        <v>28</v>
      </c>
      <c r="HW9" s="73">
        <v>246</v>
      </c>
      <c r="HX9" s="74">
        <v>341</v>
      </c>
      <c r="HY9" s="71">
        <v>73</v>
      </c>
      <c r="HZ9" s="72">
        <v>57</v>
      </c>
      <c r="IA9" s="73">
        <v>130</v>
      </c>
      <c r="IB9" s="277"/>
      <c r="IC9" s="72">
        <v>146</v>
      </c>
      <c r="ID9" s="72">
        <v>87</v>
      </c>
      <c r="IE9" s="72">
        <v>64</v>
      </c>
      <c r="IF9" s="72">
        <v>54</v>
      </c>
      <c r="IG9" s="72">
        <v>44</v>
      </c>
      <c r="IH9" s="73">
        <v>395</v>
      </c>
      <c r="II9" s="74">
        <v>525</v>
      </c>
      <c r="IJ9" s="71">
        <v>129</v>
      </c>
      <c r="IK9" s="72">
        <v>121</v>
      </c>
      <c r="IL9" s="73">
        <v>250</v>
      </c>
      <c r="IM9" s="277"/>
      <c r="IN9" s="72">
        <v>242</v>
      </c>
      <c r="IO9" s="72">
        <v>150</v>
      </c>
      <c r="IP9" s="72">
        <v>98</v>
      </c>
      <c r="IQ9" s="72">
        <v>84</v>
      </c>
      <c r="IR9" s="72">
        <v>70</v>
      </c>
      <c r="IS9" s="73">
        <v>644</v>
      </c>
      <c r="IT9" s="74">
        <v>894</v>
      </c>
      <c r="IU9" s="71">
        <v>200</v>
      </c>
      <c r="IV9" s="72">
        <v>168</v>
      </c>
      <c r="IW9" s="73">
        <v>368</v>
      </c>
      <c r="IX9" s="274"/>
      <c r="IY9" s="72">
        <v>273</v>
      </c>
      <c r="IZ9" s="72">
        <v>210</v>
      </c>
      <c r="JA9" s="72">
        <v>155</v>
      </c>
      <c r="JB9" s="72">
        <v>143</v>
      </c>
      <c r="JC9" s="72">
        <v>79</v>
      </c>
      <c r="JD9" s="73">
        <v>860</v>
      </c>
      <c r="JE9" s="74">
        <v>1228</v>
      </c>
      <c r="JF9" s="71">
        <v>155</v>
      </c>
      <c r="JG9" s="72">
        <v>141</v>
      </c>
      <c r="JH9" s="73">
        <v>296</v>
      </c>
      <c r="JI9" s="274"/>
      <c r="JJ9" s="72">
        <v>307</v>
      </c>
      <c r="JK9" s="72">
        <v>254</v>
      </c>
      <c r="JL9" s="72">
        <v>160</v>
      </c>
      <c r="JM9" s="72">
        <v>193</v>
      </c>
      <c r="JN9" s="72">
        <v>120</v>
      </c>
      <c r="JO9" s="73">
        <v>1034</v>
      </c>
      <c r="JP9" s="74">
        <v>1330</v>
      </c>
      <c r="JQ9" s="71">
        <v>0</v>
      </c>
      <c r="JR9" s="72">
        <v>0</v>
      </c>
      <c r="JS9" s="73">
        <v>0</v>
      </c>
      <c r="JT9" s="274"/>
      <c r="JU9" s="72">
        <v>0</v>
      </c>
      <c r="JV9" s="72">
        <v>0</v>
      </c>
      <c r="JW9" s="72">
        <v>0</v>
      </c>
      <c r="JX9" s="72">
        <v>0</v>
      </c>
      <c r="JY9" s="72">
        <v>0</v>
      </c>
      <c r="JZ9" s="73">
        <v>0</v>
      </c>
      <c r="KA9" s="74">
        <v>0</v>
      </c>
      <c r="KB9" s="71">
        <v>618</v>
      </c>
      <c r="KC9" s="72">
        <v>558</v>
      </c>
      <c r="KD9" s="73">
        <v>1176</v>
      </c>
      <c r="KE9" s="274"/>
      <c r="KF9" s="72">
        <v>1079</v>
      </c>
      <c r="KG9" s="72">
        <v>780</v>
      </c>
      <c r="KH9" s="72">
        <v>534</v>
      </c>
      <c r="KI9" s="72">
        <v>534</v>
      </c>
      <c r="KJ9" s="72">
        <v>354</v>
      </c>
      <c r="KK9" s="73">
        <v>3281</v>
      </c>
      <c r="KL9" s="74">
        <v>4457</v>
      </c>
    </row>
    <row r="10" spans="1:298" ht="19.5" customHeight="1" x14ac:dyDescent="0.2">
      <c r="A10" s="130" t="s">
        <v>14</v>
      </c>
      <c r="B10" s="347">
        <v>180</v>
      </c>
      <c r="C10" s="83">
        <v>194</v>
      </c>
      <c r="D10" s="84">
        <v>374</v>
      </c>
      <c r="E10" s="274"/>
      <c r="F10" s="83">
        <v>240</v>
      </c>
      <c r="G10" s="83">
        <v>233</v>
      </c>
      <c r="H10" s="83">
        <v>148</v>
      </c>
      <c r="I10" s="83">
        <v>150</v>
      </c>
      <c r="J10" s="83">
        <v>88</v>
      </c>
      <c r="K10" s="85">
        <v>859</v>
      </c>
      <c r="L10" s="86">
        <v>1233</v>
      </c>
      <c r="M10" s="71">
        <v>14</v>
      </c>
      <c r="N10" s="72">
        <v>8</v>
      </c>
      <c r="O10" s="73">
        <v>22</v>
      </c>
      <c r="P10" s="277"/>
      <c r="Q10" s="72">
        <v>11</v>
      </c>
      <c r="R10" s="72">
        <v>7</v>
      </c>
      <c r="S10" s="72">
        <v>4</v>
      </c>
      <c r="T10" s="72">
        <v>9</v>
      </c>
      <c r="U10" s="72">
        <v>7</v>
      </c>
      <c r="V10" s="73">
        <v>38</v>
      </c>
      <c r="W10" s="74">
        <v>60</v>
      </c>
      <c r="X10" s="71">
        <v>14</v>
      </c>
      <c r="Y10" s="72">
        <v>18</v>
      </c>
      <c r="Z10" s="73">
        <v>32</v>
      </c>
      <c r="AA10" s="277"/>
      <c r="AB10" s="72">
        <v>17</v>
      </c>
      <c r="AC10" s="72">
        <v>27</v>
      </c>
      <c r="AD10" s="72">
        <v>12</v>
      </c>
      <c r="AE10" s="72">
        <v>15</v>
      </c>
      <c r="AF10" s="72">
        <v>10</v>
      </c>
      <c r="AG10" s="73">
        <v>81</v>
      </c>
      <c r="AH10" s="74">
        <v>113</v>
      </c>
      <c r="AI10" s="71">
        <v>21</v>
      </c>
      <c r="AJ10" s="72">
        <v>27</v>
      </c>
      <c r="AK10" s="73">
        <v>48</v>
      </c>
      <c r="AL10" s="277"/>
      <c r="AM10" s="72">
        <v>21</v>
      </c>
      <c r="AN10" s="72">
        <v>26</v>
      </c>
      <c r="AO10" s="72">
        <v>19</v>
      </c>
      <c r="AP10" s="72">
        <v>19</v>
      </c>
      <c r="AQ10" s="72">
        <v>19</v>
      </c>
      <c r="AR10" s="73">
        <v>104</v>
      </c>
      <c r="AS10" s="74">
        <v>152</v>
      </c>
      <c r="AT10" s="71">
        <v>40</v>
      </c>
      <c r="AU10" s="72">
        <v>59</v>
      </c>
      <c r="AV10" s="73">
        <v>99</v>
      </c>
      <c r="AW10" s="277"/>
      <c r="AX10" s="72">
        <v>60</v>
      </c>
      <c r="AY10" s="72">
        <v>55</v>
      </c>
      <c r="AZ10" s="72">
        <v>43</v>
      </c>
      <c r="BA10" s="72">
        <v>28</v>
      </c>
      <c r="BB10" s="72">
        <v>21</v>
      </c>
      <c r="BC10" s="73">
        <v>207</v>
      </c>
      <c r="BD10" s="74">
        <v>306</v>
      </c>
      <c r="BE10" s="71">
        <v>58</v>
      </c>
      <c r="BF10" s="72">
        <v>49</v>
      </c>
      <c r="BG10" s="73">
        <v>107</v>
      </c>
      <c r="BH10" s="277"/>
      <c r="BI10" s="72">
        <v>68</v>
      </c>
      <c r="BJ10" s="72">
        <v>54</v>
      </c>
      <c r="BK10" s="72">
        <v>40</v>
      </c>
      <c r="BL10" s="72">
        <v>38</v>
      </c>
      <c r="BM10" s="72">
        <v>12</v>
      </c>
      <c r="BN10" s="73">
        <v>212</v>
      </c>
      <c r="BO10" s="74">
        <v>319</v>
      </c>
      <c r="BP10" s="71">
        <v>33</v>
      </c>
      <c r="BQ10" s="72">
        <v>33</v>
      </c>
      <c r="BR10" s="73">
        <v>66</v>
      </c>
      <c r="BS10" s="277"/>
      <c r="BT10" s="72">
        <v>63</v>
      </c>
      <c r="BU10" s="72">
        <v>64</v>
      </c>
      <c r="BV10" s="72">
        <v>30</v>
      </c>
      <c r="BW10" s="72">
        <v>41</v>
      </c>
      <c r="BX10" s="72">
        <v>19</v>
      </c>
      <c r="BY10" s="73">
        <v>217</v>
      </c>
      <c r="BZ10" s="74">
        <v>283</v>
      </c>
      <c r="CA10" s="71">
        <v>0</v>
      </c>
      <c r="CB10" s="72">
        <v>0</v>
      </c>
      <c r="CC10" s="73">
        <v>0</v>
      </c>
      <c r="CD10" s="277"/>
      <c r="CE10" s="72">
        <v>0</v>
      </c>
      <c r="CF10" s="72">
        <v>0</v>
      </c>
      <c r="CG10" s="72">
        <v>0</v>
      </c>
      <c r="CH10" s="72">
        <v>0</v>
      </c>
      <c r="CI10" s="72">
        <v>0</v>
      </c>
      <c r="CJ10" s="73">
        <v>0</v>
      </c>
      <c r="CK10" s="74">
        <v>0</v>
      </c>
      <c r="CL10" s="71">
        <v>180</v>
      </c>
      <c r="CM10" s="72">
        <v>194</v>
      </c>
      <c r="CN10" s="73">
        <v>374</v>
      </c>
      <c r="CO10" s="277"/>
      <c r="CP10" s="72">
        <v>240</v>
      </c>
      <c r="CQ10" s="72">
        <v>233</v>
      </c>
      <c r="CR10" s="72">
        <v>148</v>
      </c>
      <c r="CS10" s="72">
        <v>150</v>
      </c>
      <c r="CT10" s="72">
        <v>88</v>
      </c>
      <c r="CU10" s="73">
        <v>859</v>
      </c>
      <c r="CV10" s="74">
        <v>1233</v>
      </c>
      <c r="CW10" s="127">
        <v>63</v>
      </c>
      <c r="CX10" s="83">
        <v>84</v>
      </c>
      <c r="CY10" s="84">
        <v>147</v>
      </c>
      <c r="CZ10" s="274"/>
      <c r="DA10" s="83">
        <v>91</v>
      </c>
      <c r="DB10" s="83">
        <v>80</v>
      </c>
      <c r="DC10" s="83">
        <v>67</v>
      </c>
      <c r="DD10" s="83">
        <v>66</v>
      </c>
      <c r="DE10" s="83">
        <v>39</v>
      </c>
      <c r="DF10" s="85">
        <v>343</v>
      </c>
      <c r="DG10" s="86">
        <v>490</v>
      </c>
      <c r="DH10" s="71">
        <v>3</v>
      </c>
      <c r="DI10" s="72">
        <v>3</v>
      </c>
      <c r="DJ10" s="73">
        <v>6</v>
      </c>
      <c r="DK10" s="277"/>
      <c r="DL10" s="72">
        <v>3</v>
      </c>
      <c r="DM10" s="72">
        <v>2</v>
      </c>
      <c r="DN10" s="72">
        <v>2</v>
      </c>
      <c r="DO10" s="72">
        <v>0</v>
      </c>
      <c r="DP10" s="72">
        <v>1</v>
      </c>
      <c r="DQ10" s="73">
        <v>8</v>
      </c>
      <c r="DR10" s="74">
        <v>14</v>
      </c>
      <c r="DS10" s="71">
        <v>8</v>
      </c>
      <c r="DT10" s="72">
        <v>3</v>
      </c>
      <c r="DU10" s="73">
        <v>11</v>
      </c>
      <c r="DV10" s="277"/>
      <c r="DW10" s="72">
        <v>5</v>
      </c>
      <c r="DX10" s="72">
        <v>3</v>
      </c>
      <c r="DY10" s="72">
        <v>8</v>
      </c>
      <c r="DZ10" s="72">
        <v>2</v>
      </c>
      <c r="EA10" s="72">
        <v>1</v>
      </c>
      <c r="EB10" s="73">
        <v>19</v>
      </c>
      <c r="EC10" s="74">
        <v>30</v>
      </c>
      <c r="ED10" s="71">
        <v>7</v>
      </c>
      <c r="EE10" s="72">
        <v>8</v>
      </c>
      <c r="EF10" s="73">
        <v>15</v>
      </c>
      <c r="EG10" s="277"/>
      <c r="EH10" s="72">
        <v>9</v>
      </c>
      <c r="EI10" s="72">
        <v>7</v>
      </c>
      <c r="EJ10" s="72">
        <v>7</v>
      </c>
      <c r="EK10" s="72">
        <v>6</v>
      </c>
      <c r="EL10" s="72">
        <v>3</v>
      </c>
      <c r="EM10" s="73">
        <v>32</v>
      </c>
      <c r="EN10" s="74">
        <v>47</v>
      </c>
      <c r="EO10" s="71">
        <v>17</v>
      </c>
      <c r="EP10" s="72">
        <v>21</v>
      </c>
      <c r="EQ10" s="73">
        <v>38</v>
      </c>
      <c r="ER10" s="277"/>
      <c r="ES10" s="72">
        <v>17</v>
      </c>
      <c r="ET10" s="72">
        <v>18</v>
      </c>
      <c r="EU10" s="72">
        <v>10</v>
      </c>
      <c r="EV10" s="72">
        <v>5</v>
      </c>
      <c r="EW10" s="72">
        <v>4</v>
      </c>
      <c r="EX10" s="73">
        <v>54</v>
      </c>
      <c r="EY10" s="74">
        <v>92</v>
      </c>
      <c r="EZ10" s="71">
        <v>14</v>
      </c>
      <c r="FA10" s="72">
        <v>33</v>
      </c>
      <c r="FB10" s="73">
        <v>47</v>
      </c>
      <c r="FC10" s="277"/>
      <c r="FD10" s="72">
        <v>28</v>
      </c>
      <c r="FE10" s="72">
        <v>22</v>
      </c>
      <c r="FF10" s="72">
        <v>12</v>
      </c>
      <c r="FG10" s="72">
        <v>14</v>
      </c>
      <c r="FH10" s="72">
        <v>7</v>
      </c>
      <c r="FI10" s="73">
        <v>83</v>
      </c>
      <c r="FJ10" s="74">
        <v>130</v>
      </c>
      <c r="FK10" s="71">
        <v>14</v>
      </c>
      <c r="FL10" s="72">
        <v>16</v>
      </c>
      <c r="FM10" s="73">
        <v>30</v>
      </c>
      <c r="FN10" s="277"/>
      <c r="FO10" s="72">
        <v>29</v>
      </c>
      <c r="FP10" s="72">
        <v>28</v>
      </c>
      <c r="FQ10" s="72">
        <v>28</v>
      </c>
      <c r="FR10" s="72">
        <v>39</v>
      </c>
      <c r="FS10" s="72">
        <v>23</v>
      </c>
      <c r="FT10" s="73">
        <v>147</v>
      </c>
      <c r="FU10" s="74">
        <v>177</v>
      </c>
      <c r="FV10" s="71">
        <v>0</v>
      </c>
      <c r="FW10" s="72">
        <v>0</v>
      </c>
      <c r="FX10" s="73">
        <v>0</v>
      </c>
      <c r="FY10" s="277"/>
      <c r="FZ10" s="72">
        <v>0</v>
      </c>
      <c r="GA10" s="72">
        <v>0</v>
      </c>
      <c r="GB10" s="72">
        <v>0</v>
      </c>
      <c r="GC10" s="72">
        <v>0</v>
      </c>
      <c r="GD10" s="72">
        <v>0</v>
      </c>
      <c r="GE10" s="73">
        <v>0</v>
      </c>
      <c r="GF10" s="74">
        <v>0</v>
      </c>
      <c r="GG10" s="71">
        <v>63</v>
      </c>
      <c r="GH10" s="72">
        <v>84</v>
      </c>
      <c r="GI10" s="73">
        <v>147</v>
      </c>
      <c r="GJ10" s="277"/>
      <c r="GK10" s="72">
        <v>91</v>
      </c>
      <c r="GL10" s="72">
        <v>80</v>
      </c>
      <c r="GM10" s="72">
        <v>67</v>
      </c>
      <c r="GN10" s="72">
        <v>66</v>
      </c>
      <c r="GO10" s="72">
        <v>39</v>
      </c>
      <c r="GP10" s="73">
        <v>343</v>
      </c>
      <c r="GQ10" s="74">
        <v>490</v>
      </c>
      <c r="GR10" s="127">
        <v>243</v>
      </c>
      <c r="GS10" s="83">
        <v>278</v>
      </c>
      <c r="GT10" s="84">
        <v>521</v>
      </c>
      <c r="GU10" s="274"/>
      <c r="GV10" s="83">
        <v>331</v>
      </c>
      <c r="GW10" s="83">
        <v>313</v>
      </c>
      <c r="GX10" s="83">
        <v>215</v>
      </c>
      <c r="GY10" s="83">
        <v>216</v>
      </c>
      <c r="GZ10" s="83">
        <v>127</v>
      </c>
      <c r="HA10" s="85">
        <v>1202</v>
      </c>
      <c r="HB10" s="86">
        <v>1723</v>
      </c>
      <c r="HC10" s="71">
        <v>17</v>
      </c>
      <c r="HD10" s="72">
        <v>11</v>
      </c>
      <c r="HE10" s="73">
        <v>28</v>
      </c>
      <c r="HF10" s="274"/>
      <c r="HG10" s="72">
        <v>14</v>
      </c>
      <c r="HH10" s="72">
        <v>9</v>
      </c>
      <c r="HI10" s="72">
        <v>6</v>
      </c>
      <c r="HJ10" s="72">
        <v>9</v>
      </c>
      <c r="HK10" s="72">
        <v>8</v>
      </c>
      <c r="HL10" s="73">
        <v>46</v>
      </c>
      <c r="HM10" s="74">
        <v>74</v>
      </c>
      <c r="HN10" s="71">
        <v>22</v>
      </c>
      <c r="HO10" s="72">
        <v>21</v>
      </c>
      <c r="HP10" s="73">
        <v>43</v>
      </c>
      <c r="HQ10" s="277"/>
      <c r="HR10" s="72">
        <v>22</v>
      </c>
      <c r="HS10" s="72">
        <v>30</v>
      </c>
      <c r="HT10" s="72">
        <v>20</v>
      </c>
      <c r="HU10" s="72">
        <v>17</v>
      </c>
      <c r="HV10" s="72">
        <v>11</v>
      </c>
      <c r="HW10" s="73">
        <v>100</v>
      </c>
      <c r="HX10" s="74">
        <v>143</v>
      </c>
      <c r="HY10" s="71">
        <v>28</v>
      </c>
      <c r="HZ10" s="72">
        <v>35</v>
      </c>
      <c r="IA10" s="73">
        <v>63</v>
      </c>
      <c r="IB10" s="277"/>
      <c r="IC10" s="72">
        <v>30</v>
      </c>
      <c r="ID10" s="72">
        <v>33</v>
      </c>
      <c r="IE10" s="72">
        <v>26</v>
      </c>
      <c r="IF10" s="72">
        <v>25</v>
      </c>
      <c r="IG10" s="72">
        <v>22</v>
      </c>
      <c r="IH10" s="73">
        <v>136</v>
      </c>
      <c r="II10" s="74">
        <v>199</v>
      </c>
      <c r="IJ10" s="71">
        <v>57</v>
      </c>
      <c r="IK10" s="72">
        <v>80</v>
      </c>
      <c r="IL10" s="73">
        <v>137</v>
      </c>
      <c r="IM10" s="277"/>
      <c r="IN10" s="72">
        <v>77</v>
      </c>
      <c r="IO10" s="72">
        <v>73</v>
      </c>
      <c r="IP10" s="72">
        <v>53</v>
      </c>
      <c r="IQ10" s="72">
        <v>33</v>
      </c>
      <c r="IR10" s="72">
        <v>25</v>
      </c>
      <c r="IS10" s="73">
        <v>261</v>
      </c>
      <c r="IT10" s="74">
        <v>398</v>
      </c>
      <c r="IU10" s="71">
        <v>72</v>
      </c>
      <c r="IV10" s="72">
        <v>82</v>
      </c>
      <c r="IW10" s="73">
        <v>154</v>
      </c>
      <c r="IX10" s="274"/>
      <c r="IY10" s="72">
        <v>96</v>
      </c>
      <c r="IZ10" s="72">
        <v>76</v>
      </c>
      <c r="JA10" s="72">
        <v>52</v>
      </c>
      <c r="JB10" s="72">
        <v>52</v>
      </c>
      <c r="JC10" s="72">
        <v>19</v>
      </c>
      <c r="JD10" s="73">
        <v>295</v>
      </c>
      <c r="JE10" s="74">
        <v>449</v>
      </c>
      <c r="JF10" s="71">
        <v>47</v>
      </c>
      <c r="JG10" s="72">
        <v>49</v>
      </c>
      <c r="JH10" s="73">
        <v>96</v>
      </c>
      <c r="JI10" s="274"/>
      <c r="JJ10" s="72">
        <v>92</v>
      </c>
      <c r="JK10" s="72">
        <v>92</v>
      </c>
      <c r="JL10" s="72">
        <v>58</v>
      </c>
      <c r="JM10" s="72">
        <v>80</v>
      </c>
      <c r="JN10" s="72">
        <v>42</v>
      </c>
      <c r="JO10" s="73">
        <v>364</v>
      </c>
      <c r="JP10" s="74">
        <v>460</v>
      </c>
      <c r="JQ10" s="71">
        <v>0</v>
      </c>
      <c r="JR10" s="72">
        <v>0</v>
      </c>
      <c r="JS10" s="73">
        <v>0</v>
      </c>
      <c r="JT10" s="274"/>
      <c r="JU10" s="72">
        <v>0</v>
      </c>
      <c r="JV10" s="72">
        <v>0</v>
      </c>
      <c r="JW10" s="72">
        <v>0</v>
      </c>
      <c r="JX10" s="72">
        <v>0</v>
      </c>
      <c r="JY10" s="72">
        <v>0</v>
      </c>
      <c r="JZ10" s="73">
        <v>0</v>
      </c>
      <c r="KA10" s="74">
        <v>0</v>
      </c>
      <c r="KB10" s="71">
        <v>243</v>
      </c>
      <c r="KC10" s="72">
        <v>278</v>
      </c>
      <c r="KD10" s="73">
        <v>521</v>
      </c>
      <c r="KE10" s="274"/>
      <c r="KF10" s="72">
        <v>331</v>
      </c>
      <c r="KG10" s="72">
        <v>313</v>
      </c>
      <c r="KH10" s="72">
        <v>215</v>
      </c>
      <c r="KI10" s="72">
        <v>216</v>
      </c>
      <c r="KJ10" s="72">
        <v>127</v>
      </c>
      <c r="KK10" s="73">
        <v>1202</v>
      </c>
      <c r="KL10" s="74">
        <v>1723</v>
      </c>
    </row>
    <row r="11" spans="1:298" ht="19.5" customHeight="1" x14ac:dyDescent="0.2">
      <c r="A11" s="130" t="s">
        <v>7</v>
      </c>
      <c r="B11" s="347">
        <v>107</v>
      </c>
      <c r="C11" s="83">
        <v>82</v>
      </c>
      <c r="D11" s="84">
        <v>189</v>
      </c>
      <c r="E11" s="274"/>
      <c r="F11" s="83">
        <v>216</v>
      </c>
      <c r="G11" s="83">
        <v>160</v>
      </c>
      <c r="H11" s="83">
        <v>72</v>
      </c>
      <c r="I11" s="83">
        <v>60</v>
      </c>
      <c r="J11" s="83">
        <v>37</v>
      </c>
      <c r="K11" s="85">
        <v>545</v>
      </c>
      <c r="L11" s="86">
        <v>734</v>
      </c>
      <c r="M11" s="71">
        <v>6</v>
      </c>
      <c r="N11" s="72">
        <v>1</v>
      </c>
      <c r="O11" s="73">
        <v>7</v>
      </c>
      <c r="P11" s="277"/>
      <c r="Q11" s="72">
        <v>3</v>
      </c>
      <c r="R11" s="72">
        <v>6</v>
      </c>
      <c r="S11" s="72">
        <v>5</v>
      </c>
      <c r="T11" s="72">
        <v>4</v>
      </c>
      <c r="U11" s="72">
        <v>4</v>
      </c>
      <c r="V11" s="73">
        <v>22</v>
      </c>
      <c r="W11" s="74">
        <v>29</v>
      </c>
      <c r="X11" s="71">
        <v>13</v>
      </c>
      <c r="Y11" s="72">
        <v>5</v>
      </c>
      <c r="Z11" s="73">
        <v>18</v>
      </c>
      <c r="AA11" s="277"/>
      <c r="AB11" s="72">
        <v>20</v>
      </c>
      <c r="AC11" s="72">
        <v>15</v>
      </c>
      <c r="AD11" s="72">
        <v>9</v>
      </c>
      <c r="AE11" s="72">
        <v>3</v>
      </c>
      <c r="AF11" s="72">
        <v>3</v>
      </c>
      <c r="AG11" s="73">
        <v>50</v>
      </c>
      <c r="AH11" s="74">
        <v>68</v>
      </c>
      <c r="AI11" s="71">
        <v>11</v>
      </c>
      <c r="AJ11" s="72">
        <v>12</v>
      </c>
      <c r="AK11" s="73">
        <v>23</v>
      </c>
      <c r="AL11" s="277"/>
      <c r="AM11" s="72">
        <v>27</v>
      </c>
      <c r="AN11" s="72">
        <v>22</v>
      </c>
      <c r="AO11" s="72">
        <v>10</v>
      </c>
      <c r="AP11" s="72">
        <v>12</v>
      </c>
      <c r="AQ11" s="72">
        <v>5</v>
      </c>
      <c r="AR11" s="73">
        <v>76</v>
      </c>
      <c r="AS11" s="74">
        <v>99</v>
      </c>
      <c r="AT11" s="71">
        <v>27</v>
      </c>
      <c r="AU11" s="72">
        <v>22</v>
      </c>
      <c r="AV11" s="73">
        <v>49</v>
      </c>
      <c r="AW11" s="277"/>
      <c r="AX11" s="72">
        <v>58</v>
      </c>
      <c r="AY11" s="72">
        <v>36</v>
      </c>
      <c r="AZ11" s="72">
        <v>13</v>
      </c>
      <c r="BA11" s="72">
        <v>11</v>
      </c>
      <c r="BB11" s="72">
        <v>7</v>
      </c>
      <c r="BC11" s="73">
        <v>125</v>
      </c>
      <c r="BD11" s="74">
        <v>174</v>
      </c>
      <c r="BE11" s="71">
        <v>29</v>
      </c>
      <c r="BF11" s="72">
        <v>22</v>
      </c>
      <c r="BG11" s="73">
        <v>51</v>
      </c>
      <c r="BH11" s="277"/>
      <c r="BI11" s="72">
        <v>59</v>
      </c>
      <c r="BJ11" s="72">
        <v>38</v>
      </c>
      <c r="BK11" s="72">
        <v>11</v>
      </c>
      <c r="BL11" s="72">
        <v>10</v>
      </c>
      <c r="BM11" s="72">
        <v>11</v>
      </c>
      <c r="BN11" s="73">
        <v>129</v>
      </c>
      <c r="BO11" s="74">
        <v>180</v>
      </c>
      <c r="BP11" s="71">
        <v>21</v>
      </c>
      <c r="BQ11" s="72">
        <v>20</v>
      </c>
      <c r="BR11" s="73">
        <v>41</v>
      </c>
      <c r="BS11" s="277"/>
      <c r="BT11" s="72">
        <v>49</v>
      </c>
      <c r="BU11" s="72">
        <v>43</v>
      </c>
      <c r="BV11" s="72">
        <v>24</v>
      </c>
      <c r="BW11" s="72">
        <v>20</v>
      </c>
      <c r="BX11" s="72">
        <v>7</v>
      </c>
      <c r="BY11" s="73">
        <v>143</v>
      </c>
      <c r="BZ11" s="74">
        <v>184</v>
      </c>
      <c r="CA11" s="71">
        <v>0</v>
      </c>
      <c r="CB11" s="72">
        <v>0</v>
      </c>
      <c r="CC11" s="73">
        <v>0</v>
      </c>
      <c r="CD11" s="277"/>
      <c r="CE11" s="72">
        <v>0</v>
      </c>
      <c r="CF11" s="72">
        <v>0</v>
      </c>
      <c r="CG11" s="72">
        <v>0</v>
      </c>
      <c r="CH11" s="72">
        <v>0</v>
      </c>
      <c r="CI11" s="72">
        <v>0</v>
      </c>
      <c r="CJ11" s="73">
        <v>0</v>
      </c>
      <c r="CK11" s="74">
        <v>0</v>
      </c>
      <c r="CL11" s="71">
        <v>107</v>
      </c>
      <c r="CM11" s="72">
        <v>82</v>
      </c>
      <c r="CN11" s="73">
        <v>189</v>
      </c>
      <c r="CO11" s="277"/>
      <c r="CP11" s="72">
        <v>216</v>
      </c>
      <c r="CQ11" s="72">
        <v>160</v>
      </c>
      <c r="CR11" s="72">
        <v>72</v>
      </c>
      <c r="CS11" s="72">
        <v>60</v>
      </c>
      <c r="CT11" s="72">
        <v>37</v>
      </c>
      <c r="CU11" s="73">
        <v>545</v>
      </c>
      <c r="CV11" s="74">
        <v>734</v>
      </c>
      <c r="CW11" s="127">
        <v>31</v>
      </c>
      <c r="CX11" s="83">
        <v>35</v>
      </c>
      <c r="CY11" s="84">
        <v>66</v>
      </c>
      <c r="CZ11" s="274"/>
      <c r="DA11" s="83">
        <v>66</v>
      </c>
      <c r="DB11" s="83">
        <v>33</v>
      </c>
      <c r="DC11" s="83">
        <v>30</v>
      </c>
      <c r="DD11" s="83">
        <v>26</v>
      </c>
      <c r="DE11" s="83">
        <v>16</v>
      </c>
      <c r="DF11" s="85">
        <v>171</v>
      </c>
      <c r="DG11" s="86">
        <v>237</v>
      </c>
      <c r="DH11" s="71">
        <v>0</v>
      </c>
      <c r="DI11" s="72">
        <v>0</v>
      </c>
      <c r="DJ11" s="73">
        <v>0</v>
      </c>
      <c r="DK11" s="277"/>
      <c r="DL11" s="72">
        <v>2</v>
      </c>
      <c r="DM11" s="72">
        <v>2</v>
      </c>
      <c r="DN11" s="72">
        <v>1</v>
      </c>
      <c r="DO11" s="72">
        <v>0</v>
      </c>
      <c r="DP11" s="72">
        <v>1</v>
      </c>
      <c r="DQ11" s="73">
        <v>6</v>
      </c>
      <c r="DR11" s="74">
        <v>6</v>
      </c>
      <c r="DS11" s="71">
        <v>2</v>
      </c>
      <c r="DT11" s="72">
        <v>3</v>
      </c>
      <c r="DU11" s="73">
        <v>5</v>
      </c>
      <c r="DV11" s="277"/>
      <c r="DW11" s="72">
        <v>3</v>
      </c>
      <c r="DX11" s="72">
        <v>5</v>
      </c>
      <c r="DY11" s="72">
        <v>1</v>
      </c>
      <c r="DZ11" s="72">
        <v>2</v>
      </c>
      <c r="EA11" s="72">
        <v>0</v>
      </c>
      <c r="EB11" s="73">
        <v>11</v>
      </c>
      <c r="EC11" s="74">
        <v>16</v>
      </c>
      <c r="ED11" s="71">
        <v>1</v>
      </c>
      <c r="EE11" s="72">
        <v>5</v>
      </c>
      <c r="EF11" s="73">
        <v>6</v>
      </c>
      <c r="EG11" s="277"/>
      <c r="EH11" s="72">
        <v>7</v>
      </c>
      <c r="EI11" s="72">
        <v>3</v>
      </c>
      <c r="EJ11" s="72">
        <v>2</v>
      </c>
      <c r="EK11" s="72">
        <v>3</v>
      </c>
      <c r="EL11" s="72">
        <v>1</v>
      </c>
      <c r="EM11" s="73">
        <v>16</v>
      </c>
      <c r="EN11" s="74">
        <v>22</v>
      </c>
      <c r="EO11" s="71">
        <v>9</v>
      </c>
      <c r="EP11" s="72">
        <v>9</v>
      </c>
      <c r="EQ11" s="73">
        <v>18</v>
      </c>
      <c r="ER11" s="277"/>
      <c r="ES11" s="72">
        <v>18</v>
      </c>
      <c r="ET11" s="72">
        <v>1</v>
      </c>
      <c r="EU11" s="72">
        <v>3</v>
      </c>
      <c r="EV11" s="72">
        <v>2</v>
      </c>
      <c r="EW11" s="72">
        <v>1</v>
      </c>
      <c r="EX11" s="73">
        <v>25</v>
      </c>
      <c r="EY11" s="74">
        <v>43</v>
      </c>
      <c r="EZ11" s="71">
        <v>14</v>
      </c>
      <c r="FA11" s="72">
        <v>9</v>
      </c>
      <c r="FB11" s="73">
        <v>23</v>
      </c>
      <c r="FC11" s="277"/>
      <c r="FD11" s="72">
        <v>16</v>
      </c>
      <c r="FE11" s="72">
        <v>8</v>
      </c>
      <c r="FF11" s="72">
        <v>11</v>
      </c>
      <c r="FG11" s="72">
        <v>5</v>
      </c>
      <c r="FH11" s="72">
        <v>5</v>
      </c>
      <c r="FI11" s="73">
        <v>45</v>
      </c>
      <c r="FJ11" s="74">
        <v>68</v>
      </c>
      <c r="FK11" s="71">
        <v>5</v>
      </c>
      <c r="FL11" s="72">
        <v>9</v>
      </c>
      <c r="FM11" s="73">
        <v>14</v>
      </c>
      <c r="FN11" s="277"/>
      <c r="FO11" s="72">
        <v>20</v>
      </c>
      <c r="FP11" s="72">
        <v>14</v>
      </c>
      <c r="FQ11" s="72">
        <v>12</v>
      </c>
      <c r="FR11" s="72">
        <v>14</v>
      </c>
      <c r="FS11" s="72">
        <v>8</v>
      </c>
      <c r="FT11" s="73">
        <v>68</v>
      </c>
      <c r="FU11" s="74">
        <v>82</v>
      </c>
      <c r="FV11" s="71">
        <v>0</v>
      </c>
      <c r="FW11" s="72">
        <v>0</v>
      </c>
      <c r="FX11" s="73">
        <v>0</v>
      </c>
      <c r="FY11" s="277"/>
      <c r="FZ11" s="72">
        <v>0</v>
      </c>
      <c r="GA11" s="72">
        <v>0</v>
      </c>
      <c r="GB11" s="72">
        <v>0</v>
      </c>
      <c r="GC11" s="72">
        <v>0</v>
      </c>
      <c r="GD11" s="72">
        <v>0</v>
      </c>
      <c r="GE11" s="73">
        <v>0</v>
      </c>
      <c r="GF11" s="74">
        <v>0</v>
      </c>
      <c r="GG11" s="71">
        <v>31</v>
      </c>
      <c r="GH11" s="72">
        <v>35</v>
      </c>
      <c r="GI11" s="73">
        <v>66</v>
      </c>
      <c r="GJ11" s="277"/>
      <c r="GK11" s="72">
        <v>66</v>
      </c>
      <c r="GL11" s="72">
        <v>33</v>
      </c>
      <c r="GM11" s="72">
        <v>30</v>
      </c>
      <c r="GN11" s="72">
        <v>26</v>
      </c>
      <c r="GO11" s="72">
        <v>16</v>
      </c>
      <c r="GP11" s="73">
        <v>171</v>
      </c>
      <c r="GQ11" s="74">
        <v>237</v>
      </c>
      <c r="GR11" s="127">
        <v>138</v>
      </c>
      <c r="GS11" s="83">
        <v>117</v>
      </c>
      <c r="GT11" s="84">
        <v>255</v>
      </c>
      <c r="GU11" s="274"/>
      <c r="GV11" s="83">
        <v>282</v>
      </c>
      <c r="GW11" s="83">
        <v>193</v>
      </c>
      <c r="GX11" s="83">
        <v>102</v>
      </c>
      <c r="GY11" s="83">
        <v>86</v>
      </c>
      <c r="GZ11" s="83">
        <v>53</v>
      </c>
      <c r="HA11" s="85">
        <v>716</v>
      </c>
      <c r="HB11" s="86">
        <v>971</v>
      </c>
      <c r="HC11" s="71">
        <v>6</v>
      </c>
      <c r="HD11" s="72">
        <v>1</v>
      </c>
      <c r="HE11" s="73">
        <v>7</v>
      </c>
      <c r="HF11" s="274"/>
      <c r="HG11" s="72">
        <v>5</v>
      </c>
      <c r="HH11" s="72">
        <v>8</v>
      </c>
      <c r="HI11" s="72">
        <v>6</v>
      </c>
      <c r="HJ11" s="72">
        <v>4</v>
      </c>
      <c r="HK11" s="72">
        <v>5</v>
      </c>
      <c r="HL11" s="73">
        <v>28</v>
      </c>
      <c r="HM11" s="74">
        <v>35</v>
      </c>
      <c r="HN11" s="71">
        <v>15</v>
      </c>
      <c r="HO11" s="72">
        <v>8</v>
      </c>
      <c r="HP11" s="73">
        <v>23</v>
      </c>
      <c r="HQ11" s="277"/>
      <c r="HR11" s="72">
        <v>23</v>
      </c>
      <c r="HS11" s="72">
        <v>20</v>
      </c>
      <c r="HT11" s="72">
        <v>10</v>
      </c>
      <c r="HU11" s="72">
        <v>5</v>
      </c>
      <c r="HV11" s="72">
        <v>3</v>
      </c>
      <c r="HW11" s="73">
        <v>61</v>
      </c>
      <c r="HX11" s="74">
        <v>84</v>
      </c>
      <c r="HY11" s="71">
        <v>12</v>
      </c>
      <c r="HZ11" s="72">
        <v>17</v>
      </c>
      <c r="IA11" s="73">
        <v>29</v>
      </c>
      <c r="IB11" s="277"/>
      <c r="IC11" s="72">
        <v>34</v>
      </c>
      <c r="ID11" s="72">
        <v>25</v>
      </c>
      <c r="IE11" s="72">
        <v>12</v>
      </c>
      <c r="IF11" s="72">
        <v>15</v>
      </c>
      <c r="IG11" s="72">
        <v>6</v>
      </c>
      <c r="IH11" s="73">
        <v>92</v>
      </c>
      <c r="II11" s="74">
        <v>121</v>
      </c>
      <c r="IJ11" s="71">
        <v>36</v>
      </c>
      <c r="IK11" s="72">
        <v>31</v>
      </c>
      <c r="IL11" s="73">
        <v>67</v>
      </c>
      <c r="IM11" s="277"/>
      <c r="IN11" s="72">
        <v>76</v>
      </c>
      <c r="IO11" s="72">
        <v>37</v>
      </c>
      <c r="IP11" s="72">
        <v>16</v>
      </c>
      <c r="IQ11" s="72">
        <v>13</v>
      </c>
      <c r="IR11" s="72">
        <v>8</v>
      </c>
      <c r="IS11" s="73">
        <v>150</v>
      </c>
      <c r="IT11" s="74">
        <v>217</v>
      </c>
      <c r="IU11" s="71">
        <v>43</v>
      </c>
      <c r="IV11" s="72">
        <v>31</v>
      </c>
      <c r="IW11" s="73">
        <v>74</v>
      </c>
      <c r="IX11" s="274"/>
      <c r="IY11" s="72">
        <v>75</v>
      </c>
      <c r="IZ11" s="72">
        <v>46</v>
      </c>
      <c r="JA11" s="72">
        <v>22</v>
      </c>
      <c r="JB11" s="72">
        <v>15</v>
      </c>
      <c r="JC11" s="72">
        <v>16</v>
      </c>
      <c r="JD11" s="73">
        <v>174</v>
      </c>
      <c r="JE11" s="74">
        <v>248</v>
      </c>
      <c r="JF11" s="71">
        <v>26</v>
      </c>
      <c r="JG11" s="72">
        <v>29</v>
      </c>
      <c r="JH11" s="73">
        <v>55</v>
      </c>
      <c r="JI11" s="274"/>
      <c r="JJ11" s="72">
        <v>69</v>
      </c>
      <c r="JK11" s="72">
        <v>57</v>
      </c>
      <c r="JL11" s="72">
        <v>36</v>
      </c>
      <c r="JM11" s="72">
        <v>34</v>
      </c>
      <c r="JN11" s="72">
        <v>15</v>
      </c>
      <c r="JO11" s="73">
        <v>211</v>
      </c>
      <c r="JP11" s="74">
        <v>266</v>
      </c>
      <c r="JQ11" s="71">
        <v>0</v>
      </c>
      <c r="JR11" s="72">
        <v>0</v>
      </c>
      <c r="JS11" s="73">
        <v>0</v>
      </c>
      <c r="JT11" s="274"/>
      <c r="JU11" s="72">
        <v>0</v>
      </c>
      <c r="JV11" s="72">
        <v>0</v>
      </c>
      <c r="JW11" s="72">
        <v>0</v>
      </c>
      <c r="JX11" s="72">
        <v>0</v>
      </c>
      <c r="JY11" s="72">
        <v>0</v>
      </c>
      <c r="JZ11" s="73">
        <v>0</v>
      </c>
      <c r="KA11" s="74">
        <v>0</v>
      </c>
      <c r="KB11" s="71">
        <v>138</v>
      </c>
      <c r="KC11" s="72">
        <v>117</v>
      </c>
      <c r="KD11" s="73">
        <v>255</v>
      </c>
      <c r="KE11" s="274"/>
      <c r="KF11" s="72">
        <v>282</v>
      </c>
      <c r="KG11" s="72">
        <v>193</v>
      </c>
      <c r="KH11" s="72">
        <v>102</v>
      </c>
      <c r="KI11" s="72">
        <v>86</v>
      </c>
      <c r="KJ11" s="72">
        <v>53</v>
      </c>
      <c r="KK11" s="73">
        <v>716</v>
      </c>
      <c r="KL11" s="74">
        <v>971</v>
      </c>
    </row>
    <row r="12" spans="1:298" ht="19.5" customHeight="1" x14ac:dyDescent="0.2">
      <c r="A12" s="130" t="s">
        <v>8</v>
      </c>
      <c r="B12" s="347">
        <v>52</v>
      </c>
      <c r="C12" s="83">
        <v>26</v>
      </c>
      <c r="D12" s="84">
        <v>78</v>
      </c>
      <c r="E12" s="274"/>
      <c r="F12" s="83">
        <v>104</v>
      </c>
      <c r="G12" s="83">
        <v>81</v>
      </c>
      <c r="H12" s="83">
        <v>39</v>
      </c>
      <c r="I12" s="83">
        <v>47</v>
      </c>
      <c r="J12" s="83">
        <v>13</v>
      </c>
      <c r="K12" s="85">
        <v>284</v>
      </c>
      <c r="L12" s="86">
        <v>362</v>
      </c>
      <c r="M12" s="71">
        <v>2</v>
      </c>
      <c r="N12" s="72">
        <v>4</v>
      </c>
      <c r="O12" s="73">
        <v>6</v>
      </c>
      <c r="P12" s="277"/>
      <c r="Q12" s="72">
        <v>1</v>
      </c>
      <c r="R12" s="72">
        <v>2</v>
      </c>
      <c r="S12" s="72">
        <v>0</v>
      </c>
      <c r="T12" s="72">
        <v>3</v>
      </c>
      <c r="U12" s="72">
        <v>0</v>
      </c>
      <c r="V12" s="73">
        <v>6</v>
      </c>
      <c r="W12" s="74">
        <v>12</v>
      </c>
      <c r="X12" s="71">
        <v>3</v>
      </c>
      <c r="Y12" s="72">
        <v>0</v>
      </c>
      <c r="Z12" s="73">
        <v>3</v>
      </c>
      <c r="AA12" s="277"/>
      <c r="AB12" s="72">
        <v>13</v>
      </c>
      <c r="AC12" s="72">
        <v>12</v>
      </c>
      <c r="AD12" s="72">
        <v>5</v>
      </c>
      <c r="AE12" s="72">
        <v>4</v>
      </c>
      <c r="AF12" s="72">
        <v>2</v>
      </c>
      <c r="AG12" s="73">
        <v>36</v>
      </c>
      <c r="AH12" s="74">
        <v>39</v>
      </c>
      <c r="AI12" s="71">
        <v>3</v>
      </c>
      <c r="AJ12" s="72">
        <v>2</v>
      </c>
      <c r="AK12" s="73">
        <v>5</v>
      </c>
      <c r="AL12" s="277"/>
      <c r="AM12" s="72">
        <v>12</v>
      </c>
      <c r="AN12" s="72">
        <v>9</v>
      </c>
      <c r="AO12" s="72">
        <v>5</v>
      </c>
      <c r="AP12" s="72">
        <v>5</v>
      </c>
      <c r="AQ12" s="72">
        <v>1</v>
      </c>
      <c r="AR12" s="73">
        <v>32</v>
      </c>
      <c r="AS12" s="74">
        <v>37</v>
      </c>
      <c r="AT12" s="71">
        <v>12</v>
      </c>
      <c r="AU12" s="72">
        <v>5</v>
      </c>
      <c r="AV12" s="73">
        <v>17</v>
      </c>
      <c r="AW12" s="277"/>
      <c r="AX12" s="72">
        <v>25</v>
      </c>
      <c r="AY12" s="72">
        <v>13</v>
      </c>
      <c r="AZ12" s="72">
        <v>5</v>
      </c>
      <c r="BA12" s="72">
        <v>12</v>
      </c>
      <c r="BB12" s="72">
        <v>3</v>
      </c>
      <c r="BC12" s="73">
        <v>58</v>
      </c>
      <c r="BD12" s="74">
        <v>75</v>
      </c>
      <c r="BE12" s="71">
        <v>14</v>
      </c>
      <c r="BF12" s="72">
        <v>5</v>
      </c>
      <c r="BG12" s="73">
        <v>19</v>
      </c>
      <c r="BH12" s="277"/>
      <c r="BI12" s="72">
        <v>30</v>
      </c>
      <c r="BJ12" s="72">
        <v>20</v>
      </c>
      <c r="BK12" s="72">
        <v>10</v>
      </c>
      <c r="BL12" s="72">
        <v>6</v>
      </c>
      <c r="BM12" s="72">
        <v>4</v>
      </c>
      <c r="BN12" s="73">
        <v>70</v>
      </c>
      <c r="BO12" s="74">
        <v>89</v>
      </c>
      <c r="BP12" s="71">
        <v>18</v>
      </c>
      <c r="BQ12" s="72">
        <v>10</v>
      </c>
      <c r="BR12" s="73">
        <v>28</v>
      </c>
      <c r="BS12" s="277"/>
      <c r="BT12" s="72">
        <v>23</v>
      </c>
      <c r="BU12" s="72">
        <v>25</v>
      </c>
      <c r="BV12" s="72">
        <v>14</v>
      </c>
      <c r="BW12" s="72">
        <v>17</v>
      </c>
      <c r="BX12" s="72">
        <v>3</v>
      </c>
      <c r="BY12" s="73">
        <v>82</v>
      </c>
      <c r="BZ12" s="74">
        <v>110</v>
      </c>
      <c r="CA12" s="71">
        <v>0</v>
      </c>
      <c r="CB12" s="72">
        <v>0</v>
      </c>
      <c r="CC12" s="73">
        <v>0</v>
      </c>
      <c r="CD12" s="277"/>
      <c r="CE12" s="72">
        <v>0</v>
      </c>
      <c r="CF12" s="72">
        <v>0</v>
      </c>
      <c r="CG12" s="72">
        <v>0</v>
      </c>
      <c r="CH12" s="72">
        <v>0</v>
      </c>
      <c r="CI12" s="72">
        <v>0</v>
      </c>
      <c r="CJ12" s="73">
        <v>0</v>
      </c>
      <c r="CK12" s="74">
        <v>0</v>
      </c>
      <c r="CL12" s="71">
        <v>52</v>
      </c>
      <c r="CM12" s="72">
        <v>26</v>
      </c>
      <c r="CN12" s="73">
        <v>78</v>
      </c>
      <c r="CO12" s="277"/>
      <c r="CP12" s="72">
        <v>104</v>
      </c>
      <c r="CQ12" s="72">
        <v>81</v>
      </c>
      <c r="CR12" s="72">
        <v>39</v>
      </c>
      <c r="CS12" s="72">
        <v>47</v>
      </c>
      <c r="CT12" s="72">
        <v>13</v>
      </c>
      <c r="CU12" s="73">
        <v>284</v>
      </c>
      <c r="CV12" s="74">
        <v>362</v>
      </c>
      <c r="CW12" s="127">
        <v>15</v>
      </c>
      <c r="CX12" s="83">
        <v>23</v>
      </c>
      <c r="CY12" s="84">
        <v>38</v>
      </c>
      <c r="CZ12" s="274"/>
      <c r="DA12" s="83">
        <v>30</v>
      </c>
      <c r="DB12" s="83">
        <v>47</v>
      </c>
      <c r="DC12" s="83">
        <v>15</v>
      </c>
      <c r="DD12" s="83">
        <v>26</v>
      </c>
      <c r="DE12" s="83">
        <v>14</v>
      </c>
      <c r="DF12" s="85">
        <v>132</v>
      </c>
      <c r="DG12" s="86">
        <v>170</v>
      </c>
      <c r="DH12" s="71">
        <v>0</v>
      </c>
      <c r="DI12" s="72">
        <v>0</v>
      </c>
      <c r="DJ12" s="73">
        <v>0</v>
      </c>
      <c r="DK12" s="277"/>
      <c r="DL12" s="72">
        <v>0</v>
      </c>
      <c r="DM12" s="72">
        <v>1</v>
      </c>
      <c r="DN12" s="72">
        <v>0</v>
      </c>
      <c r="DO12" s="72">
        <v>1</v>
      </c>
      <c r="DP12" s="72">
        <v>0</v>
      </c>
      <c r="DQ12" s="73">
        <v>2</v>
      </c>
      <c r="DR12" s="74">
        <v>2</v>
      </c>
      <c r="DS12" s="71">
        <v>2</v>
      </c>
      <c r="DT12" s="72">
        <v>1</v>
      </c>
      <c r="DU12" s="73">
        <v>3</v>
      </c>
      <c r="DV12" s="277"/>
      <c r="DW12" s="72">
        <v>2</v>
      </c>
      <c r="DX12" s="72">
        <v>3</v>
      </c>
      <c r="DY12" s="72">
        <v>0</v>
      </c>
      <c r="DZ12" s="72">
        <v>2</v>
      </c>
      <c r="EA12" s="72">
        <v>0</v>
      </c>
      <c r="EB12" s="73">
        <v>7</v>
      </c>
      <c r="EC12" s="74">
        <v>10</v>
      </c>
      <c r="ED12" s="71">
        <v>3</v>
      </c>
      <c r="EE12" s="72">
        <v>8</v>
      </c>
      <c r="EF12" s="73">
        <v>11</v>
      </c>
      <c r="EG12" s="277"/>
      <c r="EH12" s="72">
        <v>3</v>
      </c>
      <c r="EI12" s="72">
        <v>6</v>
      </c>
      <c r="EJ12" s="72">
        <v>2</v>
      </c>
      <c r="EK12" s="72">
        <v>1</v>
      </c>
      <c r="EL12" s="72">
        <v>0</v>
      </c>
      <c r="EM12" s="73">
        <v>12</v>
      </c>
      <c r="EN12" s="74">
        <v>23</v>
      </c>
      <c r="EO12" s="71">
        <v>6</v>
      </c>
      <c r="EP12" s="72">
        <v>6</v>
      </c>
      <c r="EQ12" s="73">
        <v>12</v>
      </c>
      <c r="ER12" s="277"/>
      <c r="ES12" s="72">
        <v>3</v>
      </c>
      <c r="ET12" s="72">
        <v>6</v>
      </c>
      <c r="EU12" s="72">
        <v>3</v>
      </c>
      <c r="EV12" s="72">
        <v>6</v>
      </c>
      <c r="EW12" s="72">
        <v>2</v>
      </c>
      <c r="EX12" s="73">
        <v>20</v>
      </c>
      <c r="EY12" s="74">
        <v>32</v>
      </c>
      <c r="EZ12" s="71">
        <v>3</v>
      </c>
      <c r="FA12" s="72">
        <v>3</v>
      </c>
      <c r="FB12" s="73">
        <v>6</v>
      </c>
      <c r="FC12" s="277"/>
      <c r="FD12" s="72">
        <v>10</v>
      </c>
      <c r="FE12" s="72">
        <v>14</v>
      </c>
      <c r="FF12" s="72">
        <v>2</v>
      </c>
      <c r="FG12" s="72">
        <v>4</v>
      </c>
      <c r="FH12" s="72">
        <v>2</v>
      </c>
      <c r="FI12" s="73">
        <v>32</v>
      </c>
      <c r="FJ12" s="74">
        <v>38</v>
      </c>
      <c r="FK12" s="71">
        <v>1</v>
      </c>
      <c r="FL12" s="72">
        <v>5</v>
      </c>
      <c r="FM12" s="73">
        <v>6</v>
      </c>
      <c r="FN12" s="277"/>
      <c r="FO12" s="72">
        <v>12</v>
      </c>
      <c r="FP12" s="72">
        <v>17</v>
      </c>
      <c r="FQ12" s="72">
        <v>8</v>
      </c>
      <c r="FR12" s="72">
        <v>12</v>
      </c>
      <c r="FS12" s="72">
        <v>10</v>
      </c>
      <c r="FT12" s="73">
        <v>59</v>
      </c>
      <c r="FU12" s="74">
        <v>65</v>
      </c>
      <c r="FV12" s="71">
        <v>0</v>
      </c>
      <c r="FW12" s="72">
        <v>0</v>
      </c>
      <c r="FX12" s="73">
        <v>0</v>
      </c>
      <c r="FY12" s="277"/>
      <c r="FZ12" s="72">
        <v>0</v>
      </c>
      <c r="GA12" s="72">
        <v>0</v>
      </c>
      <c r="GB12" s="72">
        <v>0</v>
      </c>
      <c r="GC12" s="72">
        <v>0</v>
      </c>
      <c r="GD12" s="72">
        <v>0</v>
      </c>
      <c r="GE12" s="73">
        <v>0</v>
      </c>
      <c r="GF12" s="74">
        <v>0</v>
      </c>
      <c r="GG12" s="71">
        <v>15</v>
      </c>
      <c r="GH12" s="72">
        <v>23</v>
      </c>
      <c r="GI12" s="73">
        <v>38</v>
      </c>
      <c r="GJ12" s="277"/>
      <c r="GK12" s="72">
        <v>30</v>
      </c>
      <c r="GL12" s="72">
        <v>47</v>
      </c>
      <c r="GM12" s="72">
        <v>15</v>
      </c>
      <c r="GN12" s="72">
        <v>26</v>
      </c>
      <c r="GO12" s="72">
        <v>14</v>
      </c>
      <c r="GP12" s="73">
        <v>132</v>
      </c>
      <c r="GQ12" s="74">
        <v>170</v>
      </c>
      <c r="GR12" s="127">
        <v>67</v>
      </c>
      <c r="GS12" s="83">
        <v>49</v>
      </c>
      <c r="GT12" s="84">
        <v>116</v>
      </c>
      <c r="GU12" s="274"/>
      <c r="GV12" s="83">
        <v>134</v>
      </c>
      <c r="GW12" s="83">
        <v>128</v>
      </c>
      <c r="GX12" s="83">
        <v>54</v>
      </c>
      <c r="GY12" s="83">
        <v>73</v>
      </c>
      <c r="GZ12" s="83">
        <v>27</v>
      </c>
      <c r="HA12" s="85">
        <v>416</v>
      </c>
      <c r="HB12" s="86">
        <v>532</v>
      </c>
      <c r="HC12" s="71">
        <v>2</v>
      </c>
      <c r="HD12" s="72">
        <v>4</v>
      </c>
      <c r="HE12" s="73">
        <v>6</v>
      </c>
      <c r="HF12" s="274"/>
      <c r="HG12" s="72">
        <v>1</v>
      </c>
      <c r="HH12" s="72">
        <v>3</v>
      </c>
      <c r="HI12" s="72">
        <v>0</v>
      </c>
      <c r="HJ12" s="72">
        <v>4</v>
      </c>
      <c r="HK12" s="72">
        <v>0</v>
      </c>
      <c r="HL12" s="73">
        <v>8</v>
      </c>
      <c r="HM12" s="74">
        <v>14</v>
      </c>
      <c r="HN12" s="71">
        <v>5</v>
      </c>
      <c r="HO12" s="72">
        <v>1</v>
      </c>
      <c r="HP12" s="73">
        <v>6</v>
      </c>
      <c r="HQ12" s="277"/>
      <c r="HR12" s="72">
        <v>15</v>
      </c>
      <c r="HS12" s="72">
        <v>15</v>
      </c>
      <c r="HT12" s="72">
        <v>5</v>
      </c>
      <c r="HU12" s="72">
        <v>6</v>
      </c>
      <c r="HV12" s="72">
        <v>2</v>
      </c>
      <c r="HW12" s="73">
        <v>43</v>
      </c>
      <c r="HX12" s="74">
        <v>49</v>
      </c>
      <c r="HY12" s="71">
        <v>6</v>
      </c>
      <c r="HZ12" s="72">
        <v>10</v>
      </c>
      <c r="IA12" s="73">
        <v>16</v>
      </c>
      <c r="IB12" s="277"/>
      <c r="IC12" s="72">
        <v>15</v>
      </c>
      <c r="ID12" s="72">
        <v>15</v>
      </c>
      <c r="IE12" s="72">
        <v>7</v>
      </c>
      <c r="IF12" s="72">
        <v>6</v>
      </c>
      <c r="IG12" s="72">
        <v>1</v>
      </c>
      <c r="IH12" s="73">
        <v>44</v>
      </c>
      <c r="II12" s="74">
        <v>60</v>
      </c>
      <c r="IJ12" s="71">
        <v>18</v>
      </c>
      <c r="IK12" s="72">
        <v>11</v>
      </c>
      <c r="IL12" s="73">
        <v>29</v>
      </c>
      <c r="IM12" s="277"/>
      <c r="IN12" s="72">
        <v>28</v>
      </c>
      <c r="IO12" s="72">
        <v>19</v>
      </c>
      <c r="IP12" s="72">
        <v>8</v>
      </c>
      <c r="IQ12" s="72">
        <v>18</v>
      </c>
      <c r="IR12" s="72">
        <v>5</v>
      </c>
      <c r="IS12" s="73">
        <v>78</v>
      </c>
      <c r="IT12" s="74">
        <v>107</v>
      </c>
      <c r="IU12" s="71">
        <v>17</v>
      </c>
      <c r="IV12" s="72">
        <v>8</v>
      </c>
      <c r="IW12" s="73">
        <v>25</v>
      </c>
      <c r="IX12" s="274"/>
      <c r="IY12" s="72">
        <v>40</v>
      </c>
      <c r="IZ12" s="72">
        <v>34</v>
      </c>
      <c r="JA12" s="72">
        <v>12</v>
      </c>
      <c r="JB12" s="72">
        <v>10</v>
      </c>
      <c r="JC12" s="72">
        <v>6</v>
      </c>
      <c r="JD12" s="73">
        <v>102</v>
      </c>
      <c r="JE12" s="74">
        <v>127</v>
      </c>
      <c r="JF12" s="71">
        <v>19</v>
      </c>
      <c r="JG12" s="72">
        <v>15</v>
      </c>
      <c r="JH12" s="73">
        <v>34</v>
      </c>
      <c r="JI12" s="274"/>
      <c r="JJ12" s="72">
        <v>35</v>
      </c>
      <c r="JK12" s="72">
        <v>42</v>
      </c>
      <c r="JL12" s="72">
        <v>22</v>
      </c>
      <c r="JM12" s="72">
        <v>29</v>
      </c>
      <c r="JN12" s="72">
        <v>13</v>
      </c>
      <c r="JO12" s="73">
        <v>141</v>
      </c>
      <c r="JP12" s="74">
        <v>175</v>
      </c>
      <c r="JQ12" s="71">
        <v>0</v>
      </c>
      <c r="JR12" s="72">
        <v>0</v>
      </c>
      <c r="JS12" s="73">
        <v>0</v>
      </c>
      <c r="JT12" s="274"/>
      <c r="JU12" s="72">
        <v>0</v>
      </c>
      <c r="JV12" s="72">
        <v>0</v>
      </c>
      <c r="JW12" s="72">
        <v>0</v>
      </c>
      <c r="JX12" s="72">
        <v>0</v>
      </c>
      <c r="JY12" s="72">
        <v>0</v>
      </c>
      <c r="JZ12" s="73">
        <v>0</v>
      </c>
      <c r="KA12" s="74">
        <v>0</v>
      </c>
      <c r="KB12" s="71">
        <v>67</v>
      </c>
      <c r="KC12" s="72">
        <v>49</v>
      </c>
      <c r="KD12" s="73">
        <v>116</v>
      </c>
      <c r="KE12" s="274"/>
      <c r="KF12" s="72">
        <v>134</v>
      </c>
      <c r="KG12" s="72">
        <v>128</v>
      </c>
      <c r="KH12" s="72">
        <v>54</v>
      </c>
      <c r="KI12" s="72">
        <v>73</v>
      </c>
      <c r="KJ12" s="72">
        <v>27</v>
      </c>
      <c r="KK12" s="73">
        <v>416</v>
      </c>
      <c r="KL12" s="74">
        <v>532</v>
      </c>
    </row>
    <row r="13" spans="1:298" ht="19.5" customHeight="1" x14ac:dyDescent="0.2">
      <c r="A13" s="130" t="s">
        <v>9</v>
      </c>
      <c r="B13" s="347">
        <v>172</v>
      </c>
      <c r="C13" s="83">
        <v>121</v>
      </c>
      <c r="D13" s="84">
        <v>293</v>
      </c>
      <c r="E13" s="274"/>
      <c r="F13" s="83">
        <v>224</v>
      </c>
      <c r="G13" s="83">
        <v>148</v>
      </c>
      <c r="H13" s="83">
        <v>107</v>
      </c>
      <c r="I13" s="83">
        <v>94</v>
      </c>
      <c r="J13" s="83">
        <v>56</v>
      </c>
      <c r="K13" s="85">
        <v>629</v>
      </c>
      <c r="L13" s="86">
        <v>922</v>
      </c>
      <c r="M13" s="71">
        <v>0</v>
      </c>
      <c r="N13" s="72">
        <v>3</v>
      </c>
      <c r="O13" s="73">
        <v>3</v>
      </c>
      <c r="P13" s="277"/>
      <c r="Q13" s="72">
        <v>5</v>
      </c>
      <c r="R13" s="72">
        <v>5</v>
      </c>
      <c r="S13" s="72">
        <v>1</v>
      </c>
      <c r="T13" s="72">
        <v>1</v>
      </c>
      <c r="U13" s="72">
        <v>3</v>
      </c>
      <c r="V13" s="73">
        <v>15</v>
      </c>
      <c r="W13" s="74">
        <v>18</v>
      </c>
      <c r="X13" s="71">
        <v>6</v>
      </c>
      <c r="Y13" s="72">
        <v>8</v>
      </c>
      <c r="Z13" s="73">
        <v>14</v>
      </c>
      <c r="AA13" s="277"/>
      <c r="AB13" s="72">
        <v>9</v>
      </c>
      <c r="AC13" s="72">
        <v>9</v>
      </c>
      <c r="AD13" s="72">
        <v>4</v>
      </c>
      <c r="AE13" s="72">
        <v>5</v>
      </c>
      <c r="AF13" s="72">
        <v>5</v>
      </c>
      <c r="AG13" s="73">
        <v>32</v>
      </c>
      <c r="AH13" s="74">
        <v>46</v>
      </c>
      <c r="AI13" s="71">
        <v>13</v>
      </c>
      <c r="AJ13" s="72">
        <v>10</v>
      </c>
      <c r="AK13" s="73">
        <v>23</v>
      </c>
      <c r="AL13" s="277"/>
      <c r="AM13" s="72">
        <v>23</v>
      </c>
      <c r="AN13" s="72">
        <v>9</v>
      </c>
      <c r="AO13" s="72">
        <v>17</v>
      </c>
      <c r="AP13" s="72">
        <v>13</v>
      </c>
      <c r="AQ13" s="72">
        <v>7</v>
      </c>
      <c r="AR13" s="73">
        <v>69</v>
      </c>
      <c r="AS13" s="74">
        <v>92</v>
      </c>
      <c r="AT13" s="71">
        <v>43</v>
      </c>
      <c r="AU13" s="72">
        <v>23</v>
      </c>
      <c r="AV13" s="73">
        <v>66</v>
      </c>
      <c r="AW13" s="277"/>
      <c r="AX13" s="72">
        <v>50</v>
      </c>
      <c r="AY13" s="72">
        <v>31</v>
      </c>
      <c r="AZ13" s="72">
        <v>19</v>
      </c>
      <c r="BA13" s="72">
        <v>18</v>
      </c>
      <c r="BB13" s="72">
        <v>10</v>
      </c>
      <c r="BC13" s="73">
        <v>128</v>
      </c>
      <c r="BD13" s="74">
        <v>194</v>
      </c>
      <c r="BE13" s="71">
        <v>62</v>
      </c>
      <c r="BF13" s="72">
        <v>42</v>
      </c>
      <c r="BG13" s="73">
        <v>104</v>
      </c>
      <c r="BH13" s="277"/>
      <c r="BI13" s="72">
        <v>82</v>
      </c>
      <c r="BJ13" s="72">
        <v>43</v>
      </c>
      <c r="BK13" s="72">
        <v>24</v>
      </c>
      <c r="BL13" s="72">
        <v>31</v>
      </c>
      <c r="BM13" s="72">
        <v>11</v>
      </c>
      <c r="BN13" s="73">
        <v>191</v>
      </c>
      <c r="BO13" s="74">
        <v>295</v>
      </c>
      <c r="BP13" s="71">
        <v>48</v>
      </c>
      <c r="BQ13" s="72">
        <v>35</v>
      </c>
      <c r="BR13" s="73">
        <v>83</v>
      </c>
      <c r="BS13" s="277"/>
      <c r="BT13" s="72">
        <v>55</v>
      </c>
      <c r="BU13" s="72">
        <v>51</v>
      </c>
      <c r="BV13" s="72">
        <v>42</v>
      </c>
      <c r="BW13" s="72">
        <v>26</v>
      </c>
      <c r="BX13" s="72">
        <v>20</v>
      </c>
      <c r="BY13" s="73">
        <v>194</v>
      </c>
      <c r="BZ13" s="74">
        <v>277</v>
      </c>
      <c r="CA13" s="71">
        <v>0</v>
      </c>
      <c r="CB13" s="72">
        <v>0</v>
      </c>
      <c r="CC13" s="73">
        <v>0</v>
      </c>
      <c r="CD13" s="277"/>
      <c r="CE13" s="72">
        <v>0</v>
      </c>
      <c r="CF13" s="72">
        <v>0</v>
      </c>
      <c r="CG13" s="72">
        <v>0</v>
      </c>
      <c r="CH13" s="72">
        <v>0</v>
      </c>
      <c r="CI13" s="72">
        <v>0</v>
      </c>
      <c r="CJ13" s="73">
        <v>0</v>
      </c>
      <c r="CK13" s="74">
        <v>0</v>
      </c>
      <c r="CL13" s="71">
        <v>172</v>
      </c>
      <c r="CM13" s="72">
        <v>121</v>
      </c>
      <c r="CN13" s="73">
        <v>293</v>
      </c>
      <c r="CO13" s="277"/>
      <c r="CP13" s="72">
        <v>224</v>
      </c>
      <c r="CQ13" s="72">
        <v>148</v>
      </c>
      <c r="CR13" s="72">
        <v>107</v>
      </c>
      <c r="CS13" s="72">
        <v>94</v>
      </c>
      <c r="CT13" s="72">
        <v>56</v>
      </c>
      <c r="CU13" s="73">
        <v>629</v>
      </c>
      <c r="CV13" s="74">
        <v>922</v>
      </c>
      <c r="CW13" s="127">
        <v>61</v>
      </c>
      <c r="CX13" s="83">
        <v>42</v>
      </c>
      <c r="CY13" s="84">
        <v>103</v>
      </c>
      <c r="CZ13" s="274"/>
      <c r="DA13" s="83">
        <v>58</v>
      </c>
      <c r="DB13" s="83">
        <v>43</v>
      </c>
      <c r="DC13" s="83">
        <v>36</v>
      </c>
      <c r="DD13" s="83">
        <v>34</v>
      </c>
      <c r="DE13" s="83">
        <v>33</v>
      </c>
      <c r="DF13" s="85">
        <v>204</v>
      </c>
      <c r="DG13" s="86">
        <v>307</v>
      </c>
      <c r="DH13" s="71">
        <v>1</v>
      </c>
      <c r="DI13" s="72">
        <v>1</v>
      </c>
      <c r="DJ13" s="73">
        <v>2</v>
      </c>
      <c r="DK13" s="277"/>
      <c r="DL13" s="72">
        <v>2</v>
      </c>
      <c r="DM13" s="72">
        <v>0</v>
      </c>
      <c r="DN13" s="72">
        <v>0</v>
      </c>
      <c r="DO13" s="72">
        <v>0</v>
      </c>
      <c r="DP13" s="72">
        <v>0</v>
      </c>
      <c r="DQ13" s="73">
        <v>2</v>
      </c>
      <c r="DR13" s="74">
        <v>4</v>
      </c>
      <c r="DS13" s="71">
        <v>4</v>
      </c>
      <c r="DT13" s="72">
        <v>1</v>
      </c>
      <c r="DU13" s="73">
        <v>5</v>
      </c>
      <c r="DV13" s="277"/>
      <c r="DW13" s="72">
        <v>4</v>
      </c>
      <c r="DX13" s="72">
        <v>3</v>
      </c>
      <c r="DY13" s="72">
        <v>3</v>
      </c>
      <c r="DZ13" s="72">
        <v>1</v>
      </c>
      <c r="EA13" s="72">
        <v>1</v>
      </c>
      <c r="EB13" s="73">
        <v>12</v>
      </c>
      <c r="EC13" s="74">
        <v>17</v>
      </c>
      <c r="ED13" s="71">
        <v>9</v>
      </c>
      <c r="EE13" s="72">
        <v>7</v>
      </c>
      <c r="EF13" s="73">
        <v>16</v>
      </c>
      <c r="EG13" s="277"/>
      <c r="EH13" s="72">
        <v>8</v>
      </c>
      <c r="EI13" s="72">
        <v>2</v>
      </c>
      <c r="EJ13" s="72">
        <v>3</v>
      </c>
      <c r="EK13" s="72">
        <v>1</v>
      </c>
      <c r="EL13" s="72">
        <v>1</v>
      </c>
      <c r="EM13" s="73">
        <v>15</v>
      </c>
      <c r="EN13" s="74">
        <v>31</v>
      </c>
      <c r="EO13" s="71">
        <v>23</v>
      </c>
      <c r="EP13" s="72">
        <v>10</v>
      </c>
      <c r="EQ13" s="73">
        <v>33</v>
      </c>
      <c r="ER13" s="277"/>
      <c r="ES13" s="72">
        <v>10</v>
      </c>
      <c r="ET13" s="72">
        <v>8</v>
      </c>
      <c r="EU13" s="72">
        <v>2</v>
      </c>
      <c r="EV13" s="72">
        <v>2</v>
      </c>
      <c r="EW13" s="72">
        <v>5</v>
      </c>
      <c r="EX13" s="73">
        <v>27</v>
      </c>
      <c r="EY13" s="74">
        <v>60</v>
      </c>
      <c r="EZ13" s="71">
        <v>14</v>
      </c>
      <c r="FA13" s="72">
        <v>7</v>
      </c>
      <c r="FB13" s="73">
        <v>21</v>
      </c>
      <c r="FC13" s="277"/>
      <c r="FD13" s="72">
        <v>15</v>
      </c>
      <c r="FE13" s="72">
        <v>15</v>
      </c>
      <c r="FF13" s="72">
        <v>10</v>
      </c>
      <c r="FG13" s="72">
        <v>13</v>
      </c>
      <c r="FH13" s="72">
        <v>13</v>
      </c>
      <c r="FI13" s="73">
        <v>66</v>
      </c>
      <c r="FJ13" s="74">
        <v>87</v>
      </c>
      <c r="FK13" s="71">
        <v>10</v>
      </c>
      <c r="FL13" s="72">
        <v>16</v>
      </c>
      <c r="FM13" s="73">
        <v>26</v>
      </c>
      <c r="FN13" s="277"/>
      <c r="FO13" s="72">
        <v>19</v>
      </c>
      <c r="FP13" s="72">
        <v>15</v>
      </c>
      <c r="FQ13" s="72">
        <v>18</v>
      </c>
      <c r="FR13" s="72">
        <v>17</v>
      </c>
      <c r="FS13" s="72">
        <v>13</v>
      </c>
      <c r="FT13" s="73">
        <v>82</v>
      </c>
      <c r="FU13" s="74">
        <v>108</v>
      </c>
      <c r="FV13" s="71">
        <v>0</v>
      </c>
      <c r="FW13" s="72">
        <v>0</v>
      </c>
      <c r="FX13" s="73">
        <v>0</v>
      </c>
      <c r="FY13" s="277"/>
      <c r="FZ13" s="72">
        <v>0</v>
      </c>
      <c r="GA13" s="72">
        <v>0</v>
      </c>
      <c r="GB13" s="72">
        <v>0</v>
      </c>
      <c r="GC13" s="72">
        <v>0</v>
      </c>
      <c r="GD13" s="72">
        <v>0</v>
      </c>
      <c r="GE13" s="73">
        <v>0</v>
      </c>
      <c r="GF13" s="74">
        <v>0</v>
      </c>
      <c r="GG13" s="71">
        <v>61</v>
      </c>
      <c r="GH13" s="72">
        <v>42</v>
      </c>
      <c r="GI13" s="73">
        <v>103</v>
      </c>
      <c r="GJ13" s="277"/>
      <c r="GK13" s="72">
        <v>58</v>
      </c>
      <c r="GL13" s="72">
        <v>43</v>
      </c>
      <c r="GM13" s="72">
        <v>36</v>
      </c>
      <c r="GN13" s="72">
        <v>34</v>
      </c>
      <c r="GO13" s="72">
        <v>33</v>
      </c>
      <c r="GP13" s="73">
        <v>204</v>
      </c>
      <c r="GQ13" s="74">
        <v>307</v>
      </c>
      <c r="GR13" s="127">
        <v>233</v>
      </c>
      <c r="GS13" s="83">
        <v>163</v>
      </c>
      <c r="GT13" s="84">
        <v>396</v>
      </c>
      <c r="GU13" s="274"/>
      <c r="GV13" s="83">
        <v>282</v>
      </c>
      <c r="GW13" s="83">
        <v>191</v>
      </c>
      <c r="GX13" s="83">
        <v>143</v>
      </c>
      <c r="GY13" s="83">
        <v>128</v>
      </c>
      <c r="GZ13" s="83">
        <v>89</v>
      </c>
      <c r="HA13" s="85">
        <v>833</v>
      </c>
      <c r="HB13" s="86">
        <v>1229</v>
      </c>
      <c r="HC13" s="71">
        <v>1</v>
      </c>
      <c r="HD13" s="72">
        <v>4</v>
      </c>
      <c r="HE13" s="73">
        <v>5</v>
      </c>
      <c r="HF13" s="274"/>
      <c r="HG13" s="72">
        <v>7</v>
      </c>
      <c r="HH13" s="72">
        <v>5</v>
      </c>
      <c r="HI13" s="72">
        <v>1</v>
      </c>
      <c r="HJ13" s="72">
        <v>1</v>
      </c>
      <c r="HK13" s="72">
        <v>3</v>
      </c>
      <c r="HL13" s="73">
        <v>17</v>
      </c>
      <c r="HM13" s="74">
        <v>22</v>
      </c>
      <c r="HN13" s="71">
        <v>10</v>
      </c>
      <c r="HO13" s="72">
        <v>9</v>
      </c>
      <c r="HP13" s="73">
        <v>19</v>
      </c>
      <c r="HQ13" s="277"/>
      <c r="HR13" s="72">
        <v>13</v>
      </c>
      <c r="HS13" s="72">
        <v>12</v>
      </c>
      <c r="HT13" s="72">
        <v>7</v>
      </c>
      <c r="HU13" s="72">
        <v>6</v>
      </c>
      <c r="HV13" s="72">
        <v>6</v>
      </c>
      <c r="HW13" s="73">
        <v>44</v>
      </c>
      <c r="HX13" s="74">
        <v>63</v>
      </c>
      <c r="HY13" s="71">
        <v>22</v>
      </c>
      <c r="HZ13" s="72">
        <v>17</v>
      </c>
      <c r="IA13" s="73">
        <v>39</v>
      </c>
      <c r="IB13" s="277"/>
      <c r="IC13" s="72">
        <v>31</v>
      </c>
      <c r="ID13" s="72">
        <v>11</v>
      </c>
      <c r="IE13" s="72">
        <v>20</v>
      </c>
      <c r="IF13" s="72">
        <v>14</v>
      </c>
      <c r="IG13" s="72">
        <v>8</v>
      </c>
      <c r="IH13" s="73">
        <v>84</v>
      </c>
      <c r="II13" s="74">
        <v>123</v>
      </c>
      <c r="IJ13" s="71">
        <v>66</v>
      </c>
      <c r="IK13" s="72">
        <v>33</v>
      </c>
      <c r="IL13" s="73">
        <v>99</v>
      </c>
      <c r="IM13" s="277"/>
      <c r="IN13" s="72">
        <v>60</v>
      </c>
      <c r="IO13" s="72">
        <v>39</v>
      </c>
      <c r="IP13" s="72">
        <v>21</v>
      </c>
      <c r="IQ13" s="72">
        <v>20</v>
      </c>
      <c r="IR13" s="72">
        <v>15</v>
      </c>
      <c r="IS13" s="73">
        <v>155</v>
      </c>
      <c r="IT13" s="74">
        <v>254</v>
      </c>
      <c r="IU13" s="71">
        <v>76</v>
      </c>
      <c r="IV13" s="72">
        <v>49</v>
      </c>
      <c r="IW13" s="73">
        <v>125</v>
      </c>
      <c r="IX13" s="274"/>
      <c r="IY13" s="72">
        <v>97</v>
      </c>
      <c r="IZ13" s="72">
        <v>58</v>
      </c>
      <c r="JA13" s="72">
        <v>34</v>
      </c>
      <c r="JB13" s="72">
        <v>44</v>
      </c>
      <c r="JC13" s="72">
        <v>24</v>
      </c>
      <c r="JD13" s="73">
        <v>257</v>
      </c>
      <c r="JE13" s="74">
        <v>382</v>
      </c>
      <c r="JF13" s="71">
        <v>58</v>
      </c>
      <c r="JG13" s="72">
        <v>51</v>
      </c>
      <c r="JH13" s="73">
        <v>109</v>
      </c>
      <c r="JI13" s="274"/>
      <c r="JJ13" s="72">
        <v>74</v>
      </c>
      <c r="JK13" s="72">
        <v>66</v>
      </c>
      <c r="JL13" s="72">
        <v>60</v>
      </c>
      <c r="JM13" s="72">
        <v>43</v>
      </c>
      <c r="JN13" s="72">
        <v>33</v>
      </c>
      <c r="JO13" s="73">
        <v>276</v>
      </c>
      <c r="JP13" s="74">
        <v>385</v>
      </c>
      <c r="JQ13" s="71">
        <v>0</v>
      </c>
      <c r="JR13" s="72">
        <v>0</v>
      </c>
      <c r="JS13" s="73">
        <v>0</v>
      </c>
      <c r="JT13" s="274"/>
      <c r="JU13" s="72">
        <v>0</v>
      </c>
      <c r="JV13" s="72">
        <v>0</v>
      </c>
      <c r="JW13" s="72">
        <v>0</v>
      </c>
      <c r="JX13" s="72">
        <v>0</v>
      </c>
      <c r="JY13" s="72">
        <v>0</v>
      </c>
      <c r="JZ13" s="73">
        <v>0</v>
      </c>
      <c r="KA13" s="74">
        <v>0</v>
      </c>
      <c r="KB13" s="71">
        <v>233</v>
      </c>
      <c r="KC13" s="72">
        <v>163</v>
      </c>
      <c r="KD13" s="73">
        <v>396</v>
      </c>
      <c r="KE13" s="274"/>
      <c r="KF13" s="72">
        <v>282</v>
      </c>
      <c r="KG13" s="72">
        <v>191</v>
      </c>
      <c r="KH13" s="72">
        <v>143</v>
      </c>
      <c r="KI13" s="72">
        <v>128</v>
      </c>
      <c r="KJ13" s="72">
        <v>89</v>
      </c>
      <c r="KK13" s="73">
        <v>833</v>
      </c>
      <c r="KL13" s="74">
        <v>1229</v>
      </c>
    </row>
    <row r="14" spans="1:298" ht="19.5" customHeight="1" x14ac:dyDescent="0.2">
      <c r="A14" s="130" t="s">
        <v>10</v>
      </c>
      <c r="B14" s="347">
        <v>262</v>
      </c>
      <c r="C14" s="83">
        <v>176</v>
      </c>
      <c r="D14" s="84">
        <v>438</v>
      </c>
      <c r="E14" s="274"/>
      <c r="F14" s="83">
        <v>263</v>
      </c>
      <c r="G14" s="83">
        <v>156</v>
      </c>
      <c r="H14" s="83">
        <v>92</v>
      </c>
      <c r="I14" s="83">
        <v>93</v>
      </c>
      <c r="J14" s="83">
        <v>77</v>
      </c>
      <c r="K14" s="85">
        <v>681</v>
      </c>
      <c r="L14" s="86">
        <v>1119</v>
      </c>
      <c r="M14" s="71">
        <v>4</v>
      </c>
      <c r="N14" s="72">
        <v>6</v>
      </c>
      <c r="O14" s="73">
        <v>10</v>
      </c>
      <c r="P14" s="277"/>
      <c r="Q14" s="72">
        <v>13</v>
      </c>
      <c r="R14" s="72">
        <v>8</v>
      </c>
      <c r="S14" s="72">
        <v>2</v>
      </c>
      <c r="T14" s="72">
        <v>2</v>
      </c>
      <c r="U14" s="72">
        <v>4</v>
      </c>
      <c r="V14" s="73">
        <v>29</v>
      </c>
      <c r="W14" s="74">
        <v>39</v>
      </c>
      <c r="X14" s="71">
        <v>19</v>
      </c>
      <c r="Y14" s="72">
        <v>14</v>
      </c>
      <c r="Z14" s="73">
        <v>33</v>
      </c>
      <c r="AA14" s="277"/>
      <c r="AB14" s="72">
        <v>22</v>
      </c>
      <c r="AC14" s="72">
        <v>19</v>
      </c>
      <c r="AD14" s="72">
        <v>7</v>
      </c>
      <c r="AE14" s="72">
        <v>6</v>
      </c>
      <c r="AF14" s="72">
        <v>13</v>
      </c>
      <c r="AG14" s="73">
        <v>67</v>
      </c>
      <c r="AH14" s="74">
        <v>100</v>
      </c>
      <c r="AI14" s="71">
        <v>26</v>
      </c>
      <c r="AJ14" s="72">
        <v>20</v>
      </c>
      <c r="AK14" s="73">
        <v>46</v>
      </c>
      <c r="AL14" s="277"/>
      <c r="AM14" s="72">
        <v>34</v>
      </c>
      <c r="AN14" s="72">
        <v>14</v>
      </c>
      <c r="AO14" s="72">
        <v>12</v>
      </c>
      <c r="AP14" s="72">
        <v>11</v>
      </c>
      <c r="AQ14" s="72">
        <v>8</v>
      </c>
      <c r="AR14" s="73">
        <v>79</v>
      </c>
      <c r="AS14" s="74">
        <v>125</v>
      </c>
      <c r="AT14" s="71">
        <v>73</v>
      </c>
      <c r="AU14" s="72">
        <v>41</v>
      </c>
      <c r="AV14" s="73">
        <v>114</v>
      </c>
      <c r="AW14" s="277"/>
      <c r="AX14" s="72">
        <v>53</v>
      </c>
      <c r="AY14" s="72">
        <v>28</v>
      </c>
      <c r="AZ14" s="72">
        <v>16</v>
      </c>
      <c r="BA14" s="72">
        <v>13</v>
      </c>
      <c r="BB14" s="72">
        <v>19</v>
      </c>
      <c r="BC14" s="73">
        <v>129</v>
      </c>
      <c r="BD14" s="74">
        <v>243</v>
      </c>
      <c r="BE14" s="71">
        <v>74</v>
      </c>
      <c r="BF14" s="72">
        <v>37</v>
      </c>
      <c r="BG14" s="73">
        <v>111</v>
      </c>
      <c r="BH14" s="277"/>
      <c r="BI14" s="72">
        <v>78</v>
      </c>
      <c r="BJ14" s="72">
        <v>43</v>
      </c>
      <c r="BK14" s="72">
        <v>31</v>
      </c>
      <c r="BL14" s="72">
        <v>32</v>
      </c>
      <c r="BM14" s="72">
        <v>15</v>
      </c>
      <c r="BN14" s="73">
        <v>199</v>
      </c>
      <c r="BO14" s="74">
        <v>310</v>
      </c>
      <c r="BP14" s="71">
        <v>66</v>
      </c>
      <c r="BQ14" s="72">
        <v>58</v>
      </c>
      <c r="BR14" s="73">
        <v>124</v>
      </c>
      <c r="BS14" s="277"/>
      <c r="BT14" s="72">
        <v>63</v>
      </c>
      <c r="BU14" s="72">
        <v>44</v>
      </c>
      <c r="BV14" s="72">
        <v>24</v>
      </c>
      <c r="BW14" s="72">
        <v>29</v>
      </c>
      <c r="BX14" s="72">
        <v>18</v>
      </c>
      <c r="BY14" s="73">
        <v>178</v>
      </c>
      <c r="BZ14" s="74">
        <v>302</v>
      </c>
      <c r="CA14" s="71">
        <v>0</v>
      </c>
      <c r="CB14" s="72">
        <v>0</v>
      </c>
      <c r="CC14" s="73">
        <v>0</v>
      </c>
      <c r="CD14" s="277"/>
      <c r="CE14" s="72">
        <v>0</v>
      </c>
      <c r="CF14" s="72">
        <v>0</v>
      </c>
      <c r="CG14" s="72">
        <v>0</v>
      </c>
      <c r="CH14" s="72">
        <v>0</v>
      </c>
      <c r="CI14" s="72">
        <v>0</v>
      </c>
      <c r="CJ14" s="73">
        <v>0</v>
      </c>
      <c r="CK14" s="74">
        <v>0</v>
      </c>
      <c r="CL14" s="71">
        <v>262</v>
      </c>
      <c r="CM14" s="72">
        <v>176</v>
      </c>
      <c r="CN14" s="73">
        <v>438</v>
      </c>
      <c r="CO14" s="277"/>
      <c r="CP14" s="72">
        <v>263</v>
      </c>
      <c r="CQ14" s="72">
        <v>156</v>
      </c>
      <c r="CR14" s="72">
        <v>92</v>
      </c>
      <c r="CS14" s="72">
        <v>93</v>
      </c>
      <c r="CT14" s="72">
        <v>77</v>
      </c>
      <c r="CU14" s="73">
        <v>681</v>
      </c>
      <c r="CV14" s="74">
        <v>1119</v>
      </c>
      <c r="CW14" s="127">
        <v>96</v>
      </c>
      <c r="CX14" s="83">
        <v>69</v>
      </c>
      <c r="CY14" s="84">
        <v>165</v>
      </c>
      <c r="CZ14" s="274"/>
      <c r="DA14" s="83">
        <v>99</v>
      </c>
      <c r="DB14" s="83">
        <v>50</v>
      </c>
      <c r="DC14" s="83">
        <v>46</v>
      </c>
      <c r="DD14" s="83">
        <v>42</v>
      </c>
      <c r="DE14" s="83">
        <v>48</v>
      </c>
      <c r="DF14" s="85">
        <v>285</v>
      </c>
      <c r="DG14" s="86">
        <v>450</v>
      </c>
      <c r="DH14" s="71">
        <v>4</v>
      </c>
      <c r="DI14" s="72">
        <v>1</v>
      </c>
      <c r="DJ14" s="73">
        <v>5</v>
      </c>
      <c r="DK14" s="277"/>
      <c r="DL14" s="72">
        <v>1</v>
      </c>
      <c r="DM14" s="72">
        <v>1</v>
      </c>
      <c r="DN14" s="72">
        <v>1</v>
      </c>
      <c r="DO14" s="72">
        <v>0</v>
      </c>
      <c r="DP14" s="72">
        <v>0</v>
      </c>
      <c r="DQ14" s="73">
        <v>3</v>
      </c>
      <c r="DR14" s="74">
        <v>8</v>
      </c>
      <c r="DS14" s="71">
        <v>6</v>
      </c>
      <c r="DT14" s="72">
        <v>8</v>
      </c>
      <c r="DU14" s="73">
        <v>14</v>
      </c>
      <c r="DV14" s="277"/>
      <c r="DW14" s="72">
        <v>5</v>
      </c>
      <c r="DX14" s="72">
        <v>3</v>
      </c>
      <c r="DY14" s="72">
        <v>2</v>
      </c>
      <c r="DZ14" s="72">
        <v>0</v>
      </c>
      <c r="EA14" s="72">
        <v>0</v>
      </c>
      <c r="EB14" s="73">
        <v>10</v>
      </c>
      <c r="EC14" s="74">
        <v>24</v>
      </c>
      <c r="ED14" s="71">
        <v>10</v>
      </c>
      <c r="EE14" s="72">
        <v>6</v>
      </c>
      <c r="EF14" s="73">
        <v>16</v>
      </c>
      <c r="EG14" s="277"/>
      <c r="EH14" s="72">
        <v>6</v>
      </c>
      <c r="EI14" s="72">
        <v>2</v>
      </c>
      <c r="EJ14" s="72">
        <v>1</v>
      </c>
      <c r="EK14" s="72">
        <v>5</v>
      </c>
      <c r="EL14" s="72">
        <v>3</v>
      </c>
      <c r="EM14" s="73">
        <v>17</v>
      </c>
      <c r="EN14" s="74">
        <v>33</v>
      </c>
      <c r="EO14" s="71">
        <v>24</v>
      </c>
      <c r="EP14" s="72">
        <v>17</v>
      </c>
      <c r="EQ14" s="73">
        <v>41</v>
      </c>
      <c r="ER14" s="277"/>
      <c r="ES14" s="72">
        <v>20</v>
      </c>
      <c r="ET14" s="72">
        <v>10</v>
      </c>
      <c r="EU14" s="72">
        <v>3</v>
      </c>
      <c r="EV14" s="72">
        <v>3</v>
      </c>
      <c r="EW14" s="72">
        <v>12</v>
      </c>
      <c r="EX14" s="73">
        <v>48</v>
      </c>
      <c r="EY14" s="74">
        <v>89</v>
      </c>
      <c r="EZ14" s="71">
        <v>36</v>
      </c>
      <c r="FA14" s="72">
        <v>17</v>
      </c>
      <c r="FB14" s="73">
        <v>53</v>
      </c>
      <c r="FC14" s="277"/>
      <c r="FD14" s="72">
        <v>33</v>
      </c>
      <c r="FE14" s="72">
        <v>9</v>
      </c>
      <c r="FF14" s="72">
        <v>12</v>
      </c>
      <c r="FG14" s="72">
        <v>9</v>
      </c>
      <c r="FH14" s="72">
        <v>8</v>
      </c>
      <c r="FI14" s="73">
        <v>71</v>
      </c>
      <c r="FJ14" s="74">
        <v>124</v>
      </c>
      <c r="FK14" s="71">
        <v>16</v>
      </c>
      <c r="FL14" s="72">
        <v>20</v>
      </c>
      <c r="FM14" s="73">
        <v>36</v>
      </c>
      <c r="FN14" s="277"/>
      <c r="FO14" s="72">
        <v>34</v>
      </c>
      <c r="FP14" s="72">
        <v>25</v>
      </c>
      <c r="FQ14" s="72">
        <v>27</v>
      </c>
      <c r="FR14" s="72">
        <v>25</v>
      </c>
      <c r="FS14" s="72">
        <v>25</v>
      </c>
      <c r="FT14" s="73">
        <v>136</v>
      </c>
      <c r="FU14" s="74">
        <v>172</v>
      </c>
      <c r="FV14" s="71">
        <v>0</v>
      </c>
      <c r="FW14" s="72">
        <v>0</v>
      </c>
      <c r="FX14" s="73">
        <v>0</v>
      </c>
      <c r="FY14" s="277"/>
      <c r="FZ14" s="72">
        <v>0</v>
      </c>
      <c r="GA14" s="72">
        <v>0</v>
      </c>
      <c r="GB14" s="72">
        <v>0</v>
      </c>
      <c r="GC14" s="72">
        <v>0</v>
      </c>
      <c r="GD14" s="72">
        <v>0</v>
      </c>
      <c r="GE14" s="73">
        <v>0</v>
      </c>
      <c r="GF14" s="74">
        <v>0</v>
      </c>
      <c r="GG14" s="71">
        <v>96</v>
      </c>
      <c r="GH14" s="72">
        <v>69</v>
      </c>
      <c r="GI14" s="73">
        <v>165</v>
      </c>
      <c r="GJ14" s="277"/>
      <c r="GK14" s="72">
        <v>99</v>
      </c>
      <c r="GL14" s="72">
        <v>50</v>
      </c>
      <c r="GM14" s="72">
        <v>46</v>
      </c>
      <c r="GN14" s="72">
        <v>42</v>
      </c>
      <c r="GO14" s="72">
        <v>48</v>
      </c>
      <c r="GP14" s="73">
        <v>285</v>
      </c>
      <c r="GQ14" s="74">
        <v>450</v>
      </c>
      <c r="GR14" s="127">
        <v>358</v>
      </c>
      <c r="GS14" s="83">
        <v>245</v>
      </c>
      <c r="GT14" s="84">
        <v>603</v>
      </c>
      <c r="GU14" s="274"/>
      <c r="GV14" s="83">
        <v>362</v>
      </c>
      <c r="GW14" s="83">
        <v>206</v>
      </c>
      <c r="GX14" s="83">
        <v>138</v>
      </c>
      <c r="GY14" s="83">
        <v>135</v>
      </c>
      <c r="GZ14" s="83">
        <v>125</v>
      </c>
      <c r="HA14" s="85">
        <v>966</v>
      </c>
      <c r="HB14" s="86">
        <v>1569</v>
      </c>
      <c r="HC14" s="71">
        <v>8</v>
      </c>
      <c r="HD14" s="72">
        <v>7</v>
      </c>
      <c r="HE14" s="73">
        <v>15</v>
      </c>
      <c r="HF14" s="274"/>
      <c r="HG14" s="72">
        <v>14</v>
      </c>
      <c r="HH14" s="72">
        <v>9</v>
      </c>
      <c r="HI14" s="72">
        <v>3</v>
      </c>
      <c r="HJ14" s="72">
        <v>2</v>
      </c>
      <c r="HK14" s="72">
        <v>4</v>
      </c>
      <c r="HL14" s="73">
        <v>32</v>
      </c>
      <c r="HM14" s="74">
        <v>47</v>
      </c>
      <c r="HN14" s="71">
        <v>25</v>
      </c>
      <c r="HO14" s="72">
        <v>22</v>
      </c>
      <c r="HP14" s="73">
        <v>47</v>
      </c>
      <c r="HQ14" s="277"/>
      <c r="HR14" s="72">
        <v>27</v>
      </c>
      <c r="HS14" s="72">
        <v>22</v>
      </c>
      <c r="HT14" s="72">
        <v>9</v>
      </c>
      <c r="HU14" s="72">
        <v>6</v>
      </c>
      <c r="HV14" s="72">
        <v>13</v>
      </c>
      <c r="HW14" s="73">
        <v>77</v>
      </c>
      <c r="HX14" s="74">
        <v>124</v>
      </c>
      <c r="HY14" s="71">
        <v>36</v>
      </c>
      <c r="HZ14" s="72">
        <v>26</v>
      </c>
      <c r="IA14" s="73">
        <v>62</v>
      </c>
      <c r="IB14" s="277"/>
      <c r="IC14" s="72">
        <v>40</v>
      </c>
      <c r="ID14" s="72">
        <v>16</v>
      </c>
      <c r="IE14" s="72">
        <v>13</v>
      </c>
      <c r="IF14" s="72">
        <v>16</v>
      </c>
      <c r="IG14" s="72">
        <v>11</v>
      </c>
      <c r="IH14" s="73">
        <v>96</v>
      </c>
      <c r="II14" s="74">
        <v>158</v>
      </c>
      <c r="IJ14" s="71">
        <v>97</v>
      </c>
      <c r="IK14" s="72">
        <v>58</v>
      </c>
      <c r="IL14" s="73">
        <v>155</v>
      </c>
      <c r="IM14" s="277"/>
      <c r="IN14" s="72">
        <v>73</v>
      </c>
      <c r="IO14" s="72">
        <v>38</v>
      </c>
      <c r="IP14" s="72">
        <v>19</v>
      </c>
      <c r="IQ14" s="72">
        <v>16</v>
      </c>
      <c r="IR14" s="72">
        <v>31</v>
      </c>
      <c r="IS14" s="73">
        <v>177</v>
      </c>
      <c r="IT14" s="74">
        <v>332</v>
      </c>
      <c r="IU14" s="71">
        <v>110</v>
      </c>
      <c r="IV14" s="72">
        <v>54</v>
      </c>
      <c r="IW14" s="73">
        <v>164</v>
      </c>
      <c r="IX14" s="274"/>
      <c r="IY14" s="72">
        <v>111</v>
      </c>
      <c r="IZ14" s="72">
        <v>52</v>
      </c>
      <c r="JA14" s="72">
        <v>43</v>
      </c>
      <c r="JB14" s="72">
        <v>41</v>
      </c>
      <c r="JC14" s="72">
        <v>23</v>
      </c>
      <c r="JD14" s="73">
        <v>270</v>
      </c>
      <c r="JE14" s="74">
        <v>434</v>
      </c>
      <c r="JF14" s="71">
        <v>82</v>
      </c>
      <c r="JG14" s="72">
        <v>78</v>
      </c>
      <c r="JH14" s="73">
        <v>160</v>
      </c>
      <c r="JI14" s="274"/>
      <c r="JJ14" s="72">
        <v>97</v>
      </c>
      <c r="JK14" s="72">
        <v>69</v>
      </c>
      <c r="JL14" s="72">
        <v>51</v>
      </c>
      <c r="JM14" s="72">
        <v>54</v>
      </c>
      <c r="JN14" s="72">
        <v>43</v>
      </c>
      <c r="JO14" s="73">
        <v>314</v>
      </c>
      <c r="JP14" s="74">
        <v>474</v>
      </c>
      <c r="JQ14" s="71">
        <v>0</v>
      </c>
      <c r="JR14" s="72">
        <v>0</v>
      </c>
      <c r="JS14" s="73">
        <v>0</v>
      </c>
      <c r="JT14" s="274"/>
      <c r="JU14" s="72">
        <v>0</v>
      </c>
      <c r="JV14" s="72">
        <v>0</v>
      </c>
      <c r="JW14" s="72">
        <v>0</v>
      </c>
      <c r="JX14" s="72">
        <v>0</v>
      </c>
      <c r="JY14" s="72">
        <v>0</v>
      </c>
      <c r="JZ14" s="73">
        <v>0</v>
      </c>
      <c r="KA14" s="74">
        <v>0</v>
      </c>
      <c r="KB14" s="71">
        <v>358</v>
      </c>
      <c r="KC14" s="72">
        <v>245</v>
      </c>
      <c r="KD14" s="73">
        <v>603</v>
      </c>
      <c r="KE14" s="274"/>
      <c r="KF14" s="72">
        <v>362</v>
      </c>
      <c r="KG14" s="72">
        <v>206</v>
      </c>
      <c r="KH14" s="72">
        <v>138</v>
      </c>
      <c r="KI14" s="72">
        <v>135</v>
      </c>
      <c r="KJ14" s="72">
        <v>125</v>
      </c>
      <c r="KK14" s="73">
        <v>966</v>
      </c>
      <c r="KL14" s="74">
        <v>1569</v>
      </c>
    </row>
    <row r="15" spans="1:298" ht="19.5" customHeight="1" x14ac:dyDescent="0.2">
      <c r="A15" s="130" t="s">
        <v>11</v>
      </c>
      <c r="B15" s="347">
        <v>54</v>
      </c>
      <c r="C15" s="83">
        <v>34</v>
      </c>
      <c r="D15" s="84">
        <v>88</v>
      </c>
      <c r="E15" s="274"/>
      <c r="F15" s="83">
        <v>85</v>
      </c>
      <c r="G15" s="83">
        <v>28</v>
      </c>
      <c r="H15" s="83">
        <v>38</v>
      </c>
      <c r="I15" s="83">
        <v>37</v>
      </c>
      <c r="J15" s="83">
        <v>20</v>
      </c>
      <c r="K15" s="85">
        <v>208</v>
      </c>
      <c r="L15" s="86">
        <v>296</v>
      </c>
      <c r="M15" s="71">
        <v>3</v>
      </c>
      <c r="N15" s="72">
        <v>1</v>
      </c>
      <c r="O15" s="73">
        <v>4</v>
      </c>
      <c r="P15" s="277"/>
      <c r="Q15" s="72">
        <v>4</v>
      </c>
      <c r="R15" s="72">
        <v>1</v>
      </c>
      <c r="S15" s="72">
        <v>2</v>
      </c>
      <c r="T15" s="72">
        <v>0</v>
      </c>
      <c r="U15" s="72">
        <v>1</v>
      </c>
      <c r="V15" s="73">
        <v>8</v>
      </c>
      <c r="W15" s="74">
        <v>12</v>
      </c>
      <c r="X15" s="71">
        <v>8</v>
      </c>
      <c r="Y15" s="72">
        <v>2</v>
      </c>
      <c r="Z15" s="73">
        <v>10</v>
      </c>
      <c r="AA15" s="277"/>
      <c r="AB15" s="72">
        <v>8</v>
      </c>
      <c r="AC15" s="72">
        <v>1</v>
      </c>
      <c r="AD15" s="72">
        <v>4</v>
      </c>
      <c r="AE15" s="72">
        <v>1</v>
      </c>
      <c r="AF15" s="72">
        <v>2</v>
      </c>
      <c r="AG15" s="73">
        <v>16</v>
      </c>
      <c r="AH15" s="74">
        <v>26</v>
      </c>
      <c r="AI15" s="71">
        <v>4</v>
      </c>
      <c r="AJ15" s="72">
        <v>2</v>
      </c>
      <c r="AK15" s="73">
        <v>6</v>
      </c>
      <c r="AL15" s="277"/>
      <c r="AM15" s="72">
        <v>16</v>
      </c>
      <c r="AN15" s="72">
        <v>6</v>
      </c>
      <c r="AO15" s="72">
        <v>3</v>
      </c>
      <c r="AP15" s="72">
        <v>4</v>
      </c>
      <c r="AQ15" s="72">
        <v>4</v>
      </c>
      <c r="AR15" s="73">
        <v>33</v>
      </c>
      <c r="AS15" s="74">
        <v>39</v>
      </c>
      <c r="AT15" s="71">
        <v>10</v>
      </c>
      <c r="AU15" s="72">
        <v>8</v>
      </c>
      <c r="AV15" s="73">
        <v>18</v>
      </c>
      <c r="AW15" s="277"/>
      <c r="AX15" s="72">
        <v>13</v>
      </c>
      <c r="AY15" s="72">
        <v>4</v>
      </c>
      <c r="AZ15" s="72">
        <v>11</v>
      </c>
      <c r="BA15" s="72">
        <v>10</v>
      </c>
      <c r="BB15" s="72">
        <v>5</v>
      </c>
      <c r="BC15" s="73">
        <v>43</v>
      </c>
      <c r="BD15" s="74">
        <v>61</v>
      </c>
      <c r="BE15" s="71">
        <v>22</v>
      </c>
      <c r="BF15" s="72">
        <v>10</v>
      </c>
      <c r="BG15" s="73">
        <v>32</v>
      </c>
      <c r="BH15" s="277"/>
      <c r="BI15" s="72">
        <v>16</v>
      </c>
      <c r="BJ15" s="72">
        <v>8</v>
      </c>
      <c r="BK15" s="72">
        <v>6</v>
      </c>
      <c r="BL15" s="72">
        <v>10</v>
      </c>
      <c r="BM15" s="72">
        <v>2</v>
      </c>
      <c r="BN15" s="73">
        <v>42</v>
      </c>
      <c r="BO15" s="74">
        <v>74</v>
      </c>
      <c r="BP15" s="71">
        <v>7</v>
      </c>
      <c r="BQ15" s="72">
        <v>11</v>
      </c>
      <c r="BR15" s="73">
        <v>18</v>
      </c>
      <c r="BS15" s="277"/>
      <c r="BT15" s="72">
        <v>28</v>
      </c>
      <c r="BU15" s="72">
        <v>8</v>
      </c>
      <c r="BV15" s="72">
        <v>12</v>
      </c>
      <c r="BW15" s="72">
        <v>12</v>
      </c>
      <c r="BX15" s="72">
        <v>6</v>
      </c>
      <c r="BY15" s="73">
        <v>66</v>
      </c>
      <c r="BZ15" s="74">
        <v>84</v>
      </c>
      <c r="CA15" s="71">
        <v>0</v>
      </c>
      <c r="CB15" s="72">
        <v>0</v>
      </c>
      <c r="CC15" s="73">
        <v>0</v>
      </c>
      <c r="CD15" s="277"/>
      <c r="CE15" s="72">
        <v>0</v>
      </c>
      <c r="CF15" s="72">
        <v>0</v>
      </c>
      <c r="CG15" s="72">
        <v>0</v>
      </c>
      <c r="CH15" s="72">
        <v>0</v>
      </c>
      <c r="CI15" s="72">
        <v>0</v>
      </c>
      <c r="CJ15" s="73">
        <v>0</v>
      </c>
      <c r="CK15" s="74">
        <v>0</v>
      </c>
      <c r="CL15" s="71">
        <v>54</v>
      </c>
      <c r="CM15" s="72">
        <v>34</v>
      </c>
      <c r="CN15" s="73">
        <v>88</v>
      </c>
      <c r="CO15" s="277"/>
      <c r="CP15" s="72">
        <v>85</v>
      </c>
      <c r="CQ15" s="72">
        <v>28</v>
      </c>
      <c r="CR15" s="72">
        <v>38</v>
      </c>
      <c r="CS15" s="72">
        <v>37</v>
      </c>
      <c r="CT15" s="72">
        <v>20</v>
      </c>
      <c r="CU15" s="73">
        <v>208</v>
      </c>
      <c r="CV15" s="74">
        <v>296</v>
      </c>
      <c r="CW15" s="127">
        <v>28</v>
      </c>
      <c r="CX15" s="83">
        <v>16</v>
      </c>
      <c r="CY15" s="84">
        <v>44</v>
      </c>
      <c r="CZ15" s="274"/>
      <c r="DA15" s="83">
        <v>38</v>
      </c>
      <c r="DB15" s="83">
        <v>21</v>
      </c>
      <c r="DC15" s="83">
        <v>17</v>
      </c>
      <c r="DD15" s="83">
        <v>26</v>
      </c>
      <c r="DE15" s="83">
        <v>15</v>
      </c>
      <c r="DF15" s="85">
        <v>117</v>
      </c>
      <c r="DG15" s="86">
        <v>161</v>
      </c>
      <c r="DH15" s="71">
        <v>0</v>
      </c>
      <c r="DI15" s="72">
        <v>1</v>
      </c>
      <c r="DJ15" s="73">
        <v>1</v>
      </c>
      <c r="DK15" s="277"/>
      <c r="DL15" s="72">
        <v>0</v>
      </c>
      <c r="DM15" s="72">
        <v>1</v>
      </c>
      <c r="DN15" s="72">
        <v>0</v>
      </c>
      <c r="DO15" s="72">
        <v>0</v>
      </c>
      <c r="DP15" s="72">
        <v>0</v>
      </c>
      <c r="DQ15" s="73">
        <v>1</v>
      </c>
      <c r="DR15" s="74">
        <v>2</v>
      </c>
      <c r="DS15" s="71">
        <v>5</v>
      </c>
      <c r="DT15" s="72">
        <v>0</v>
      </c>
      <c r="DU15" s="73">
        <v>5</v>
      </c>
      <c r="DV15" s="277"/>
      <c r="DW15" s="72">
        <v>2</v>
      </c>
      <c r="DX15" s="72">
        <v>1</v>
      </c>
      <c r="DY15" s="72">
        <v>1</v>
      </c>
      <c r="DZ15" s="72">
        <v>1</v>
      </c>
      <c r="EA15" s="72">
        <v>0</v>
      </c>
      <c r="EB15" s="73">
        <v>5</v>
      </c>
      <c r="EC15" s="74">
        <v>10</v>
      </c>
      <c r="ED15" s="71">
        <v>3</v>
      </c>
      <c r="EE15" s="72">
        <v>5</v>
      </c>
      <c r="EF15" s="73">
        <v>8</v>
      </c>
      <c r="EG15" s="277"/>
      <c r="EH15" s="72">
        <v>4</v>
      </c>
      <c r="EI15" s="72">
        <v>0</v>
      </c>
      <c r="EJ15" s="72">
        <v>0</v>
      </c>
      <c r="EK15" s="72">
        <v>2</v>
      </c>
      <c r="EL15" s="72">
        <v>0</v>
      </c>
      <c r="EM15" s="73">
        <v>6</v>
      </c>
      <c r="EN15" s="74">
        <v>14</v>
      </c>
      <c r="EO15" s="71">
        <v>6</v>
      </c>
      <c r="EP15" s="72">
        <v>1</v>
      </c>
      <c r="EQ15" s="73">
        <v>7</v>
      </c>
      <c r="ER15" s="277"/>
      <c r="ES15" s="72">
        <v>8</v>
      </c>
      <c r="ET15" s="72">
        <v>4</v>
      </c>
      <c r="EU15" s="72">
        <v>2</v>
      </c>
      <c r="EV15" s="72">
        <v>4</v>
      </c>
      <c r="EW15" s="72">
        <v>5</v>
      </c>
      <c r="EX15" s="73">
        <v>23</v>
      </c>
      <c r="EY15" s="74">
        <v>30</v>
      </c>
      <c r="EZ15" s="71">
        <v>9</v>
      </c>
      <c r="FA15" s="72">
        <v>4</v>
      </c>
      <c r="FB15" s="73">
        <v>13</v>
      </c>
      <c r="FC15" s="277"/>
      <c r="FD15" s="72">
        <v>15</v>
      </c>
      <c r="FE15" s="72">
        <v>7</v>
      </c>
      <c r="FF15" s="72">
        <v>5</v>
      </c>
      <c r="FG15" s="72">
        <v>6</v>
      </c>
      <c r="FH15" s="72">
        <v>3</v>
      </c>
      <c r="FI15" s="73">
        <v>36</v>
      </c>
      <c r="FJ15" s="74">
        <v>49</v>
      </c>
      <c r="FK15" s="71">
        <v>5</v>
      </c>
      <c r="FL15" s="72">
        <v>5</v>
      </c>
      <c r="FM15" s="73">
        <v>10</v>
      </c>
      <c r="FN15" s="277"/>
      <c r="FO15" s="72">
        <v>9</v>
      </c>
      <c r="FP15" s="72">
        <v>8</v>
      </c>
      <c r="FQ15" s="72">
        <v>9</v>
      </c>
      <c r="FR15" s="72">
        <v>13</v>
      </c>
      <c r="FS15" s="72">
        <v>7</v>
      </c>
      <c r="FT15" s="73">
        <v>46</v>
      </c>
      <c r="FU15" s="74">
        <v>56</v>
      </c>
      <c r="FV15" s="71">
        <v>0</v>
      </c>
      <c r="FW15" s="72">
        <v>0</v>
      </c>
      <c r="FX15" s="73">
        <v>0</v>
      </c>
      <c r="FY15" s="277"/>
      <c r="FZ15" s="72">
        <v>0</v>
      </c>
      <c r="GA15" s="72">
        <v>0</v>
      </c>
      <c r="GB15" s="72">
        <v>0</v>
      </c>
      <c r="GC15" s="72">
        <v>0</v>
      </c>
      <c r="GD15" s="72">
        <v>0</v>
      </c>
      <c r="GE15" s="73">
        <v>0</v>
      </c>
      <c r="GF15" s="74">
        <v>0</v>
      </c>
      <c r="GG15" s="71">
        <v>28</v>
      </c>
      <c r="GH15" s="72">
        <v>16</v>
      </c>
      <c r="GI15" s="73">
        <v>44</v>
      </c>
      <c r="GJ15" s="277"/>
      <c r="GK15" s="72">
        <v>38</v>
      </c>
      <c r="GL15" s="72">
        <v>21</v>
      </c>
      <c r="GM15" s="72">
        <v>17</v>
      </c>
      <c r="GN15" s="72">
        <v>26</v>
      </c>
      <c r="GO15" s="72">
        <v>15</v>
      </c>
      <c r="GP15" s="73">
        <v>117</v>
      </c>
      <c r="GQ15" s="74">
        <v>161</v>
      </c>
      <c r="GR15" s="127">
        <v>82</v>
      </c>
      <c r="GS15" s="83">
        <v>50</v>
      </c>
      <c r="GT15" s="84">
        <v>132</v>
      </c>
      <c r="GU15" s="274"/>
      <c r="GV15" s="83">
        <v>123</v>
      </c>
      <c r="GW15" s="83">
        <v>49</v>
      </c>
      <c r="GX15" s="83">
        <v>55</v>
      </c>
      <c r="GY15" s="83">
        <v>63</v>
      </c>
      <c r="GZ15" s="83">
        <v>35</v>
      </c>
      <c r="HA15" s="85">
        <v>325</v>
      </c>
      <c r="HB15" s="86">
        <v>457</v>
      </c>
      <c r="HC15" s="71">
        <v>3</v>
      </c>
      <c r="HD15" s="72">
        <v>2</v>
      </c>
      <c r="HE15" s="73">
        <v>5</v>
      </c>
      <c r="HF15" s="274"/>
      <c r="HG15" s="72">
        <v>4</v>
      </c>
      <c r="HH15" s="72">
        <v>2</v>
      </c>
      <c r="HI15" s="72">
        <v>2</v>
      </c>
      <c r="HJ15" s="72">
        <v>0</v>
      </c>
      <c r="HK15" s="72">
        <v>1</v>
      </c>
      <c r="HL15" s="73">
        <v>9</v>
      </c>
      <c r="HM15" s="74">
        <v>14</v>
      </c>
      <c r="HN15" s="71">
        <v>13</v>
      </c>
      <c r="HO15" s="72">
        <v>2</v>
      </c>
      <c r="HP15" s="73">
        <v>15</v>
      </c>
      <c r="HQ15" s="277"/>
      <c r="HR15" s="72">
        <v>10</v>
      </c>
      <c r="HS15" s="72">
        <v>2</v>
      </c>
      <c r="HT15" s="72">
        <v>5</v>
      </c>
      <c r="HU15" s="72">
        <v>2</v>
      </c>
      <c r="HV15" s="72">
        <v>2</v>
      </c>
      <c r="HW15" s="73">
        <v>21</v>
      </c>
      <c r="HX15" s="74">
        <v>36</v>
      </c>
      <c r="HY15" s="71">
        <v>7</v>
      </c>
      <c r="HZ15" s="72">
        <v>7</v>
      </c>
      <c r="IA15" s="73">
        <v>14</v>
      </c>
      <c r="IB15" s="277"/>
      <c r="IC15" s="72">
        <v>20</v>
      </c>
      <c r="ID15" s="72">
        <v>6</v>
      </c>
      <c r="IE15" s="72">
        <v>3</v>
      </c>
      <c r="IF15" s="72">
        <v>6</v>
      </c>
      <c r="IG15" s="72">
        <v>4</v>
      </c>
      <c r="IH15" s="73">
        <v>39</v>
      </c>
      <c r="II15" s="74">
        <v>53</v>
      </c>
      <c r="IJ15" s="71">
        <v>16</v>
      </c>
      <c r="IK15" s="72">
        <v>9</v>
      </c>
      <c r="IL15" s="73">
        <v>25</v>
      </c>
      <c r="IM15" s="277"/>
      <c r="IN15" s="72">
        <v>21</v>
      </c>
      <c r="IO15" s="72">
        <v>8</v>
      </c>
      <c r="IP15" s="72">
        <v>13</v>
      </c>
      <c r="IQ15" s="72">
        <v>14</v>
      </c>
      <c r="IR15" s="72">
        <v>10</v>
      </c>
      <c r="IS15" s="73">
        <v>66</v>
      </c>
      <c r="IT15" s="74">
        <v>91</v>
      </c>
      <c r="IU15" s="71">
        <v>31</v>
      </c>
      <c r="IV15" s="72">
        <v>14</v>
      </c>
      <c r="IW15" s="73">
        <v>45</v>
      </c>
      <c r="IX15" s="274"/>
      <c r="IY15" s="72">
        <v>31</v>
      </c>
      <c r="IZ15" s="72">
        <v>15</v>
      </c>
      <c r="JA15" s="72">
        <v>11</v>
      </c>
      <c r="JB15" s="72">
        <v>16</v>
      </c>
      <c r="JC15" s="72">
        <v>5</v>
      </c>
      <c r="JD15" s="73">
        <v>78</v>
      </c>
      <c r="JE15" s="74">
        <v>123</v>
      </c>
      <c r="JF15" s="71">
        <v>12</v>
      </c>
      <c r="JG15" s="72">
        <v>16</v>
      </c>
      <c r="JH15" s="73">
        <v>28</v>
      </c>
      <c r="JI15" s="274"/>
      <c r="JJ15" s="72">
        <v>37</v>
      </c>
      <c r="JK15" s="72">
        <v>16</v>
      </c>
      <c r="JL15" s="72">
        <v>21</v>
      </c>
      <c r="JM15" s="72">
        <v>25</v>
      </c>
      <c r="JN15" s="72">
        <v>13</v>
      </c>
      <c r="JO15" s="73">
        <v>112</v>
      </c>
      <c r="JP15" s="74">
        <v>140</v>
      </c>
      <c r="JQ15" s="71">
        <v>0</v>
      </c>
      <c r="JR15" s="72">
        <v>0</v>
      </c>
      <c r="JS15" s="73">
        <v>0</v>
      </c>
      <c r="JT15" s="274"/>
      <c r="JU15" s="72">
        <v>0</v>
      </c>
      <c r="JV15" s="72">
        <v>0</v>
      </c>
      <c r="JW15" s="72">
        <v>0</v>
      </c>
      <c r="JX15" s="72">
        <v>0</v>
      </c>
      <c r="JY15" s="72">
        <v>0</v>
      </c>
      <c r="JZ15" s="73">
        <v>0</v>
      </c>
      <c r="KA15" s="74">
        <v>0</v>
      </c>
      <c r="KB15" s="71">
        <v>82</v>
      </c>
      <c r="KC15" s="72">
        <v>50</v>
      </c>
      <c r="KD15" s="73">
        <v>132</v>
      </c>
      <c r="KE15" s="274"/>
      <c r="KF15" s="72">
        <v>123</v>
      </c>
      <c r="KG15" s="72">
        <v>49</v>
      </c>
      <c r="KH15" s="72">
        <v>55</v>
      </c>
      <c r="KI15" s="72">
        <v>63</v>
      </c>
      <c r="KJ15" s="72">
        <v>35</v>
      </c>
      <c r="KK15" s="73">
        <v>325</v>
      </c>
      <c r="KL15" s="74">
        <v>457</v>
      </c>
    </row>
    <row r="16" spans="1:298" ht="19.5" customHeight="1" x14ac:dyDescent="0.2">
      <c r="A16" s="130" t="s">
        <v>12</v>
      </c>
      <c r="B16" s="347">
        <v>144</v>
      </c>
      <c r="C16" s="83">
        <v>91</v>
      </c>
      <c r="D16" s="84">
        <v>235</v>
      </c>
      <c r="E16" s="274"/>
      <c r="F16" s="83">
        <v>88</v>
      </c>
      <c r="G16" s="83">
        <v>70</v>
      </c>
      <c r="H16" s="83">
        <v>53</v>
      </c>
      <c r="I16" s="83">
        <v>53</v>
      </c>
      <c r="J16" s="83">
        <v>36</v>
      </c>
      <c r="K16" s="85">
        <v>300</v>
      </c>
      <c r="L16" s="86">
        <v>535</v>
      </c>
      <c r="M16" s="87">
        <v>4</v>
      </c>
      <c r="N16" s="72">
        <v>6</v>
      </c>
      <c r="O16" s="73">
        <v>10</v>
      </c>
      <c r="P16" s="277"/>
      <c r="Q16" s="72">
        <v>1</v>
      </c>
      <c r="R16" s="72">
        <v>1</v>
      </c>
      <c r="S16" s="72">
        <v>3</v>
      </c>
      <c r="T16" s="72">
        <v>0</v>
      </c>
      <c r="U16" s="72">
        <v>2</v>
      </c>
      <c r="V16" s="73">
        <v>7</v>
      </c>
      <c r="W16" s="74">
        <v>17</v>
      </c>
      <c r="X16" s="71">
        <v>7</v>
      </c>
      <c r="Y16" s="72">
        <v>9</v>
      </c>
      <c r="Z16" s="73">
        <v>16</v>
      </c>
      <c r="AA16" s="277"/>
      <c r="AB16" s="72">
        <v>5</v>
      </c>
      <c r="AC16" s="72">
        <v>3</v>
      </c>
      <c r="AD16" s="72">
        <v>2</v>
      </c>
      <c r="AE16" s="72">
        <v>4</v>
      </c>
      <c r="AF16" s="72">
        <v>3</v>
      </c>
      <c r="AG16" s="73">
        <v>17</v>
      </c>
      <c r="AH16" s="74">
        <v>33</v>
      </c>
      <c r="AI16" s="87">
        <v>16</v>
      </c>
      <c r="AJ16" s="72">
        <v>12</v>
      </c>
      <c r="AK16" s="73">
        <v>28</v>
      </c>
      <c r="AL16" s="277"/>
      <c r="AM16" s="72">
        <v>8</v>
      </c>
      <c r="AN16" s="72">
        <v>11</v>
      </c>
      <c r="AO16" s="72">
        <v>4</v>
      </c>
      <c r="AP16" s="72">
        <v>5</v>
      </c>
      <c r="AQ16" s="72">
        <v>5</v>
      </c>
      <c r="AR16" s="73">
        <v>33</v>
      </c>
      <c r="AS16" s="74">
        <v>61</v>
      </c>
      <c r="AT16" s="71">
        <v>36</v>
      </c>
      <c r="AU16" s="72">
        <v>16</v>
      </c>
      <c r="AV16" s="73">
        <v>52</v>
      </c>
      <c r="AW16" s="277"/>
      <c r="AX16" s="72">
        <v>23</v>
      </c>
      <c r="AY16" s="72">
        <v>20</v>
      </c>
      <c r="AZ16" s="72">
        <v>12</v>
      </c>
      <c r="BA16" s="72">
        <v>16</v>
      </c>
      <c r="BB16" s="72">
        <v>7</v>
      </c>
      <c r="BC16" s="73">
        <v>78</v>
      </c>
      <c r="BD16" s="74">
        <v>130</v>
      </c>
      <c r="BE16" s="87">
        <v>45</v>
      </c>
      <c r="BF16" s="72">
        <v>27</v>
      </c>
      <c r="BG16" s="73">
        <v>72</v>
      </c>
      <c r="BH16" s="277"/>
      <c r="BI16" s="72">
        <v>26</v>
      </c>
      <c r="BJ16" s="72">
        <v>18</v>
      </c>
      <c r="BK16" s="72">
        <v>19</v>
      </c>
      <c r="BL16" s="72">
        <v>17</v>
      </c>
      <c r="BM16" s="72">
        <v>6</v>
      </c>
      <c r="BN16" s="73">
        <v>86</v>
      </c>
      <c r="BO16" s="74">
        <v>158</v>
      </c>
      <c r="BP16" s="71">
        <v>36</v>
      </c>
      <c r="BQ16" s="72">
        <v>21</v>
      </c>
      <c r="BR16" s="73">
        <v>57</v>
      </c>
      <c r="BS16" s="277"/>
      <c r="BT16" s="72">
        <v>25</v>
      </c>
      <c r="BU16" s="72">
        <v>17</v>
      </c>
      <c r="BV16" s="72">
        <v>13</v>
      </c>
      <c r="BW16" s="72">
        <v>11</v>
      </c>
      <c r="BX16" s="72">
        <v>13</v>
      </c>
      <c r="BY16" s="73">
        <v>79</v>
      </c>
      <c r="BZ16" s="74">
        <v>136</v>
      </c>
      <c r="CA16" s="71">
        <v>0</v>
      </c>
      <c r="CB16" s="72">
        <v>0</v>
      </c>
      <c r="CC16" s="73">
        <v>0</v>
      </c>
      <c r="CD16" s="277"/>
      <c r="CE16" s="72">
        <v>0</v>
      </c>
      <c r="CF16" s="72">
        <v>0</v>
      </c>
      <c r="CG16" s="72">
        <v>0</v>
      </c>
      <c r="CH16" s="72">
        <v>0</v>
      </c>
      <c r="CI16" s="72">
        <v>0</v>
      </c>
      <c r="CJ16" s="73">
        <v>0</v>
      </c>
      <c r="CK16" s="74">
        <v>0</v>
      </c>
      <c r="CL16" s="71">
        <v>144</v>
      </c>
      <c r="CM16" s="72">
        <v>91</v>
      </c>
      <c r="CN16" s="73">
        <v>235</v>
      </c>
      <c r="CO16" s="277"/>
      <c r="CP16" s="72">
        <v>88</v>
      </c>
      <c r="CQ16" s="72">
        <v>70</v>
      </c>
      <c r="CR16" s="72">
        <v>53</v>
      </c>
      <c r="CS16" s="72">
        <v>53</v>
      </c>
      <c r="CT16" s="72">
        <v>36</v>
      </c>
      <c r="CU16" s="73">
        <v>300</v>
      </c>
      <c r="CV16" s="74">
        <v>535</v>
      </c>
      <c r="CW16" s="127">
        <v>40</v>
      </c>
      <c r="CX16" s="83">
        <v>26</v>
      </c>
      <c r="CY16" s="84">
        <v>66</v>
      </c>
      <c r="CZ16" s="274"/>
      <c r="DA16" s="83">
        <v>40</v>
      </c>
      <c r="DB16" s="83">
        <v>23</v>
      </c>
      <c r="DC16" s="83">
        <v>26</v>
      </c>
      <c r="DD16" s="83">
        <v>28</v>
      </c>
      <c r="DE16" s="83">
        <v>13</v>
      </c>
      <c r="DF16" s="85">
        <v>130</v>
      </c>
      <c r="DG16" s="86">
        <v>196</v>
      </c>
      <c r="DH16" s="87">
        <v>0</v>
      </c>
      <c r="DI16" s="72">
        <v>0</v>
      </c>
      <c r="DJ16" s="73">
        <v>0</v>
      </c>
      <c r="DK16" s="277"/>
      <c r="DL16" s="72">
        <v>1</v>
      </c>
      <c r="DM16" s="72">
        <v>0</v>
      </c>
      <c r="DN16" s="72">
        <v>0</v>
      </c>
      <c r="DO16" s="72">
        <v>0</v>
      </c>
      <c r="DP16" s="72">
        <v>0</v>
      </c>
      <c r="DQ16" s="73">
        <v>1</v>
      </c>
      <c r="DR16" s="74">
        <v>1</v>
      </c>
      <c r="DS16" s="71">
        <v>3</v>
      </c>
      <c r="DT16" s="72">
        <v>2</v>
      </c>
      <c r="DU16" s="73">
        <v>5</v>
      </c>
      <c r="DV16" s="277"/>
      <c r="DW16" s="72">
        <v>1</v>
      </c>
      <c r="DX16" s="72">
        <v>0</v>
      </c>
      <c r="DY16" s="72">
        <v>1</v>
      </c>
      <c r="DZ16" s="72">
        <v>0</v>
      </c>
      <c r="EA16" s="72">
        <v>0</v>
      </c>
      <c r="EB16" s="73">
        <v>2</v>
      </c>
      <c r="EC16" s="74">
        <v>7</v>
      </c>
      <c r="ED16" s="87">
        <v>11</v>
      </c>
      <c r="EE16" s="72">
        <v>2</v>
      </c>
      <c r="EF16" s="73">
        <v>13</v>
      </c>
      <c r="EG16" s="277"/>
      <c r="EH16" s="72">
        <v>3</v>
      </c>
      <c r="EI16" s="72">
        <v>3</v>
      </c>
      <c r="EJ16" s="72">
        <v>0</v>
      </c>
      <c r="EK16" s="72">
        <v>0</v>
      </c>
      <c r="EL16" s="72">
        <v>2</v>
      </c>
      <c r="EM16" s="73">
        <v>8</v>
      </c>
      <c r="EN16" s="74">
        <v>21</v>
      </c>
      <c r="EO16" s="71">
        <v>7</v>
      </c>
      <c r="EP16" s="72">
        <v>9</v>
      </c>
      <c r="EQ16" s="73">
        <v>16</v>
      </c>
      <c r="ER16" s="277"/>
      <c r="ES16" s="72">
        <v>8</v>
      </c>
      <c r="ET16" s="72">
        <v>5</v>
      </c>
      <c r="EU16" s="72">
        <v>7</v>
      </c>
      <c r="EV16" s="72">
        <v>5</v>
      </c>
      <c r="EW16" s="72">
        <v>1</v>
      </c>
      <c r="EX16" s="73">
        <v>26</v>
      </c>
      <c r="EY16" s="74">
        <v>42</v>
      </c>
      <c r="EZ16" s="87">
        <v>9</v>
      </c>
      <c r="FA16" s="72">
        <v>5</v>
      </c>
      <c r="FB16" s="73">
        <v>14</v>
      </c>
      <c r="FC16" s="277"/>
      <c r="FD16" s="72">
        <v>11</v>
      </c>
      <c r="FE16" s="72">
        <v>8</v>
      </c>
      <c r="FF16" s="72">
        <v>6</v>
      </c>
      <c r="FG16" s="72">
        <v>9</v>
      </c>
      <c r="FH16" s="72">
        <v>2</v>
      </c>
      <c r="FI16" s="73">
        <v>36</v>
      </c>
      <c r="FJ16" s="74">
        <v>50</v>
      </c>
      <c r="FK16" s="71">
        <v>10</v>
      </c>
      <c r="FL16" s="72">
        <v>8</v>
      </c>
      <c r="FM16" s="73">
        <v>18</v>
      </c>
      <c r="FN16" s="277"/>
      <c r="FO16" s="72">
        <v>16</v>
      </c>
      <c r="FP16" s="72">
        <v>7</v>
      </c>
      <c r="FQ16" s="72">
        <v>12</v>
      </c>
      <c r="FR16" s="72">
        <v>14</v>
      </c>
      <c r="FS16" s="72">
        <v>8</v>
      </c>
      <c r="FT16" s="73">
        <v>57</v>
      </c>
      <c r="FU16" s="74">
        <v>75</v>
      </c>
      <c r="FV16" s="71">
        <v>0</v>
      </c>
      <c r="FW16" s="72">
        <v>0</v>
      </c>
      <c r="FX16" s="73">
        <v>0</v>
      </c>
      <c r="FY16" s="277"/>
      <c r="FZ16" s="72">
        <v>0</v>
      </c>
      <c r="GA16" s="72">
        <v>0</v>
      </c>
      <c r="GB16" s="72">
        <v>0</v>
      </c>
      <c r="GC16" s="72">
        <v>0</v>
      </c>
      <c r="GD16" s="72">
        <v>0</v>
      </c>
      <c r="GE16" s="73">
        <v>0</v>
      </c>
      <c r="GF16" s="74">
        <v>0</v>
      </c>
      <c r="GG16" s="71">
        <v>40</v>
      </c>
      <c r="GH16" s="72">
        <v>26</v>
      </c>
      <c r="GI16" s="73">
        <v>66</v>
      </c>
      <c r="GJ16" s="277"/>
      <c r="GK16" s="72">
        <v>40</v>
      </c>
      <c r="GL16" s="72">
        <v>23</v>
      </c>
      <c r="GM16" s="72">
        <v>26</v>
      </c>
      <c r="GN16" s="72">
        <v>28</v>
      </c>
      <c r="GO16" s="72">
        <v>13</v>
      </c>
      <c r="GP16" s="73">
        <v>130</v>
      </c>
      <c r="GQ16" s="74">
        <v>196</v>
      </c>
      <c r="GR16" s="127">
        <v>184</v>
      </c>
      <c r="GS16" s="83">
        <v>117</v>
      </c>
      <c r="GT16" s="84">
        <v>301</v>
      </c>
      <c r="GU16" s="274"/>
      <c r="GV16" s="83">
        <v>128</v>
      </c>
      <c r="GW16" s="83">
        <v>93</v>
      </c>
      <c r="GX16" s="83">
        <v>79</v>
      </c>
      <c r="GY16" s="83">
        <v>81</v>
      </c>
      <c r="GZ16" s="83">
        <v>49</v>
      </c>
      <c r="HA16" s="85">
        <v>430</v>
      </c>
      <c r="HB16" s="86">
        <v>731</v>
      </c>
      <c r="HC16" s="87">
        <v>4</v>
      </c>
      <c r="HD16" s="72">
        <v>6</v>
      </c>
      <c r="HE16" s="73">
        <v>10</v>
      </c>
      <c r="HF16" s="274"/>
      <c r="HG16" s="72">
        <v>2</v>
      </c>
      <c r="HH16" s="72">
        <v>1</v>
      </c>
      <c r="HI16" s="72">
        <v>3</v>
      </c>
      <c r="HJ16" s="72">
        <v>0</v>
      </c>
      <c r="HK16" s="72">
        <v>2</v>
      </c>
      <c r="HL16" s="73">
        <v>8</v>
      </c>
      <c r="HM16" s="74">
        <v>18</v>
      </c>
      <c r="HN16" s="71">
        <v>10</v>
      </c>
      <c r="HO16" s="72">
        <v>11</v>
      </c>
      <c r="HP16" s="73">
        <v>21</v>
      </c>
      <c r="HQ16" s="277"/>
      <c r="HR16" s="72">
        <v>6</v>
      </c>
      <c r="HS16" s="72">
        <v>3</v>
      </c>
      <c r="HT16" s="72">
        <v>3</v>
      </c>
      <c r="HU16" s="72">
        <v>4</v>
      </c>
      <c r="HV16" s="72">
        <v>3</v>
      </c>
      <c r="HW16" s="73">
        <v>19</v>
      </c>
      <c r="HX16" s="74">
        <v>40</v>
      </c>
      <c r="HY16" s="87">
        <v>27</v>
      </c>
      <c r="HZ16" s="72">
        <v>14</v>
      </c>
      <c r="IA16" s="73">
        <v>41</v>
      </c>
      <c r="IB16" s="277"/>
      <c r="IC16" s="72">
        <v>11</v>
      </c>
      <c r="ID16" s="72">
        <v>14</v>
      </c>
      <c r="IE16" s="72">
        <v>4</v>
      </c>
      <c r="IF16" s="72">
        <v>5</v>
      </c>
      <c r="IG16" s="72">
        <v>7</v>
      </c>
      <c r="IH16" s="73">
        <v>41</v>
      </c>
      <c r="II16" s="74">
        <v>82</v>
      </c>
      <c r="IJ16" s="71">
        <v>43</v>
      </c>
      <c r="IK16" s="72">
        <v>25</v>
      </c>
      <c r="IL16" s="73">
        <v>68</v>
      </c>
      <c r="IM16" s="277"/>
      <c r="IN16" s="72">
        <v>31</v>
      </c>
      <c r="IO16" s="72">
        <v>25</v>
      </c>
      <c r="IP16" s="72">
        <v>19</v>
      </c>
      <c r="IQ16" s="72">
        <v>21</v>
      </c>
      <c r="IR16" s="72">
        <v>8</v>
      </c>
      <c r="IS16" s="73">
        <v>104</v>
      </c>
      <c r="IT16" s="74">
        <v>172</v>
      </c>
      <c r="IU16" s="87">
        <v>54</v>
      </c>
      <c r="IV16" s="72">
        <v>32</v>
      </c>
      <c r="IW16" s="73">
        <v>86</v>
      </c>
      <c r="IX16" s="274"/>
      <c r="IY16" s="72">
        <v>37</v>
      </c>
      <c r="IZ16" s="72">
        <v>26</v>
      </c>
      <c r="JA16" s="72">
        <v>25</v>
      </c>
      <c r="JB16" s="72">
        <v>26</v>
      </c>
      <c r="JC16" s="72">
        <v>8</v>
      </c>
      <c r="JD16" s="73">
        <v>122</v>
      </c>
      <c r="JE16" s="74">
        <v>208</v>
      </c>
      <c r="JF16" s="71">
        <v>46</v>
      </c>
      <c r="JG16" s="72">
        <v>29</v>
      </c>
      <c r="JH16" s="73">
        <v>75</v>
      </c>
      <c r="JI16" s="274"/>
      <c r="JJ16" s="72">
        <v>41</v>
      </c>
      <c r="JK16" s="72">
        <v>24</v>
      </c>
      <c r="JL16" s="72">
        <v>25</v>
      </c>
      <c r="JM16" s="72">
        <v>25</v>
      </c>
      <c r="JN16" s="72">
        <v>21</v>
      </c>
      <c r="JO16" s="73">
        <v>136</v>
      </c>
      <c r="JP16" s="74">
        <v>211</v>
      </c>
      <c r="JQ16" s="71">
        <v>0</v>
      </c>
      <c r="JR16" s="72">
        <v>0</v>
      </c>
      <c r="JS16" s="73">
        <v>0</v>
      </c>
      <c r="JT16" s="274"/>
      <c r="JU16" s="72">
        <v>0</v>
      </c>
      <c r="JV16" s="72">
        <v>0</v>
      </c>
      <c r="JW16" s="72">
        <v>0</v>
      </c>
      <c r="JX16" s="72">
        <v>0</v>
      </c>
      <c r="JY16" s="72">
        <v>0</v>
      </c>
      <c r="JZ16" s="73">
        <v>0</v>
      </c>
      <c r="KA16" s="74">
        <v>0</v>
      </c>
      <c r="KB16" s="71">
        <v>184</v>
      </c>
      <c r="KC16" s="72">
        <v>117</v>
      </c>
      <c r="KD16" s="73">
        <v>301</v>
      </c>
      <c r="KE16" s="274"/>
      <c r="KF16" s="72">
        <v>128</v>
      </c>
      <c r="KG16" s="72">
        <v>93</v>
      </c>
      <c r="KH16" s="72">
        <v>79</v>
      </c>
      <c r="KI16" s="72">
        <v>81</v>
      </c>
      <c r="KJ16" s="72">
        <v>49</v>
      </c>
      <c r="KK16" s="73">
        <v>430</v>
      </c>
      <c r="KL16" s="74">
        <v>731</v>
      </c>
    </row>
    <row r="17" spans="1:298" ht="19.5" customHeight="1" x14ac:dyDescent="0.2">
      <c r="A17" s="130" t="s">
        <v>13</v>
      </c>
      <c r="B17" s="347">
        <v>38</v>
      </c>
      <c r="C17" s="83">
        <v>40</v>
      </c>
      <c r="D17" s="84">
        <v>78</v>
      </c>
      <c r="E17" s="274"/>
      <c r="F17" s="83">
        <v>46</v>
      </c>
      <c r="G17" s="83">
        <v>59</v>
      </c>
      <c r="H17" s="83">
        <v>46</v>
      </c>
      <c r="I17" s="83">
        <v>24</v>
      </c>
      <c r="J17" s="83">
        <v>20</v>
      </c>
      <c r="K17" s="85">
        <v>195</v>
      </c>
      <c r="L17" s="86">
        <v>273</v>
      </c>
      <c r="M17" s="71">
        <v>1</v>
      </c>
      <c r="N17" s="72">
        <v>0</v>
      </c>
      <c r="O17" s="73">
        <v>1</v>
      </c>
      <c r="P17" s="277"/>
      <c r="Q17" s="72">
        <v>3</v>
      </c>
      <c r="R17" s="72">
        <v>2</v>
      </c>
      <c r="S17" s="72">
        <v>0</v>
      </c>
      <c r="T17" s="72">
        <v>0</v>
      </c>
      <c r="U17" s="72">
        <v>0</v>
      </c>
      <c r="V17" s="73">
        <v>5</v>
      </c>
      <c r="W17" s="74">
        <v>6</v>
      </c>
      <c r="X17" s="71">
        <v>2</v>
      </c>
      <c r="Y17" s="72">
        <v>2</v>
      </c>
      <c r="Z17" s="73">
        <v>4</v>
      </c>
      <c r="AA17" s="277"/>
      <c r="AB17" s="72">
        <v>3</v>
      </c>
      <c r="AC17" s="72">
        <v>0</v>
      </c>
      <c r="AD17" s="72">
        <v>1</v>
      </c>
      <c r="AE17" s="72">
        <v>2</v>
      </c>
      <c r="AF17" s="72">
        <v>3</v>
      </c>
      <c r="AG17" s="73">
        <v>9</v>
      </c>
      <c r="AH17" s="74">
        <v>13</v>
      </c>
      <c r="AI17" s="71">
        <v>1</v>
      </c>
      <c r="AJ17" s="72">
        <v>2</v>
      </c>
      <c r="AK17" s="73">
        <v>3</v>
      </c>
      <c r="AL17" s="277"/>
      <c r="AM17" s="72">
        <v>1</v>
      </c>
      <c r="AN17" s="72">
        <v>7</v>
      </c>
      <c r="AO17" s="72">
        <v>5</v>
      </c>
      <c r="AP17" s="72">
        <v>3</v>
      </c>
      <c r="AQ17" s="72">
        <v>3</v>
      </c>
      <c r="AR17" s="73">
        <v>19</v>
      </c>
      <c r="AS17" s="74">
        <v>22</v>
      </c>
      <c r="AT17" s="71">
        <v>9</v>
      </c>
      <c r="AU17" s="72">
        <v>8</v>
      </c>
      <c r="AV17" s="73">
        <v>17</v>
      </c>
      <c r="AW17" s="277"/>
      <c r="AX17" s="72">
        <v>14</v>
      </c>
      <c r="AY17" s="72">
        <v>8</v>
      </c>
      <c r="AZ17" s="72">
        <v>11</v>
      </c>
      <c r="BA17" s="72">
        <v>4</v>
      </c>
      <c r="BB17" s="72">
        <v>3</v>
      </c>
      <c r="BC17" s="73">
        <v>40</v>
      </c>
      <c r="BD17" s="74">
        <v>57</v>
      </c>
      <c r="BE17" s="71">
        <v>19</v>
      </c>
      <c r="BF17" s="72">
        <v>14</v>
      </c>
      <c r="BG17" s="73">
        <v>33</v>
      </c>
      <c r="BH17" s="277"/>
      <c r="BI17" s="72">
        <v>10</v>
      </c>
      <c r="BJ17" s="72">
        <v>21</v>
      </c>
      <c r="BK17" s="72">
        <v>12</v>
      </c>
      <c r="BL17" s="72">
        <v>7</v>
      </c>
      <c r="BM17" s="72">
        <v>6</v>
      </c>
      <c r="BN17" s="73">
        <v>56</v>
      </c>
      <c r="BO17" s="74">
        <v>89</v>
      </c>
      <c r="BP17" s="71">
        <v>6</v>
      </c>
      <c r="BQ17" s="72">
        <v>14</v>
      </c>
      <c r="BR17" s="73">
        <v>20</v>
      </c>
      <c r="BS17" s="277"/>
      <c r="BT17" s="72">
        <v>15</v>
      </c>
      <c r="BU17" s="72">
        <v>21</v>
      </c>
      <c r="BV17" s="72">
        <v>17</v>
      </c>
      <c r="BW17" s="72">
        <v>8</v>
      </c>
      <c r="BX17" s="72">
        <v>5</v>
      </c>
      <c r="BY17" s="73">
        <v>66</v>
      </c>
      <c r="BZ17" s="74">
        <v>86</v>
      </c>
      <c r="CA17" s="71">
        <v>0</v>
      </c>
      <c r="CB17" s="72">
        <v>0</v>
      </c>
      <c r="CC17" s="73">
        <v>0</v>
      </c>
      <c r="CD17" s="277"/>
      <c r="CE17" s="72">
        <v>0</v>
      </c>
      <c r="CF17" s="72">
        <v>0</v>
      </c>
      <c r="CG17" s="72">
        <v>0</v>
      </c>
      <c r="CH17" s="72">
        <v>0</v>
      </c>
      <c r="CI17" s="72">
        <v>0</v>
      </c>
      <c r="CJ17" s="73">
        <v>0</v>
      </c>
      <c r="CK17" s="74">
        <v>0</v>
      </c>
      <c r="CL17" s="71">
        <v>38</v>
      </c>
      <c r="CM17" s="72">
        <v>40</v>
      </c>
      <c r="CN17" s="73">
        <v>78</v>
      </c>
      <c r="CO17" s="277"/>
      <c r="CP17" s="72">
        <v>46</v>
      </c>
      <c r="CQ17" s="72">
        <v>59</v>
      </c>
      <c r="CR17" s="72">
        <v>46</v>
      </c>
      <c r="CS17" s="72">
        <v>24</v>
      </c>
      <c r="CT17" s="72">
        <v>20</v>
      </c>
      <c r="CU17" s="73">
        <v>195</v>
      </c>
      <c r="CV17" s="74">
        <v>273</v>
      </c>
      <c r="CW17" s="127">
        <v>11</v>
      </c>
      <c r="CX17" s="83">
        <v>19</v>
      </c>
      <c r="CY17" s="84">
        <v>30</v>
      </c>
      <c r="CZ17" s="274"/>
      <c r="DA17" s="83">
        <v>24</v>
      </c>
      <c r="DB17" s="83">
        <v>20</v>
      </c>
      <c r="DC17" s="83">
        <v>11</v>
      </c>
      <c r="DD17" s="83">
        <v>14</v>
      </c>
      <c r="DE17" s="83">
        <v>13</v>
      </c>
      <c r="DF17" s="85">
        <v>82</v>
      </c>
      <c r="DG17" s="86">
        <v>112</v>
      </c>
      <c r="DH17" s="71">
        <v>0</v>
      </c>
      <c r="DI17" s="72">
        <v>0</v>
      </c>
      <c r="DJ17" s="73">
        <v>0</v>
      </c>
      <c r="DK17" s="277"/>
      <c r="DL17" s="72">
        <v>0</v>
      </c>
      <c r="DM17" s="72">
        <v>0</v>
      </c>
      <c r="DN17" s="72">
        <v>0</v>
      </c>
      <c r="DO17" s="72">
        <v>0</v>
      </c>
      <c r="DP17" s="72">
        <v>0</v>
      </c>
      <c r="DQ17" s="73">
        <v>0</v>
      </c>
      <c r="DR17" s="74">
        <v>0</v>
      </c>
      <c r="DS17" s="71">
        <v>2</v>
      </c>
      <c r="DT17" s="72">
        <v>1</v>
      </c>
      <c r="DU17" s="73">
        <v>3</v>
      </c>
      <c r="DV17" s="277"/>
      <c r="DW17" s="72">
        <v>3</v>
      </c>
      <c r="DX17" s="72">
        <v>0</v>
      </c>
      <c r="DY17" s="72">
        <v>2</v>
      </c>
      <c r="DZ17" s="72">
        <v>0</v>
      </c>
      <c r="EA17" s="72">
        <v>1</v>
      </c>
      <c r="EB17" s="73">
        <v>6</v>
      </c>
      <c r="EC17" s="74">
        <v>9</v>
      </c>
      <c r="ED17" s="71">
        <v>1</v>
      </c>
      <c r="EE17" s="72">
        <v>1</v>
      </c>
      <c r="EF17" s="73">
        <v>2</v>
      </c>
      <c r="EG17" s="277"/>
      <c r="EH17" s="72">
        <v>2</v>
      </c>
      <c r="EI17" s="72">
        <v>0</v>
      </c>
      <c r="EJ17" s="72">
        <v>2</v>
      </c>
      <c r="EK17" s="72">
        <v>2</v>
      </c>
      <c r="EL17" s="72">
        <v>0</v>
      </c>
      <c r="EM17" s="73">
        <v>6</v>
      </c>
      <c r="EN17" s="74">
        <v>8</v>
      </c>
      <c r="EO17" s="71">
        <v>3</v>
      </c>
      <c r="EP17" s="72">
        <v>4</v>
      </c>
      <c r="EQ17" s="73">
        <v>7</v>
      </c>
      <c r="ER17" s="277"/>
      <c r="ES17" s="72">
        <v>4</v>
      </c>
      <c r="ET17" s="72">
        <v>6</v>
      </c>
      <c r="EU17" s="72">
        <v>0</v>
      </c>
      <c r="EV17" s="72">
        <v>1</v>
      </c>
      <c r="EW17" s="72">
        <v>3</v>
      </c>
      <c r="EX17" s="73">
        <v>14</v>
      </c>
      <c r="EY17" s="74">
        <v>21</v>
      </c>
      <c r="EZ17" s="71">
        <v>3</v>
      </c>
      <c r="FA17" s="72">
        <v>5</v>
      </c>
      <c r="FB17" s="73">
        <v>8</v>
      </c>
      <c r="FC17" s="277"/>
      <c r="FD17" s="72">
        <v>9</v>
      </c>
      <c r="FE17" s="72">
        <v>6</v>
      </c>
      <c r="FF17" s="72">
        <v>4</v>
      </c>
      <c r="FG17" s="72">
        <v>3</v>
      </c>
      <c r="FH17" s="72">
        <v>1</v>
      </c>
      <c r="FI17" s="73">
        <v>23</v>
      </c>
      <c r="FJ17" s="74">
        <v>31</v>
      </c>
      <c r="FK17" s="71">
        <v>2</v>
      </c>
      <c r="FL17" s="72">
        <v>8</v>
      </c>
      <c r="FM17" s="73">
        <v>10</v>
      </c>
      <c r="FN17" s="277"/>
      <c r="FO17" s="72">
        <v>6</v>
      </c>
      <c r="FP17" s="72">
        <v>8</v>
      </c>
      <c r="FQ17" s="72">
        <v>3</v>
      </c>
      <c r="FR17" s="72">
        <v>8</v>
      </c>
      <c r="FS17" s="72">
        <v>8</v>
      </c>
      <c r="FT17" s="73">
        <v>33</v>
      </c>
      <c r="FU17" s="74">
        <v>43</v>
      </c>
      <c r="FV17" s="71">
        <v>0</v>
      </c>
      <c r="FW17" s="72">
        <v>0</v>
      </c>
      <c r="FX17" s="73">
        <v>0</v>
      </c>
      <c r="FY17" s="277"/>
      <c r="FZ17" s="72">
        <v>0</v>
      </c>
      <c r="GA17" s="72">
        <v>0</v>
      </c>
      <c r="GB17" s="72">
        <v>0</v>
      </c>
      <c r="GC17" s="72">
        <v>0</v>
      </c>
      <c r="GD17" s="72">
        <v>0</v>
      </c>
      <c r="GE17" s="73">
        <v>0</v>
      </c>
      <c r="GF17" s="74">
        <v>0</v>
      </c>
      <c r="GG17" s="71">
        <v>11</v>
      </c>
      <c r="GH17" s="72">
        <v>19</v>
      </c>
      <c r="GI17" s="73">
        <v>30</v>
      </c>
      <c r="GJ17" s="277"/>
      <c r="GK17" s="72">
        <v>24</v>
      </c>
      <c r="GL17" s="72">
        <v>20</v>
      </c>
      <c r="GM17" s="72">
        <v>11</v>
      </c>
      <c r="GN17" s="72">
        <v>14</v>
      </c>
      <c r="GO17" s="72">
        <v>13</v>
      </c>
      <c r="GP17" s="73">
        <v>82</v>
      </c>
      <c r="GQ17" s="74">
        <v>112</v>
      </c>
      <c r="GR17" s="127">
        <v>49</v>
      </c>
      <c r="GS17" s="83">
        <v>59</v>
      </c>
      <c r="GT17" s="84">
        <v>108</v>
      </c>
      <c r="GU17" s="274"/>
      <c r="GV17" s="83">
        <v>70</v>
      </c>
      <c r="GW17" s="83">
        <v>79</v>
      </c>
      <c r="GX17" s="83">
        <v>57</v>
      </c>
      <c r="GY17" s="83">
        <v>38</v>
      </c>
      <c r="GZ17" s="83">
        <v>33</v>
      </c>
      <c r="HA17" s="85">
        <v>277</v>
      </c>
      <c r="HB17" s="86">
        <v>385</v>
      </c>
      <c r="HC17" s="71">
        <v>1</v>
      </c>
      <c r="HD17" s="72">
        <v>0</v>
      </c>
      <c r="HE17" s="73">
        <v>1</v>
      </c>
      <c r="HF17" s="274"/>
      <c r="HG17" s="72">
        <v>3</v>
      </c>
      <c r="HH17" s="72">
        <v>2</v>
      </c>
      <c r="HI17" s="72">
        <v>0</v>
      </c>
      <c r="HJ17" s="72">
        <v>0</v>
      </c>
      <c r="HK17" s="72">
        <v>0</v>
      </c>
      <c r="HL17" s="73">
        <v>5</v>
      </c>
      <c r="HM17" s="74">
        <v>6</v>
      </c>
      <c r="HN17" s="71">
        <v>4</v>
      </c>
      <c r="HO17" s="72">
        <v>3</v>
      </c>
      <c r="HP17" s="73">
        <v>7</v>
      </c>
      <c r="HQ17" s="277"/>
      <c r="HR17" s="72">
        <v>6</v>
      </c>
      <c r="HS17" s="72">
        <v>0</v>
      </c>
      <c r="HT17" s="72">
        <v>3</v>
      </c>
      <c r="HU17" s="72">
        <v>2</v>
      </c>
      <c r="HV17" s="72">
        <v>4</v>
      </c>
      <c r="HW17" s="73">
        <v>15</v>
      </c>
      <c r="HX17" s="74">
        <v>22</v>
      </c>
      <c r="HY17" s="71">
        <v>2</v>
      </c>
      <c r="HZ17" s="72">
        <v>3</v>
      </c>
      <c r="IA17" s="73">
        <v>5</v>
      </c>
      <c r="IB17" s="277"/>
      <c r="IC17" s="72">
        <v>3</v>
      </c>
      <c r="ID17" s="72">
        <v>7</v>
      </c>
      <c r="IE17" s="72">
        <v>7</v>
      </c>
      <c r="IF17" s="72">
        <v>5</v>
      </c>
      <c r="IG17" s="72">
        <v>3</v>
      </c>
      <c r="IH17" s="73">
        <v>25</v>
      </c>
      <c r="II17" s="74">
        <v>30</v>
      </c>
      <c r="IJ17" s="71">
        <v>12</v>
      </c>
      <c r="IK17" s="72">
        <v>12</v>
      </c>
      <c r="IL17" s="73">
        <v>24</v>
      </c>
      <c r="IM17" s="277"/>
      <c r="IN17" s="72">
        <v>18</v>
      </c>
      <c r="IO17" s="72">
        <v>14</v>
      </c>
      <c r="IP17" s="72">
        <v>11</v>
      </c>
      <c r="IQ17" s="72">
        <v>5</v>
      </c>
      <c r="IR17" s="72">
        <v>6</v>
      </c>
      <c r="IS17" s="73">
        <v>54</v>
      </c>
      <c r="IT17" s="74">
        <v>78</v>
      </c>
      <c r="IU17" s="71">
        <v>22</v>
      </c>
      <c r="IV17" s="72">
        <v>19</v>
      </c>
      <c r="IW17" s="73">
        <v>41</v>
      </c>
      <c r="IX17" s="274"/>
      <c r="IY17" s="72">
        <v>19</v>
      </c>
      <c r="IZ17" s="72">
        <v>27</v>
      </c>
      <c r="JA17" s="72">
        <v>16</v>
      </c>
      <c r="JB17" s="72">
        <v>10</v>
      </c>
      <c r="JC17" s="72">
        <v>7</v>
      </c>
      <c r="JD17" s="73">
        <v>79</v>
      </c>
      <c r="JE17" s="74">
        <v>120</v>
      </c>
      <c r="JF17" s="71">
        <v>8</v>
      </c>
      <c r="JG17" s="72">
        <v>22</v>
      </c>
      <c r="JH17" s="73">
        <v>30</v>
      </c>
      <c r="JI17" s="274"/>
      <c r="JJ17" s="72">
        <v>21</v>
      </c>
      <c r="JK17" s="72">
        <v>29</v>
      </c>
      <c r="JL17" s="72">
        <v>20</v>
      </c>
      <c r="JM17" s="72">
        <v>16</v>
      </c>
      <c r="JN17" s="72">
        <v>13</v>
      </c>
      <c r="JO17" s="73">
        <v>99</v>
      </c>
      <c r="JP17" s="74">
        <v>129</v>
      </c>
      <c r="JQ17" s="71">
        <v>0</v>
      </c>
      <c r="JR17" s="72">
        <v>0</v>
      </c>
      <c r="JS17" s="73">
        <v>0</v>
      </c>
      <c r="JT17" s="274"/>
      <c r="JU17" s="72">
        <v>0</v>
      </c>
      <c r="JV17" s="72">
        <v>0</v>
      </c>
      <c r="JW17" s="72">
        <v>0</v>
      </c>
      <c r="JX17" s="72">
        <v>0</v>
      </c>
      <c r="JY17" s="72">
        <v>0</v>
      </c>
      <c r="JZ17" s="73">
        <v>0</v>
      </c>
      <c r="KA17" s="74">
        <v>0</v>
      </c>
      <c r="KB17" s="71">
        <v>49</v>
      </c>
      <c r="KC17" s="72">
        <v>59</v>
      </c>
      <c r="KD17" s="73">
        <v>108</v>
      </c>
      <c r="KE17" s="274"/>
      <c r="KF17" s="72">
        <v>70</v>
      </c>
      <c r="KG17" s="72">
        <v>79</v>
      </c>
      <c r="KH17" s="72">
        <v>57</v>
      </c>
      <c r="KI17" s="72">
        <v>38</v>
      </c>
      <c r="KJ17" s="72">
        <v>33</v>
      </c>
      <c r="KK17" s="73">
        <v>277</v>
      </c>
      <c r="KL17" s="74">
        <v>385</v>
      </c>
    </row>
    <row r="18" spans="1:298" ht="19.5" customHeight="1" x14ac:dyDescent="0.2">
      <c r="A18" s="130" t="s">
        <v>15</v>
      </c>
      <c r="B18" s="347">
        <v>7</v>
      </c>
      <c r="C18" s="83">
        <v>11</v>
      </c>
      <c r="D18" s="84">
        <v>18</v>
      </c>
      <c r="E18" s="274"/>
      <c r="F18" s="83">
        <v>15</v>
      </c>
      <c r="G18" s="83">
        <v>17</v>
      </c>
      <c r="H18" s="83">
        <v>9</v>
      </c>
      <c r="I18" s="83">
        <v>9</v>
      </c>
      <c r="J18" s="83">
        <v>5</v>
      </c>
      <c r="K18" s="85">
        <v>55</v>
      </c>
      <c r="L18" s="86">
        <v>73</v>
      </c>
      <c r="M18" s="71">
        <v>2</v>
      </c>
      <c r="N18" s="72">
        <v>2</v>
      </c>
      <c r="O18" s="73">
        <v>4</v>
      </c>
      <c r="P18" s="277"/>
      <c r="Q18" s="72">
        <v>1</v>
      </c>
      <c r="R18" s="72">
        <v>1</v>
      </c>
      <c r="S18" s="72">
        <v>1</v>
      </c>
      <c r="T18" s="72">
        <v>2</v>
      </c>
      <c r="U18" s="72">
        <v>0</v>
      </c>
      <c r="V18" s="73">
        <v>5</v>
      </c>
      <c r="W18" s="74">
        <v>9</v>
      </c>
      <c r="X18" s="71">
        <v>0</v>
      </c>
      <c r="Y18" s="72">
        <v>0</v>
      </c>
      <c r="Z18" s="73">
        <v>0</v>
      </c>
      <c r="AA18" s="277"/>
      <c r="AB18" s="72">
        <v>2</v>
      </c>
      <c r="AC18" s="72">
        <v>1</v>
      </c>
      <c r="AD18" s="72">
        <v>3</v>
      </c>
      <c r="AE18" s="72">
        <v>2</v>
      </c>
      <c r="AF18" s="72">
        <v>1</v>
      </c>
      <c r="AG18" s="73">
        <v>9</v>
      </c>
      <c r="AH18" s="74">
        <v>9</v>
      </c>
      <c r="AI18" s="71">
        <v>0</v>
      </c>
      <c r="AJ18" s="72">
        <v>1</v>
      </c>
      <c r="AK18" s="73">
        <v>1</v>
      </c>
      <c r="AL18" s="277"/>
      <c r="AM18" s="72">
        <v>3</v>
      </c>
      <c r="AN18" s="72">
        <v>2</v>
      </c>
      <c r="AO18" s="72">
        <v>0</v>
      </c>
      <c r="AP18" s="72">
        <v>1</v>
      </c>
      <c r="AQ18" s="72">
        <v>1</v>
      </c>
      <c r="AR18" s="73">
        <v>7</v>
      </c>
      <c r="AS18" s="74">
        <v>8</v>
      </c>
      <c r="AT18" s="71">
        <v>3</v>
      </c>
      <c r="AU18" s="72">
        <v>3</v>
      </c>
      <c r="AV18" s="73">
        <v>6</v>
      </c>
      <c r="AW18" s="277"/>
      <c r="AX18" s="72">
        <v>1</v>
      </c>
      <c r="AY18" s="72">
        <v>3</v>
      </c>
      <c r="AZ18" s="72">
        <v>4</v>
      </c>
      <c r="BA18" s="72">
        <v>0</v>
      </c>
      <c r="BB18" s="72">
        <v>0</v>
      </c>
      <c r="BC18" s="73">
        <v>8</v>
      </c>
      <c r="BD18" s="74">
        <v>14</v>
      </c>
      <c r="BE18" s="71">
        <v>0</v>
      </c>
      <c r="BF18" s="72">
        <v>3</v>
      </c>
      <c r="BG18" s="73">
        <v>3</v>
      </c>
      <c r="BH18" s="277"/>
      <c r="BI18" s="72">
        <v>3</v>
      </c>
      <c r="BJ18" s="72">
        <v>6</v>
      </c>
      <c r="BK18" s="72">
        <v>0</v>
      </c>
      <c r="BL18" s="72">
        <v>2</v>
      </c>
      <c r="BM18" s="72">
        <v>3</v>
      </c>
      <c r="BN18" s="73">
        <v>14</v>
      </c>
      <c r="BO18" s="74">
        <v>17</v>
      </c>
      <c r="BP18" s="71">
        <v>2</v>
      </c>
      <c r="BQ18" s="72">
        <v>2</v>
      </c>
      <c r="BR18" s="73">
        <v>4</v>
      </c>
      <c r="BS18" s="277"/>
      <c r="BT18" s="72">
        <v>5</v>
      </c>
      <c r="BU18" s="72">
        <v>4</v>
      </c>
      <c r="BV18" s="72">
        <v>1</v>
      </c>
      <c r="BW18" s="72">
        <v>2</v>
      </c>
      <c r="BX18" s="72">
        <v>0</v>
      </c>
      <c r="BY18" s="73">
        <v>12</v>
      </c>
      <c r="BZ18" s="74">
        <v>16</v>
      </c>
      <c r="CA18" s="71">
        <v>0</v>
      </c>
      <c r="CB18" s="72">
        <v>0</v>
      </c>
      <c r="CC18" s="73">
        <v>0</v>
      </c>
      <c r="CD18" s="277"/>
      <c r="CE18" s="72">
        <v>0</v>
      </c>
      <c r="CF18" s="72">
        <v>0</v>
      </c>
      <c r="CG18" s="72">
        <v>0</v>
      </c>
      <c r="CH18" s="72">
        <v>0</v>
      </c>
      <c r="CI18" s="72">
        <v>0</v>
      </c>
      <c r="CJ18" s="73">
        <v>0</v>
      </c>
      <c r="CK18" s="74">
        <v>0</v>
      </c>
      <c r="CL18" s="71">
        <v>7</v>
      </c>
      <c r="CM18" s="72">
        <v>11</v>
      </c>
      <c r="CN18" s="73">
        <v>18</v>
      </c>
      <c r="CO18" s="277"/>
      <c r="CP18" s="72">
        <v>15</v>
      </c>
      <c r="CQ18" s="72">
        <v>17</v>
      </c>
      <c r="CR18" s="72">
        <v>9</v>
      </c>
      <c r="CS18" s="72">
        <v>9</v>
      </c>
      <c r="CT18" s="72">
        <v>5</v>
      </c>
      <c r="CU18" s="73">
        <v>55</v>
      </c>
      <c r="CV18" s="74">
        <v>73</v>
      </c>
      <c r="CW18" s="127">
        <v>2</v>
      </c>
      <c r="CX18" s="83">
        <v>9</v>
      </c>
      <c r="CY18" s="84">
        <v>11</v>
      </c>
      <c r="CZ18" s="274"/>
      <c r="DA18" s="83">
        <v>12</v>
      </c>
      <c r="DB18" s="83">
        <v>3</v>
      </c>
      <c r="DC18" s="83">
        <v>6</v>
      </c>
      <c r="DD18" s="83">
        <v>5</v>
      </c>
      <c r="DE18" s="83">
        <v>4</v>
      </c>
      <c r="DF18" s="85">
        <v>30</v>
      </c>
      <c r="DG18" s="86">
        <v>41</v>
      </c>
      <c r="DH18" s="71">
        <v>0</v>
      </c>
      <c r="DI18" s="72">
        <v>0</v>
      </c>
      <c r="DJ18" s="73">
        <v>0</v>
      </c>
      <c r="DK18" s="277"/>
      <c r="DL18" s="72">
        <v>0</v>
      </c>
      <c r="DM18" s="72">
        <v>0</v>
      </c>
      <c r="DN18" s="72">
        <v>1</v>
      </c>
      <c r="DO18" s="72">
        <v>0</v>
      </c>
      <c r="DP18" s="72">
        <v>0</v>
      </c>
      <c r="DQ18" s="73">
        <v>1</v>
      </c>
      <c r="DR18" s="74">
        <v>1</v>
      </c>
      <c r="DS18" s="71">
        <v>0</v>
      </c>
      <c r="DT18" s="72">
        <v>0</v>
      </c>
      <c r="DU18" s="73">
        <v>0</v>
      </c>
      <c r="DV18" s="277"/>
      <c r="DW18" s="72">
        <v>2</v>
      </c>
      <c r="DX18" s="72">
        <v>0</v>
      </c>
      <c r="DY18" s="72">
        <v>0</v>
      </c>
      <c r="DZ18" s="72">
        <v>0</v>
      </c>
      <c r="EA18" s="72">
        <v>1</v>
      </c>
      <c r="EB18" s="73">
        <v>3</v>
      </c>
      <c r="EC18" s="74">
        <v>3</v>
      </c>
      <c r="ED18" s="71">
        <v>0</v>
      </c>
      <c r="EE18" s="72">
        <v>1</v>
      </c>
      <c r="EF18" s="73">
        <v>1</v>
      </c>
      <c r="EG18" s="277"/>
      <c r="EH18" s="72">
        <v>1</v>
      </c>
      <c r="EI18" s="72">
        <v>0</v>
      </c>
      <c r="EJ18" s="72">
        <v>1</v>
      </c>
      <c r="EK18" s="72">
        <v>1</v>
      </c>
      <c r="EL18" s="72">
        <v>1</v>
      </c>
      <c r="EM18" s="73">
        <v>4</v>
      </c>
      <c r="EN18" s="74">
        <v>5</v>
      </c>
      <c r="EO18" s="71">
        <v>0</v>
      </c>
      <c r="EP18" s="72">
        <v>5</v>
      </c>
      <c r="EQ18" s="73">
        <v>5</v>
      </c>
      <c r="ER18" s="277"/>
      <c r="ES18" s="72">
        <v>3</v>
      </c>
      <c r="ET18" s="72">
        <v>0</v>
      </c>
      <c r="EU18" s="72">
        <v>0</v>
      </c>
      <c r="EV18" s="72">
        <v>1</v>
      </c>
      <c r="EW18" s="72">
        <v>0</v>
      </c>
      <c r="EX18" s="73">
        <v>4</v>
      </c>
      <c r="EY18" s="74">
        <v>9</v>
      </c>
      <c r="EZ18" s="71">
        <v>0</v>
      </c>
      <c r="FA18" s="72">
        <v>1</v>
      </c>
      <c r="FB18" s="73">
        <v>1</v>
      </c>
      <c r="FC18" s="277"/>
      <c r="FD18" s="72">
        <v>5</v>
      </c>
      <c r="FE18" s="72">
        <v>1</v>
      </c>
      <c r="FF18" s="72">
        <v>0</v>
      </c>
      <c r="FG18" s="72">
        <v>0</v>
      </c>
      <c r="FH18" s="72">
        <v>0</v>
      </c>
      <c r="FI18" s="73">
        <v>6</v>
      </c>
      <c r="FJ18" s="74">
        <v>7</v>
      </c>
      <c r="FK18" s="71">
        <v>2</v>
      </c>
      <c r="FL18" s="72">
        <v>2</v>
      </c>
      <c r="FM18" s="73">
        <v>4</v>
      </c>
      <c r="FN18" s="277"/>
      <c r="FO18" s="72">
        <v>1</v>
      </c>
      <c r="FP18" s="72">
        <v>2</v>
      </c>
      <c r="FQ18" s="72">
        <v>4</v>
      </c>
      <c r="FR18" s="72">
        <v>3</v>
      </c>
      <c r="FS18" s="72">
        <v>2</v>
      </c>
      <c r="FT18" s="73">
        <v>12</v>
      </c>
      <c r="FU18" s="74">
        <v>16</v>
      </c>
      <c r="FV18" s="71">
        <v>0</v>
      </c>
      <c r="FW18" s="72">
        <v>0</v>
      </c>
      <c r="FX18" s="73">
        <v>0</v>
      </c>
      <c r="FY18" s="277"/>
      <c r="FZ18" s="72">
        <v>0</v>
      </c>
      <c r="GA18" s="72">
        <v>0</v>
      </c>
      <c r="GB18" s="72">
        <v>0</v>
      </c>
      <c r="GC18" s="72">
        <v>0</v>
      </c>
      <c r="GD18" s="72">
        <v>0</v>
      </c>
      <c r="GE18" s="73">
        <v>0</v>
      </c>
      <c r="GF18" s="74">
        <v>0</v>
      </c>
      <c r="GG18" s="71">
        <v>2</v>
      </c>
      <c r="GH18" s="72">
        <v>9</v>
      </c>
      <c r="GI18" s="73">
        <v>11</v>
      </c>
      <c r="GJ18" s="277"/>
      <c r="GK18" s="72">
        <v>12</v>
      </c>
      <c r="GL18" s="72">
        <v>3</v>
      </c>
      <c r="GM18" s="72">
        <v>6</v>
      </c>
      <c r="GN18" s="72">
        <v>5</v>
      </c>
      <c r="GO18" s="72">
        <v>4</v>
      </c>
      <c r="GP18" s="73">
        <v>30</v>
      </c>
      <c r="GQ18" s="74">
        <v>41</v>
      </c>
      <c r="GR18" s="127">
        <v>9</v>
      </c>
      <c r="GS18" s="83">
        <v>20</v>
      </c>
      <c r="GT18" s="84">
        <v>29</v>
      </c>
      <c r="GU18" s="274"/>
      <c r="GV18" s="83">
        <v>27</v>
      </c>
      <c r="GW18" s="83">
        <v>20</v>
      </c>
      <c r="GX18" s="83">
        <v>15</v>
      </c>
      <c r="GY18" s="83">
        <v>14</v>
      </c>
      <c r="GZ18" s="83">
        <v>9</v>
      </c>
      <c r="HA18" s="85">
        <v>85</v>
      </c>
      <c r="HB18" s="86">
        <v>114</v>
      </c>
      <c r="HC18" s="71">
        <v>2</v>
      </c>
      <c r="HD18" s="72">
        <v>2</v>
      </c>
      <c r="HE18" s="73">
        <v>4</v>
      </c>
      <c r="HF18" s="274"/>
      <c r="HG18" s="72">
        <v>1</v>
      </c>
      <c r="HH18" s="72">
        <v>1</v>
      </c>
      <c r="HI18" s="72">
        <v>2</v>
      </c>
      <c r="HJ18" s="72">
        <v>2</v>
      </c>
      <c r="HK18" s="72">
        <v>0</v>
      </c>
      <c r="HL18" s="73">
        <v>6</v>
      </c>
      <c r="HM18" s="74">
        <v>10</v>
      </c>
      <c r="HN18" s="71">
        <v>0</v>
      </c>
      <c r="HO18" s="72">
        <v>0</v>
      </c>
      <c r="HP18" s="73">
        <v>0</v>
      </c>
      <c r="HQ18" s="277"/>
      <c r="HR18" s="72">
        <v>4</v>
      </c>
      <c r="HS18" s="72">
        <v>1</v>
      </c>
      <c r="HT18" s="72">
        <v>3</v>
      </c>
      <c r="HU18" s="72">
        <v>2</v>
      </c>
      <c r="HV18" s="72">
        <v>2</v>
      </c>
      <c r="HW18" s="73">
        <v>12</v>
      </c>
      <c r="HX18" s="74">
        <v>12</v>
      </c>
      <c r="HY18" s="71">
        <v>0</v>
      </c>
      <c r="HZ18" s="72">
        <v>2</v>
      </c>
      <c r="IA18" s="73">
        <v>2</v>
      </c>
      <c r="IB18" s="277"/>
      <c r="IC18" s="72">
        <v>4</v>
      </c>
      <c r="ID18" s="72">
        <v>2</v>
      </c>
      <c r="IE18" s="72">
        <v>1</v>
      </c>
      <c r="IF18" s="72">
        <v>2</v>
      </c>
      <c r="IG18" s="72">
        <v>2</v>
      </c>
      <c r="IH18" s="73">
        <v>11</v>
      </c>
      <c r="II18" s="74">
        <v>13</v>
      </c>
      <c r="IJ18" s="71">
        <v>3</v>
      </c>
      <c r="IK18" s="72">
        <v>8</v>
      </c>
      <c r="IL18" s="73">
        <v>11</v>
      </c>
      <c r="IM18" s="277"/>
      <c r="IN18" s="72">
        <v>4</v>
      </c>
      <c r="IO18" s="72">
        <v>3</v>
      </c>
      <c r="IP18" s="72">
        <v>4</v>
      </c>
      <c r="IQ18" s="72">
        <v>1</v>
      </c>
      <c r="IR18" s="72">
        <v>0</v>
      </c>
      <c r="IS18" s="73">
        <v>12</v>
      </c>
      <c r="IT18" s="74">
        <v>23</v>
      </c>
      <c r="IU18" s="71">
        <v>0</v>
      </c>
      <c r="IV18" s="72">
        <v>4</v>
      </c>
      <c r="IW18" s="73">
        <v>4</v>
      </c>
      <c r="IX18" s="274"/>
      <c r="IY18" s="72">
        <v>8</v>
      </c>
      <c r="IZ18" s="72">
        <v>7</v>
      </c>
      <c r="JA18" s="72">
        <v>0</v>
      </c>
      <c r="JB18" s="72">
        <v>2</v>
      </c>
      <c r="JC18" s="72">
        <v>3</v>
      </c>
      <c r="JD18" s="73">
        <v>20</v>
      </c>
      <c r="JE18" s="74">
        <v>24</v>
      </c>
      <c r="JF18" s="71">
        <v>4</v>
      </c>
      <c r="JG18" s="72">
        <v>4</v>
      </c>
      <c r="JH18" s="73">
        <v>8</v>
      </c>
      <c r="JI18" s="274"/>
      <c r="JJ18" s="72">
        <v>6</v>
      </c>
      <c r="JK18" s="72">
        <v>6</v>
      </c>
      <c r="JL18" s="72">
        <v>5</v>
      </c>
      <c r="JM18" s="72">
        <v>5</v>
      </c>
      <c r="JN18" s="72">
        <v>2</v>
      </c>
      <c r="JO18" s="73">
        <v>24</v>
      </c>
      <c r="JP18" s="74">
        <v>32</v>
      </c>
      <c r="JQ18" s="71">
        <v>0</v>
      </c>
      <c r="JR18" s="72">
        <v>0</v>
      </c>
      <c r="JS18" s="73">
        <v>0</v>
      </c>
      <c r="JT18" s="274"/>
      <c r="JU18" s="72">
        <v>0</v>
      </c>
      <c r="JV18" s="72">
        <v>0</v>
      </c>
      <c r="JW18" s="72">
        <v>0</v>
      </c>
      <c r="JX18" s="72">
        <v>0</v>
      </c>
      <c r="JY18" s="72">
        <v>0</v>
      </c>
      <c r="JZ18" s="73">
        <v>0</v>
      </c>
      <c r="KA18" s="74">
        <v>0</v>
      </c>
      <c r="KB18" s="71">
        <v>9</v>
      </c>
      <c r="KC18" s="72">
        <v>20</v>
      </c>
      <c r="KD18" s="73">
        <v>29</v>
      </c>
      <c r="KE18" s="274"/>
      <c r="KF18" s="72">
        <v>27</v>
      </c>
      <c r="KG18" s="72">
        <v>20</v>
      </c>
      <c r="KH18" s="72">
        <v>15</v>
      </c>
      <c r="KI18" s="72">
        <v>14</v>
      </c>
      <c r="KJ18" s="72">
        <v>9</v>
      </c>
      <c r="KK18" s="73">
        <v>85</v>
      </c>
      <c r="KL18" s="74">
        <v>114</v>
      </c>
    </row>
    <row r="19" spans="1:298" ht="19.5" customHeight="1" x14ac:dyDescent="0.2">
      <c r="A19" s="130" t="s">
        <v>16</v>
      </c>
      <c r="B19" s="347">
        <v>27</v>
      </c>
      <c r="C19" s="83">
        <v>30</v>
      </c>
      <c r="D19" s="84">
        <v>57</v>
      </c>
      <c r="E19" s="274"/>
      <c r="F19" s="83">
        <v>57</v>
      </c>
      <c r="G19" s="83">
        <v>59</v>
      </c>
      <c r="H19" s="83">
        <v>34</v>
      </c>
      <c r="I19" s="83">
        <v>26</v>
      </c>
      <c r="J19" s="83">
        <v>17</v>
      </c>
      <c r="K19" s="85">
        <v>193</v>
      </c>
      <c r="L19" s="86">
        <v>250</v>
      </c>
      <c r="M19" s="71">
        <v>0</v>
      </c>
      <c r="N19" s="72">
        <v>1</v>
      </c>
      <c r="O19" s="73">
        <v>1</v>
      </c>
      <c r="P19" s="277"/>
      <c r="Q19" s="72">
        <v>1</v>
      </c>
      <c r="R19" s="72">
        <v>2</v>
      </c>
      <c r="S19" s="72">
        <v>0</v>
      </c>
      <c r="T19" s="72">
        <v>1</v>
      </c>
      <c r="U19" s="72">
        <v>2</v>
      </c>
      <c r="V19" s="73">
        <v>6</v>
      </c>
      <c r="W19" s="74">
        <v>7</v>
      </c>
      <c r="X19" s="71">
        <v>5</v>
      </c>
      <c r="Y19" s="72">
        <v>6</v>
      </c>
      <c r="Z19" s="73">
        <v>11</v>
      </c>
      <c r="AA19" s="277"/>
      <c r="AB19" s="72">
        <v>8</v>
      </c>
      <c r="AC19" s="72">
        <v>8</v>
      </c>
      <c r="AD19" s="72">
        <v>8</v>
      </c>
      <c r="AE19" s="72">
        <v>5</v>
      </c>
      <c r="AF19" s="72">
        <v>1</v>
      </c>
      <c r="AG19" s="73">
        <v>30</v>
      </c>
      <c r="AH19" s="74">
        <v>41</v>
      </c>
      <c r="AI19" s="71">
        <v>7</v>
      </c>
      <c r="AJ19" s="72">
        <v>5</v>
      </c>
      <c r="AK19" s="73">
        <v>12</v>
      </c>
      <c r="AL19" s="277"/>
      <c r="AM19" s="72">
        <v>7</v>
      </c>
      <c r="AN19" s="72">
        <v>5</v>
      </c>
      <c r="AO19" s="72">
        <v>5</v>
      </c>
      <c r="AP19" s="72">
        <v>3</v>
      </c>
      <c r="AQ19" s="72">
        <v>3</v>
      </c>
      <c r="AR19" s="73">
        <v>23</v>
      </c>
      <c r="AS19" s="74">
        <v>35</v>
      </c>
      <c r="AT19" s="71">
        <v>6</v>
      </c>
      <c r="AU19" s="72">
        <v>7</v>
      </c>
      <c r="AV19" s="73">
        <v>13</v>
      </c>
      <c r="AW19" s="277"/>
      <c r="AX19" s="72">
        <v>12</v>
      </c>
      <c r="AY19" s="72">
        <v>18</v>
      </c>
      <c r="AZ19" s="72">
        <v>6</v>
      </c>
      <c r="BA19" s="72">
        <v>3</v>
      </c>
      <c r="BB19" s="72">
        <v>7</v>
      </c>
      <c r="BC19" s="73">
        <v>46</v>
      </c>
      <c r="BD19" s="74">
        <v>59</v>
      </c>
      <c r="BE19" s="71">
        <v>5</v>
      </c>
      <c r="BF19" s="72">
        <v>9</v>
      </c>
      <c r="BG19" s="73">
        <v>14</v>
      </c>
      <c r="BH19" s="277"/>
      <c r="BI19" s="72">
        <v>10</v>
      </c>
      <c r="BJ19" s="72">
        <v>13</v>
      </c>
      <c r="BK19" s="72">
        <v>7</v>
      </c>
      <c r="BL19" s="72">
        <v>4</v>
      </c>
      <c r="BM19" s="72">
        <v>2</v>
      </c>
      <c r="BN19" s="73">
        <v>36</v>
      </c>
      <c r="BO19" s="74">
        <v>50</v>
      </c>
      <c r="BP19" s="71">
        <v>4</v>
      </c>
      <c r="BQ19" s="72">
        <v>2</v>
      </c>
      <c r="BR19" s="73">
        <v>6</v>
      </c>
      <c r="BS19" s="277"/>
      <c r="BT19" s="72">
        <v>19</v>
      </c>
      <c r="BU19" s="72">
        <v>13</v>
      </c>
      <c r="BV19" s="72">
        <v>8</v>
      </c>
      <c r="BW19" s="72">
        <v>10</v>
      </c>
      <c r="BX19" s="72">
        <v>2</v>
      </c>
      <c r="BY19" s="73">
        <v>52</v>
      </c>
      <c r="BZ19" s="74">
        <v>58</v>
      </c>
      <c r="CA19" s="71">
        <v>0</v>
      </c>
      <c r="CB19" s="72">
        <v>0</v>
      </c>
      <c r="CC19" s="73">
        <v>0</v>
      </c>
      <c r="CD19" s="277"/>
      <c r="CE19" s="72">
        <v>0</v>
      </c>
      <c r="CF19" s="72">
        <v>0</v>
      </c>
      <c r="CG19" s="72">
        <v>0</v>
      </c>
      <c r="CH19" s="72">
        <v>0</v>
      </c>
      <c r="CI19" s="72">
        <v>0</v>
      </c>
      <c r="CJ19" s="73">
        <v>0</v>
      </c>
      <c r="CK19" s="74">
        <v>0</v>
      </c>
      <c r="CL19" s="71">
        <v>27</v>
      </c>
      <c r="CM19" s="72">
        <v>30</v>
      </c>
      <c r="CN19" s="73">
        <v>57</v>
      </c>
      <c r="CO19" s="277"/>
      <c r="CP19" s="72">
        <v>57</v>
      </c>
      <c r="CQ19" s="72">
        <v>59</v>
      </c>
      <c r="CR19" s="72">
        <v>34</v>
      </c>
      <c r="CS19" s="72">
        <v>26</v>
      </c>
      <c r="CT19" s="72">
        <v>17</v>
      </c>
      <c r="CU19" s="73">
        <v>193</v>
      </c>
      <c r="CV19" s="74">
        <v>250</v>
      </c>
      <c r="CW19" s="127">
        <v>14</v>
      </c>
      <c r="CX19" s="83">
        <v>12</v>
      </c>
      <c r="CY19" s="84">
        <v>26</v>
      </c>
      <c r="CZ19" s="274"/>
      <c r="DA19" s="83">
        <v>19</v>
      </c>
      <c r="DB19" s="83">
        <v>25</v>
      </c>
      <c r="DC19" s="83">
        <v>14</v>
      </c>
      <c r="DD19" s="83">
        <v>11</v>
      </c>
      <c r="DE19" s="83">
        <v>8</v>
      </c>
      <c r="DF19" s="85">
        <v>77</v>
      </c>
      <c r="DG19" s="86">
        <v>103</v>
      </c>
      <c r="DH19" s="71">
        <v>0</v>
      </c>
      <c r="DI19" s="72">
        <v>0</v>
      </c>
      <c r="DJ19" s="73">
        <v>0</v>
      </c>
      <c r="DK19" s="277"/>
      <c r="DL19" s="72">
        <v>0</v>
      </c>
      <c r="DM19" s="72">
        <v>2</v>
      </c>
      <c r="DN19" s="72">
        <v>0</v>
      </c>
      <c r="DO19" s="72">
        <v>0</v>
      </c>
      <c r="DP19" s="72">
        <v>0</v>
      </c>
      <c r="DQ19" s="73">
        <v>2</v>
      </c>
      <c r="DR19" s="74">
        <v>2</v>
      </c>
      <c r="DS19" s="71">
        <v>2</v>
      </c>
      <c r="DT19" s="72">
        <v>2</v>
      </c>
      <c r="DU19" s="73">
        <v>4</v>
      </c>
      <c r="DV19" s="277"/>
      <c r="DW19" s="72">
        <v>1</v>
      </c>
      <c r="DX19" s="72">
        <v>3</v>
      </c>
      <c r="DY19" s="72">
        <v>0</v>
      </c>
      <c r="DZ19" s="72">
        <v>1</v>
      </c>
      <c r="EA19" s="72">
        <v>0</v>
      </c>
      <c r="EB19" s="73">
        <v>5</v>
      </c>
      <c r="EC19" s="74">
        <v>9</v>
      </c>
      <c r="ED19" s="71">
        <v>3</v>
      </c>
      <c r="EE19" s="72">
        <v>1</v>
      </c>
      <c r="EF19" s="73">
        <v>4</v>
      </c>
      <c r="EG19" s="277"/>
      <c r="EH19" s="72">
        <v>0</v>
      </c>
      <c r="EI19" s="72">
        <v>2</v>
      </c>
      <c r="EJ19" s="72">
        <v>0</v>
      </c>
      <c r="EK19" s="72">
        <v>2</v>
      </c>
      <c r="EL19" s="72">
        <v>0</v>
      </c>
      <c r="EM19" s="73">
        <v>4</v>
      </c>
      <c r="EN19" s="74">
        <v>8</v>
      </c>
      <c r="EO19" s="71">
        <v>6</v>
      </c>
      <c r="EP19" s="72">
        <v>1</v>
      </c>
      <c r="EQ19" s="73">
        <v>7</v>
      </c>
      <c r="ER19" s="277"/>
      <c r="ES19" s="72">
        <v>6</v>
      </c>
      <c r="ET19" s="72">
        <v>5</v>
      </c>
      <c r="EU19" s="72">
        <v>1</v>
      </c>
      <c r="EV19" s="72">
        <v>0</v>
      </c>
      <c r="EW19" s="72">
        <v>1</v>
      </c>
      <c r="EX19" s="73">
        <v>13</v>
      </c>
      <c r="EY19" s="74">
        <v>20</v>
      </c>
      <c r="EZ19" s="71">
        <v>2</v>
      </c>
      <c r="FA19" s="72">
        <v>6</v>
      </c>
      <c r="FB19" s="73">
        <v>8</v>
      </c>
      <c r="FC19" s="277"/>
      <c r="FD19" s="72">
        <v>7</v>
      </c>
      <c r="FE19" s="72">
        <v>7</v>
      </c>
      <c r="FF19" s="72">
        <v>4</v>
      </c>
      <c r="FG19" s="72">
        <v>1</v>
      </c>
      <c r="FH19" s="72">
        <v>3</v>
      </c>
      <c r="FI19" s="73">
        <v>22</v>
      </c>
      <c r="FJ19" s="74">
        <v>30</v>
      </c>
      <c r="FK19" s="71">
        <v>1</v>
      </c>
      <c r="FL19" s="72">
        <v>2</v>
      </c>
      <c r="FM19" s="73">
        <v>3</v>
      </c>
      <c r="FN19" s="277"/>
      <c r="FO19" s="72">
        <v>5</v>
      </c>
      <c r="FP19" s="72">
        <v>6</v>
      </c>
      <c r="FQ19" s="72">
        <v>9</v>
      </c>
      <c r="FR19" s="72">
        <v>7</v>
      </c>
      <c r="FS19" s="72">
        <v>4</v>
      </c>
      <c r="FT19" s="73">
        <v>31</v>
      </c>
      <c r="FU19" s="74">
        <v>34</v>
      </c>
      <c r="FV19" s="71">
        <v>0</v>
      </c>
      <c r="FW19" s="72">
        <v>0</v>
      </c>
      <c r="FX19" s="73">
        <v>0</v>
      </c>
      <c r="FY19" s="277"/>
      <c r="FZ19" s="72">
        <v>0</v>
      </c>
      <c r="GA19" s="72">
        <v>0</v>
      </c>
      <c r="GB19" s="72">
        <v>0</v>
      </c>
      <c r="GC19" s="72">
        <v>0</v>
      </c>
      <c r="GD19" s="72">
        <v>0</v>
      </c>
      <c r="GE19" s="73">
        <v>0</v>
      </c>
      <c r="GF19" s="74">
        <v>0</v>
      </c>
      <c r="GG19" s="71">
        <v>14</v>
      </c>
      <c r="GH19" s="72">
        <v>12</v>
      </c>
      <c r="GI19" s="73">
        <v>26</v>
      </c>
      <c r="GJ19" s="277"/>
      <c r="GK19" s="72">
        <v>19</v>
      </c>
      <c r="GL19" s="72">
        <v>25</v>
      </c>
      <c r="GM19" s="72">
        <v>14</v>
      </c>
      <c r="GN19" s="72">
        <v>11</v>
      </c>
      <c r="GO19" s="72">
        <v>8</v>
      </c>
      <c r="GP19" s="73">
        <v>77</v>
      </c>
      <c r="GQ19" s="74">
        <v>103</v>
      </c>
      <c r="GR19" s="127">
        <v>41</v>
      </c>
      <c r="GS19" s="83">
        <v>42</v>
      </c>
      <c r="GT19" s="84">
        <v>83</v>
      </c>
      <c r="GU19" s="274"/>
      <c r="GV19" s="83">
        <v>76</v>
      </c>
      <c r="GW19" s="83">
        <v>84</v>
      </c>
      <c r="GX19" s="83">
        <v>48</v>
      </c>
      <c r="GY19" s="83">
        <v>37</v>
      </c>
      <c r="GZ19" s="83">
        <v>25</v>
      </c>
      <c r="HA19" s="85">
        <v>270</v>
      </c>
      <c r="HB19" s="86">
        <v>353</v>
      </c>
      <c r="HC19" s="71">
        <v>0</v>
      </c>
      <c r="HD19" s="72">
        <v>1</v>
      </c>
      <c r="HE19" s="73">
        <v>1</v>
      </c>
      <c r="HF19" s="274"/>
      <c r="HG19" s="72">
        <v>1</v>
      </c>
      <c r="HH19" s="72">
        <v>4</v>
      </c>
      <c r="HI19" s="72">
        <v>0</v>
      </c>
      <c r="HJ19" s="72">
        <v>1</v>
      </c>
      <c r="HK19" s="72">
        <v>2</v>
      </c>
      <c r="HL19" s="73">
        <v>8</v>
      </c>
      <c r="HM19" s="74">
        <v>9</v>
      </c>
      <c r="HN19" s="71">
        <v>7</v>
      </c>
      <c r="HO19" s="72">
        <v>8</v>
      </c>
      <c r="HP19" s="73">
        <v>15</v>
      </c>
      <c r="HQ19" s="277"/>
      <c r="HR19" s="72">
        <v>9</v>
      </c>
      <c r="HS19" s="72">
        <v>11</v>
      </c>
      <c r="HT19" s="72">
        <v>8</v>
      </c>
      <c r="HU19" s="72">
        <v>6</v>
      </c>
      <c r="HV19" s="72">
        <v>1</v>
      </c>
      <c r="HW19" s="73">
        <v>35</v>
      </c>
      <c r="HX19" s="74">
        <v>50</v>
      </c>
      <c r="HY19" s="71">
        <v>10</v>
      </c>
      <c r="HZ19" s="72">
        <v>6</v>
      </c>
      <c r="IA19" s="73">
        <v>16</v>
      </c>
      <c r="IB19" s="277"/>
      <c r="IC19" s="72">
        <v>7</v>
      </c>
      <c r="ID19" s="72">
        <v>7</v>
      </c>
      <c r="IE19" s="72">
        <v>5</v>
      </c>
      <c r="IF19" s="72">
        <v>5</v>
      </c>
      <c r="IG19" s="72">
        <v>3</v>
      </c>
      <c r="IH19" s="73">
        <v>27</v>
      </c>
      <c r="II19" s="74">
        <v>43</v>
      </c>
      <c r="IJ19" s="71">
        <v>12</v>
      </c>
      <c r="IK19" s="72">
        <v>8</v>
      </c>
      <c r="IL19" s="73">
        <v>20</v>
      </c>
      <c r="IM19" s="277"/>
      <c r="IN19" s="72">
        <v>18</v>
      </c>
      <c r="IO19" s="72">
        <v>23</v>
      </c>
      <c r="IP19" s="72">
        <v>7</v>
      </c>
      <c r="IQ19" s="72">
        <v>3</v>
      </c>
      <c r="IR19" s="72">
        <v>8</v>
      </c>
      <c r="IS19" s="73">
        <v>59</v>
      </c>
      <c r="IT19" s="74">
        <v>79</v>
      </c>
      <c r="IU19" s="71">
        <v>7</v>
      </c>
      <c r="IV19" s="72">
        <v>15</v>
      </c>
      <c r="IW19" s="73">
        <v>22</v>
      </c>
      <c r="IX19" s="274"/>
      <c r="IY19" s="72">
        <v>17</v>
      </c>
      <c r="IZ19" s="72">
        <v>20</v>
      </c>
      <c r="JA19" s="72">
        <v>11</v>
      </c>
      <c r="JB19" s="72">
        <v>5</v>
      </c>
      <c r="JC19" s="72">
        <v>5</v>
      </c>
      <c r="JD19" s="73">
        <v>58</v>
      </c>
      <c r="JE19" s="74">
        <v>80</v>
      </c>
      <c r="JF19" s="71">
        <v>5</v>
      </c>
      <c r="JG19" s="72">
        <v>4</v>
      </c>
      <c r="JH19" s="73">
        <v>9</v>
      </c>
      <c r="JI19" s="274"/>
      <c r="JJ19" s="72">
        <v>24</v>
      </c>
      <c r="JK19" s="72">
        <v>19</v>
      </c>
      <c r="JL19" s="72">
        <v>17</v>
      </c>
      <c r="JM19" s="72">
        <v>17</v>
      </c>
      <c r="JN19" s="72">
        <v>6</v>
      </c>
      <c r="JO19" s="73">
        <v>83</v>
      </c>
      <c r="JP19" s="74">
        <v>92</v>
      </c>
      <c r="JQ19" s="71">
        <v>0</v>
      </c>
      <c r="JR19" s="72">
        <v>0</v>
      </c>
      <c r="JS19" s="73">
        <v>0</v>
      </c>
      <c r="JT19" s="274"/>
      <c r="JU19" s="72">
        <v>0</v>
      </c>
      <c r="JV19" s="72">
        <v>0</v>
      </c>
      <c r="JW19" s="72">
        <v>0</v>
      </c>
      <c r="JX19" s="72">
        <v>0</v>
      </c>
      <c r="JY19" s="72">
        <v>0</v>
      </c>
      <c r="JZ19" s="73">
        <v>0</v>
      </c>
      <c r="KA19" s="74">
        <v>0</v>
      </c>
      <c r="KB19" s="71">
        <v>41</v>
      </c>
      <c r="KC19" s="72">
        <v>42</v>
      </c>
      <c r="KD19" s="73">
        <v>83</v>
      </c>
      <c r="KE19" s="274"/>
      <c r="KF19" s="72">
        <v>76</v>
      </c>
      <c r="KG19" s="72">
        <v>84</v>
      </c>
      <c r="KH19" s="72">
        <v>48</v>
      </c>
      <c r="KI19" s="72">
        <v>37</v>
      </c>
      <c r="KJ19" s="72">
        <v>25</v>
      </c>
      <c r="KK19" s="73">
        <v>270</v>
      </c>
      <c r="KL19" s="74">
        <v>353</v>
      </c>
    </row>
    <row r="20" spans="1:298" ht="19.5" customHeight="1" x14ac:dyDescent="0.2">
      <c r="A20" s="130" t="s">
        <v>17</v>
      </c>
      <c r="B20" s="347">
        <v>39</v>
      </c>
      <c r="C20" s="83">
        <v>50</v>
      </c>
      <c r="D20" s="84">
        <v>89</v>
      </c>
      <c r="E20" s="274"/>
      <c r="F20" s="83">
        <v>67</v>
      </c>
      <c r="G20" s="83">
        <v>93</v>
      </c>
      <c r="H20" s="83">
        <v>54</v>
      </c>
      <c r="I20" s="83">
        <v>41</v>
      </c>
      <c r="J20" s="83">
        <v>16</v>
      </c>
      <c r="K20" s="85">
        <v>271</v>
      </c>
      <c r="L20" s="86">
        <v>360</v>
      </c>
      <c r="M20" s="71">
        <v>1</v>
      </c>
      <c r="N20" s="72">
        <v>2</v>
      </c>
      <c r="O20" s="73">
        <v>3</v>
      </c>
      <c r="P20" s="277"/>
      <c r="Q20" s="72">
        <v>5</v>
      </c>
      <c r="R20" s="72">
        <v>7</v>
      </c>
      <c r="S20" s="72">
        <v>3</v>
      </c>
      <c r="T20" s="72">
        <v>3</v>
      </c>
      <c r="U20" s="72">
        <v>1</v>
      </c>
      <c r="V20" s="73">
        <v>19</v>
      </c>
      <c r="W20" s="74">
        <v>22</v>
      </c>
      <c r="X20" s="71">
        <v>6</v>
      </c>
      <c r="Y20" s="72">
        <v>3</v>
      </c>
      <c r="Z20" s="73">
        <v>9</v>
      </c>
      <c r="AA20" s="277"/>
      <c r="AB20" s="72">
        <v>6</v>
      </c>
      <c r="AC20" s="72">
        <v>10</v>
      </c>
      <c r="AD20" s="72">
        <v>8</v>
      </c>
      <c r="AE20" s="72">
        <v>4</v>
      </c>
      <c r="AF20" s="72">
        <v>3</v>
      </c>
      <c r="AG20" s="73">
        <v>31</v>
      </c>
      <c r="AH20" s="74">
        <v>40</v>
      </c>
      <c r="AI20" s="71">
        <v>4</v>
      </c>
      <c r="AJ20" s="72">
        <v>3</v>
      </c>
      <c r="AK20" s="73">
        <v>7</v>
      </c>
      <c r="AL20" s="277"/>
      <c r="AM20" s="72">
        <v>13</v>
      </c>
      <c r="AN20" s="72">
        <v>15</v>
      </c>
      <c r="AO20" s="72">
        <v>8</v>
      </c>
      <c r="AP20" s="72">
        <v>6</v>
      </c>
      <c r="AQ20" s="72">
        <v>1</v>
      </c>
      <c r="AR20" s="73">
        <v>43</v>
      </c>
      <c r="AS20" s="74">
        <v>50</v>
      </c>
      <c r="AT20" s="71">
        <v>7</v>
      </c>
      <c r="AU20" s="72">
        <v>11</v>
      </c>
      <c r="AV20" s="73">
        <v>18</v>
      </c>
      <c r="AW20" s="277"/>
      <c r="AX20" s="72">
        <v>14</v>
      </c>
      <c r="AY20" s="72">
        <v>19</v>
      </c>
      <c r="AZ20" s="72">
        <v>16</v>
      </c>
      <c r="BA20" s="72">
        <v>11</v>
      </c>
      <c r="BB20" s="72">
        <v>2</v>
      </c>
      <c r="BC20" s="73">
        <v>62</v>
      </c>
      <c r="BD20" s="74">
        <v>80</v>
      </c>
      <c r="BE20" s="71">
        <v>10</v>
      </c>
      <c r="BF20" s="72">
        <v>16</v>
      </c>
      <c r="BG20" s="73">
        <v>26</v>
      </c>
      <c r="BH20" s="277"/>
      <c r="BI20" s="72">
        <v>15</v>
      </c>
      <c r="BJ20" s="72">
        <v>22</v>
      </c>
      <c r="BK20" s="72">
        <v>11</v>
      </c>
      <c r="BL20" s="72">
        <v>11</v>
      </c>
      <c r="BM20" s="72">
        <v>7</v>
      </c>
      <c r="BN20" s="73">
        <v>66</v>
      </c>
      <c r="BO20" s="74">
        <v>92</v>
      </c>
      <c r="BP20" s="71">
        <v>11</v>
      </c>
      <c r="BQ20" s="72">
        <v>15</v>
      </c>
      <c r="BR20" s="73">
        <v>26</v>
      </c>
      <c r="BS20" s="277"/>
      <c r="BT20" s="72">
        <v>14</v>
      </c>
      <c r="BU20" s="72">
        <v>20</v>
      </c>
      <c r="BV20" s="72">
        <v>8</v>
      </c>
      <c r="BW20" s="72">
        <v>6</v>
      </c>
      <c r="BX20" s="72">
        <v>2</v>
      </c>
      <c r="BY20" s="73">
        <v>50</v>
      </c>
      <c r="BZ20" s="74">
        <v>76</v>
      </c>
      <c r="CA20" s="71">
        <v>0</v>
      </c>
      <c r="CB20" s="72">
        <v>0</v>
      </c>
      <c r="CC20" s="73">
        <v>0</v>
      </c>
      <c r="CD20" s="277"/>
      <c r="CE20" s="72">
        <v>0</v>
      </c>
      <c r="CF20" s="72">
        <v>0</v>
      </c>
      <c r="CG20" s="72">
        <v>0</v>
      </c>
      <c r="CH20" s="72">
        <v>0</v>
      </c>
      <c r="CI20" s="72">
        <v>0</v>
      </c>
      <c r="CJ20" s="73">
        <v>0</v>
      </c>
      <c r="CK20" s="74">
        <v>0</v>
      </c>
      <c r="CL20" s="71">
        <v>39</v>
      </c>
      <c r="CM20" s="72">
        <v>50</v>
      </c>
      <c r="CN20" s="73">
        <v>89</v>
      </c>
      <c r="CO20" s="277"/>
      <c r="CP20" s="72">
        <v>67</v>
      </c>
      <c r="CQ20" s="72">
        <v>93</v>
      </c>
      <c r="CR20" s="72">
        <v>54</v>
      </c>
      <c r="CS20" s="72">
        <v>41</v>
      </c>
      <c r="CT20" s="72">
        <v>16</v>
      </c>
      <c r="CU20" s="73">
        <v>271</v>
      </c>
      <c r="CV20" s="74">
        <v>360</v>
      </c>
      <c r="CW20" s="127">
        <v>21</v>
      </c>
      <c r="CX20" s="83">
        <v>21</v>
      </c>
      <c r="CY20" s="84">
        <v>42</v>
      </c>
      <c r="CZ20" s="274"/>
      <c r="DA20" s="83">
        <v>30</v>
      </c>
      <c r="DB20" s="83">
        <v>31</v>
      </c>
      <c r="DC20" s="83">
        <v>35</v>
      </c>
      <c r="DD20" s="83">
        <v>24</v>
      </c>
      <c r="DE20" s="83">
        <v>18</v>
      </c>
      <c r="DF20" s="85">
        <v>138</v>
      </c>
      <c r="DG20" s="86">
        <v>180</v>
      </c>
      <c r="DH20" s="71">
        <v>1</v>
      </c>
      <c r="DI20" s="72">
        <v>0</v>
      </c>
      <c r="DJ20" s="73">
        <v>1</v>
      </c>
      <c r="DK20" s="277"/>
      <c r="DL20" s="72">
        <v>0</v>
      </c>
      <c r="DM20" s="72">
        <v>1</v>
      </c>
      <c r="DN20" s="72">
        <v>0</v>
      </c>
      <c r="DO20" s="72">
        <v>0</v>
      </c>
      <c r="DP20" s="72">
        <v>1</v>
      </c>
      <c r="DQ20" s="73">
        <v>2</v>
      </c>
      <c r="DR20" s="74">
        <v>3</v>
      </c>
      <c r="DS20" s="71">
        <v>2</v>
      </c>
      <c r="DT20" s="72">
        <v>2</v>
      </c>
      <c r="DU20" s="73">
        <v>4</v>
      </c>
      <c r="DV20" s="277"/>
      <c r="DW20" s="72">
        <v>1</v>
      </c>
      <c r="DX20" s="72">
        <v>2</v>
      </c>
      <c r="DY20" s="72">
        <v>3</v>
      </c>
      <c r="DZ20" s="72">
        <v>0</v>
      </c>
      <c r="EA20" s="72">
        <v>1</v>
      </c>
      <c r="EB20" s="73">
        <v>7</v>
      </c>
      <c r="EC20" s="74">
        <v>11</v>
      </c>
      <c r="ED20" s="71">
        <v>4</v>
      </c>
      <c r="EE20" s="72">
        <v>6</v>
      </c>
      <c r="EF20" s="73">
        <v>10</v>
      </c>
      <c r="EG20" s="277"/>
      <c r="EH20" s="72">
        <v>4</v>
      </c>
      <c r="EI20" s="72">
        <v>0</v>
      </c>
      <c r="EJ20" s="72">
        <v>4</v>
      </c>
      <c r="EK20" s="72">
        <v>2</v>
      </c>
      <c r="EL20" s="72">
        <v>0</v>
      </c>
      <c r="EM20" s="73">
        <v>10</v>
      </c>
      <c r="EN20" s="74">
        <v>20</v>
      </c>
      <c r="EO20" s="71">
        <v>5</v>
      </c>
      <c r="EP20" s="72">
        <v>7</v>
      </c>
      <c r="EQ20" s="73">
        <v>12</v>
      </c>
      <c r="ER20" s="277"/>
      <c r="ES20" s="72">
        <v>11</v>
      </c>
      <c r="ET20" s="72">
        <v>6</v>
      </c>
      <c r="EU20" s="72">
        <v>7</v>
      </c>
      <c r="EV20" s="72">
        <v>3</v>
      </c>
      <c r="EW20" s="72">
        <v>3</v>
      </c>
      <c r="EX20" s="73">
        <v>30</v>
      </c>
      <c r="EY20" s="74">
        <v>42</v>
      </c>
      <c r="EZ20" s="71">
        <v>8</v>
      </c>
      <c r="FA20" s="72">
        <v>5</v>
      </c>
      <c r="FB20" s="73">
        <v>13</v>
      </c>
      <c r="FC20" s="277"/>
      <c r="FD20" s="72">
        <v>7</v>
      </c>
      <c r="FE20" s="72">
        <v>5</v>
      </c>
      <c r="FF20" s="72">
        <v>11</v>
      </c>
      <c r="FG20" s="72">
        <v>5</v>
      </c>
      <c r="FH20" s="72">
        <v>4</v>
      </c>
      <c r="FI20" s="73">
        <v>32</v>
      </c>
      <c r="FJ20" s="74">
        <v>45</v>
      </c>
      <c r="FK20" s="71">
        <v>1</v>
      </c>
      <c r="FL20" s="72">
        <v>1</v>
      </c>
      <c r="FM20" s="73">
        <v>2</v>
      </c>
      <c r="FN20" s="277"/>
      <c r="FO20" s="72">
        <v>7</v>
      </c>
      <c r="FP20" s="72">
        <v>17</v>
      </c>
      <c r="FQ20" s="72">
        <v>10</v>
      </c>
      <c r="FR20" s="72">
        <v>14</v>
      </c>
      <c r="FS20" s="72">
        <v>9</v>
      </c>
      <c r="FT20" s="73">
        <v>57</v>
      </c>
      <c r="FU20" s="74">
        <v>59</v>
      </c>
      <c r="FV20" s="71">
        <v>0</v>
      </c>
      <c r="FW20" s="72">
        <v>0</v>
      </c>
      <c r="FX20" s="73">
        <v>0</v>
      </c>
      <c r="FY20" s="277"/>
      <c r="FZ20" s="72">
        <v>0</v>
      </c>
      <c r="GA20" s="72">
        <v>0</v>
      </c>
      <c r="GB20" s="72">
        <v>0</v>
      </c>
      <c r="GC20" s="72">
        <v>0</v>
      </c>
      <c r="GD20" s="72">
        <v>0</v>
      </c>
      <c r="GE20" s="73">
        <v>0</v>
      </c>
      <c r="GF20" s="74">
        <v>0</v>
      </c>
      <c r="GG20" s="71">
        <v>21</v>
      </c>
      <c r="GH20" s="72">
        <v>21</v>
      </c>
      <c r="GI20" s="73">
        <v>42</v>
      </c>
      <c r="GJ20" s="277"/>
      <c r="GK20" s="72">
        <v>30</v>
      </c>
      <c r="GL20" s="72">
        <v>31</v>
      </c>
      <c r="GM20" s="72">
        <v>35</v>
      </c>
      <c r="GN20" s="72">
        <v>24</v>
      </c>
      <c r="GO20" s="72">
        <v>18</v>
      </c>
      <c r="GP20" s="73">
        <v>138</v>
      </c>
      <c r="GQ20" s="74">
        <v>180</v>
      </c>
      <c r="GR20" s="127">
        <v>60</v>
      </c>
      <c r="GS20" s="83">
        <v>71</v>
      </c>
      <c r="GT20" s="84">
        <v>131</v>
      </c>
      <c r="GU20" s="274"/>
      <c r="GV20" s="83">
        <v>97</v>
      </c>
      <c r="GW20" s="83">
        <v>124</v>
      </c>
      <c r="GX20" s="83">
        <v>89</v>
      </c>
      <c r="GY20" s="83">
        <v>65</v>
      </c>
      <c r="GZ20" s="83">
        <v>34</v>
      </c>
      <c r="HA20" s="85">
        <v>409</v>
      </c>
      <c r="HB20" s="86">
        <v>540</v>
      </c>
      <c r="HC20" s="71">
        <v>2</v>
      </c>
      <c r="HD20" s="72">
        <v>2</v>
      </c>
      <c r="HE20" s="73">
        <v>4</v>
      </c>
      <c r="HF20" s="274"/>
      <c r="HG20" s="72">
        <v>5</v>
      </c>
      <c r="HH20" s="72">
        <v>8</v>
      </c>
      <c r="HI20" s="72">
        <v>3</v>
      </c>
      <c r="HJ20" s="72">
        <v>3</v>
      </c>
      <c r="HK20" s="72">
        <v>2</v>
      </c>
      <c r="HL20" s="73">
        <v>21</v>
      </c>
      <c r="HM20" s="74">
        <v>25</v>
      </c>
      <c r="HN20" s="71">
        <v>8</v>
      </c>
      <c r="HO20" s="72">
        <v>5</v>
      </c>
      <c r="HP20" s="73">
        <v>13</v>
      </c>
      <c r="HQ20" s="277"/>
      <c r="HR20" s="72">
        <v>7</v>
      </c>
      <c r="HS20" s="72">
        <v>12</v>
      </c>
      <c r="HT20" s="72">
        <v>11</v>
      </c>
      <c r="HU20" s="72">
        <v>4</v>
      </c>
      <c r="HV20" s="72">
        <v>4</v>
      </c>
      <c r="HW20" s="73">
        <v>38</v>
      </c>
      <c r="HX20" s="74">
        <v>51</v>
      </c>
      <c r="HY20" s="71">
        <v>8</v>
      </c>
      <c r="HZ20" s="72">
        <v>9</v>
      </c>
      <c r="IA20" s="73">
        <v>17</v>
      </c>
      <c r="IB20" s="277"/>
      <c r="IC20" s="72">
        <v>17</v>
      </c>
      <c r="ID20" s="72">
        <v>15</v>
      </c>
      <c r="IE20" s="72">
        <v>12</v>
      </c>
      <c r="IF20" s="72">
        <v>8</v>
      </c>
      <c r="IG20" s="72">
        <v>1</v>
      </c>
      <c r="IH20" s="73">
        <v>53</v>
      </c>
      <c r="II20" s="74">
        <v>70</v>
      </c>
      <c r="IJ20" s="71">
        <v>12</v>
      </c>
      <c r="IK20" s="72">
        <v>18</v>
      </c>
      <c r="IL20" s="73">
        <v>30</v>
      </c>
      <c r="IM20" s="277"/>
      <c r="IN20" s="72">
        <v>25</v>
      </c>
      <c r="IO20" s="72">
        <v>25</v>
      </c>
      <c r="IP20" s="72">
        <v>23</v>
      </c>
      <c r="IQ20" s="72">
        <v>14</v>
      </c>
      <c r="IR20" s="72">
        <v>5</v>
      </c>
      <c r="IS20" s="73">
        <v>92</v>
      </c>
      <c r="IT20" s="74">
        <v>122</v>
      </c>
      <c r="IU20" s="71">
        <v>18</v>
      </c>
      <c r="IV20" s="72">
        <v>21</v>
      </c>
      <c r="IW20" s="73">
        <v>39</v>
      </c>
      <c r="IX20" s="274"/>
      <c r="IY20" s="72">
        <v>22</v>
      </c>
      <c r="IZ20" s="72">
        <v>27</v>
      </c>
      <c r="JA20" s="72">
        <v>22</v>
      </c>
      <c r="JB20" s="72">
        <v>16</v>
      </c>
      <c r="JC20" s="72">
        <v>11</v>
      </c>
      <c r="JD20" s="73">
        <v>98</v>
      </c>
      <c r="JE20" s="74">
        <v>137</v>
      </c>
      <c r="JF20" s="71">
        <v>12</v>
      </c>
      <c r="JG20" s="72">
        <v>16</v>
      </c>
      <c r="JH20" s="73">
        <v>28</v>
      </c>
      <c r="JI20" s="274"/>
      <c r="JJ20" s="72">
        <v>21</v>
      </c>
      <c r="JK20" s="72">
        <v>37</v>
      </c>
      <c r="JL20" s="72">
        <v>18</v>
      </c>
      <c r="JM20" s="72">
        <v>20</v>
      </c>
      <c r="JN20" s="72">
        <v>11</v>
      </c>
      <c r="JO20" s="73">
        <v>107</v>
      </c>
      <c r="JP20" s="74">
        <v>135</v>
      </c>
      <c r="JQ20" s="71">
        <v>0</v>
      </c>
      <c r="JR20" s="72">
        <v>0</v>
      </c>
      <c r="JS20" s="73">
        <v>0</v>
      </c>
      <c r="JT20" s="274"/>
      <c r="JU20" s="72">
        <v>0</v>
      </c>
      <c r="JV20" s="72">
        <v>0</v>
      </c>
      <c r="JW20" s="72">
        <v>0</v>
      </c>
      <c r="JX20" s="72">
        <v>0</v>
      </c>
      <c r="JY20" s="72">
        <v>0</v>
      </c>
      <c r="JZ20" s="73">
        <v>0</v>
      </c>
      <c r="KA20" s="74">
        <v>0</v>
      </c>
      <c r="KB20" s="71">
        <v>60</v>
      </c>
      <c r="KC20" s="72">
        <v>71</v>
      </c>
      <c r="KD20" s="73">
        <v>131</v>
      </c>
      <c r="KE20" s="274"/>
      <c r="KF20" s="72">
        <v>97</v>
      </c>
      <c r="KG20" s="72">
        <v>124</v>
      </c>
      <c r="KH20" s="72">
        <v>89</v>
      </c>
      <c r="KI20" s="72">
        <v>65</v>
      </c>
      <c r="KJ20" s="72">
        <v>34</v>
      </c>
      <c r="KK20" s="73">
        <v>409</v>
      </c>
      <c r="KL20" s="74">
        <v>540</v>
      </c>
    </row>
    <row r="21" spans="1:298" ht="19.5" customHeight="1" x14ac:dyDescent="0.2">
      <c r="A21" s="130" t="s">
        <v>18</v>
      </c>
      <c r="B21" s="347">
        <v>56</v>
      </c>
      <c r="C21" s="83">
        <v>46</v>
      </c>
      <c r="D21" s="84">
        <v>102</v>
      </c>
      <c r="E21" s="274"/>
      <c r="F21" s="83">
        <v>111</v>
      </c>
      <c r="G21" s="83">
        <v>96</v>
      </c>
      <c r="H21" s="83">
        <v>38</v>
      </c>
      <c r="I21" s="83">
        <v>50</v>
      </c>
      <c r="J21" s="83">
        <v>24</v>
      </c>
      <c r="K21" s="85">
        <v>319</v>
      </c>
      <c r="L21" s="86">
        <v>421</v>
      </c>
      <c r="M21" s="71">
        <v>2</v>
      </c>
      <c r="N21" s="72">
        <v>3</v>
      </c>
      <c r="O21" s="73">
        <v>5</v>
      </c>
      <c r="P21" s="277"/>
      <c r="Q21" s="72">
        <v>4</v>
      </c>
      <c r="R21" s="72">
        <v>5</v>
      </c>
      <c r="S21" s="72">
        <v>5</v>
      </c>
      <c r="T21" s="72">
        <v>2</v>
      </c>
      <c r="U21" s="72">
        <v>2</v>
      </c>
      <c r="V21" s="73">
        <v>18</v>
      </c>
      <c r="W21" s="74">
        <v>23</v>
      </c>
      <c r="X21" s="71">
        <v>8</v>
      </c>
      <c r="Y21" s="72">
        <v>5</v>
      </c>
      <c r="Z21" s="73">
        <v>13</v>
      </c>
      <c r="AA21" s="277"/>
      <c r="AB21" s="72">
        <v>10</v>
      </c>
      <c r="AC21" s="72">
        <v>16</v>
      </c>
      <c r="AD21" s="72">
        <v>4</v>
      </c>
      <c r="AE21" s="72">
        <v>7</v>
      </c>
      <c r="AF21" s="72">
        <v>1</v>
      </c>
      <c r="AG21" s="73">
        <v>38</v>
      </c>
      <c r="AH21" s="74">
        <v>51</v>
      </c>
      <c r="AI21" s="71">
        <v>7</v>
      </c>
      <c r="AJ21" s="72">
        <v>1</v>
      </c>
      <c r="AK21" s="73">
        <v>8</v>
      </c>
      <c r="AL21" s="277"/>
      <c r="AM21" s="72">
        <v>15</v>
      </c>
      <c r="AN21" s="72">
        <v>12</v>
      </c>
      <c r="AO21" s="72">
        <v>6</v>
      </c>
      <c r="AP21" s="72">
        <v>6</v>
      </c>
      <c r="AQ21" s="72">
        <v>5</v>
      </c>
      <c r="AR21" s="73">
        <v>44</v>
      </c>
      <c r="AS21" s="74">
        <v>52</v>
      </c>
      <c r="AT21" s="71">
        <v>14</v>
      </c>
      <c r="AU21" s="72">
        <v>9</v>
      </c>
      <c r="AV21" s="73">
        <v>23</v>
      </c>
      <c r="AW21" s="277"/>
      <c r="AX21" s="72">
        <v>27</v>
      </c>
      <c r="AY21" s="72">
        <v>24</v>
      </c>
      <c r="AZ21" s="72">
        <v>7</v>
      </c>
      <c r="BA21" s="72">
        <v>14</v>
      </c>
      <c r="BB21" s="72">
        <v>4</v>
      </c>
      <c r="BC21" s="73">
        <v>76</v>
      </c>
      <c r="BD21" s="74">
        <v>99</v>
      </c>
      <c r="BE21" s="71">
        <v>12</v>
      </c>
      <c r="BF21" s="72">
        <v>12</v>
      </c>
      <c r="BG21" s="73">
        <v>24</v>
      </c>
      <c r="BH21" s="277"/>
      <c r="BI21" s="72">
        <v>30</v>
      </c>
      <c r="BJ21" s="72">
        <v>16</v>
      </c>
      <c r="BK21" s="72">
        <v>8</v>
      </c>
      <c r="BL21" s="72">
        <v>7</v>
      </c>
      <c r="BM21" s="72">
        <v>6</v>
      </c>
      <c r="BN21" s="73">
        <v>67</v>
      </c>
      <c r="BO21" s="74">
        <v>91</v>
      </c>
      <c r="BP21" s="71">
        <v>13</v>
      </c>
      <c r="BQ21" s="72">
        <v>16</v>
      </c>
      <c r="BR21" s="73">
        <v>29</v>
      </c>
      <c r="BS21" s="277"/>
      <c r="BT21" s="72">
        <v>25</v>
      </c>
      <c r="BU21" s="72">
        <v>23</v>
      </c>
      <c r="BV21" s="72">
        <v>8</v>
      </c>
      <c r="BW21" s="72">
        <v>14</v>
      </c>
      <c r="BX21" s="72">
        <v>6</v>
      </c>
      <c r="BY21" s="73">
        <v>76</v>
      </c>
      <c r="BZ21" s="74">
        <v>105</v>
      </c>
      <c r="CA21" s="71">
        <v>0</v>
      </c>
      <c r="CB21" s="72">
        <v>0</v>
      </c>
      <c r="CC21" s="73">
        <v>0</v>
      </c>
      <c r="CD21" s="277"/>
      <c r="CE21" s="72">
        <v>0</v>
      </c>
      <c r="CF21" s="72">
        <v>0</v>
      </c>
      <c r="CG21" s="72">
        <v>0</v>
      </c>
      <c r="CH21" s="72">
        <v>0</v>
      </c>
      <c r="CI21" s="72">
        <v>0</v>
      </c>
      <c r="CJ21" s="73">
        <v>0</v>
      </c>
      <c r="CK21" s="74">
        <v>0</v>
      </c>
      <c r="CL21" s="71">
        <v>56</v>
      </c>
      <c r="CM21" s="72">
        <v>46</v>
      </c>
      <c r="CN21" s="73">
        <v>102</v>
      </c>
      <c r="CO21" s="277"/>
      <c r="CP21" s="72">
        <v>111</v>
      </c>
      <c r="CQ21" s="72">
        <v>96</v>
      </c>
      <c r="CR21" s="72">
        <v>38</v>
      </c>
      <c r="CS21" s="72">
        <v>50</v>
      </c>
      <c r="CT21" s="72">
        <v>24</v>
      </c>
      <c r="CU21" s="73">
        <v>319</v>
      </c>
      <c r="CV21" s="74">
        <v>421</v>
      </c>
      <c r="CW21" s="127">
        <v>24</v>
      </c>
      <c r="CX21" s="83">
        <v>29</v>
      </c>
      <c r="CY21" s="84">
        <v>53</v>
      </c>
      <c r="CZ21" s="274"/>
      <c r="DA21" s="83">
        <v>34</v>
      </c>
      <c r="DB21" s="83">
        <v>51</v>
      </c>
      <c r="DC21" s="83">
        <v>31</v>
      </c>
      <c r="DD21" s="83">
        <v>27</v>
      </c>
      <c r="DE21" s="83">
        <v>22</v>
      </c>
      <c r="DF21" s="85">
        <v>165</v>
      </c>
      <c r="DG21" s="86">
        <v>218</v>
      </c>
      <c r="DH21" s="71">
        <v>0</v>
      </c>
      <c r="DI21" s="72">
        <v>2</v>
      </c>
      <c r="DJ21" s="73">
        <v>2</v>
      </c>
      <c r="DK21" s="277"/>
      <c r="DL21" s="72">
        <v>1</v>
      </c>
      <c r="DM21" s="72">
        <v>0</v>
      </c>
      <c r="DN21" s="72">
        <v>1</v>
      </c>
      <c r="DO21" s="72">
        <v>0</v>
      </c>
      <c r="DP21" s="72">
        <v>1</v>
      </c>
      <c r="DQ21" s="73">
        <v>3</v>
      </c>
      <c r="DR21" s="74">
        <v>5</v>
      </c>
      <c r="DS21" s="71">
        <v>5</v>
      </c>
      <c r="DT21" s="72">
        <v>5</v>
      </c>
      <c r="DU21" s="73">
        <v>10</v>
      </c>
      <c r="DV21" s="277"/>
      <c r="DW21" s="72">
        <v>2</v>
      </c>
      <c r="DX21" s="72">
        <v>2</v>
      </c>
      <c r="DY21" s="72">
        <v>2</v>
      </c>
      <c r="DZ21" s="72">
        <v>0</v>
      </c>
      <c r="EA21" s="72">
        <v>0</v>
      </c>
      <c r="EB21" s="73">
        <v>6</v>
      </c>
      <c r="EC21" s="74">
        <v>16</v>
      </c>
      <c r="ED21" s="71">
        <v>8</v>
      </c>
      <c r="EE21" s="72">
        <v>5</v>
      </c>
      <c r="EF21" s="73">
        <v>13</v>
      </c>
      <c r="EG21" s="277"/>
      <c r="EH21" s="72">
        <v>5</v>
      </c>
      <c r="EI21" s="72">
        <v>3</v>
      </c>
      <c r="EJ21" s="72">
        <v>2</v>
      </c>
      <c r="EK21" s="72">
        <v>2</v>
      </c>
      <c r="EL21" s="72">
        <v>1</v>
      </c>
      <c r="EM21" s="73">
        <v>13</v>
      </c>
      <c r="EN21" s="74">
        <v>26</v>
      </c>
      <c r="EO21" s="71">
        <v>7</v>
      </c>
      <c r="EP21" s="72">
        <v>4</v>
      </c>
      <c r="EQ21" s="73">
        <v>11</v>
      </c>
      <c r="ER21" s="277"/>
      <c r="ES21" s="72">
        <v>8</v>
      </c>
      <c r="ET21" s="72">
        <v>7</v>
      </c>
      <c r="EU21" s="72">
        <v>5</v>
      </c>
      <c r="EV21" s="72">
        <v>6</v>
      </c>
      <c r="EW21" s="72">
        <v>5</v>
      </c>
      <c r="EX21" s="73">
        <v>31</v>
      </c>
      <c r="EY21" s="74">
        <v>42</v>
      </c>
      <c r="EZ21" s="71">
        <v>3</v>
      </c>
      <c r="FA21" s="72">
        <v>9</v>
      </c>
      <c r="FB21" s="73">
        <v>12</v>
      </c>
      <c r="FC21" s="277"/>
      <c r="FD21" s="72">
        <v>12</v>
      </c>
      <c r="FE21" s="72">
        <v>20</v>
      </c>
      <c r="FF21" s="72">
        <v>4</v>
      </c>
      <c r="FG21" s="72">
        <v>6</v>
      </c>
      <c r="FH21" s="72">
        <v>4</v>
      </c>
      <c r="FI21" s="73">
        <v>46</v>
      </c>
      <c r="FJ21" s="74">
        <v>58</v>
      </c>
      <c r="FK21" s="71">
        <v>1</v>
      </c>
      <c r="FL21" s="72">
        <v>4</v>
      </c>
      <c r="FM21" s="73">
        <v>5</v>
      </c>
      <c r="FN21" s="277"/>
      <c r="FO21" s="72">
        <v>6</v>
      </c>
      <c r="FP21" s="72">
        <v>19</v>
      </c>
      <c r="FQ21" s="72">
        <v>17</v>
      </c>
      <c r="FR21" s="72">
        <v>13</v>
      </c>
      <c r="FS21" s="72">
        <v>11</v>
      </c>
      <c r="FT21" s="73">
        <v>66</v>
      </c>
      <c r="FU21" s="74">
        <v>71</v>
      </c>
      <c r="FV21" s="71">
        <v>0</v>
      </c>
      <c r="FW21" s="72">
        <v>0</v>
      </c>
      <c r="FX21" s="73">
        <v>0</v>
      </c>
      <c r="FY21" s="277"/>
      <c r="FZ21" s="72">
        <v>0</v>
      </c>
      <c r="GA21" s="72">
        <v>0</v>
      </c>
      <c r="GB21" s="72">
        <v>0</v>
      </c>
      <c r="GC21" s="72">
        <v>0</v>
      </c>
      <c r="GD21" s="72">
        <v>0</v>
      </c>
      <c r="GE21" s="73">
        <v>0</v>
      </c>
      <c r="GF21" s="74">
        <v>0</v>
      </c>
      <c r="GG21" s="71">
        <v>24</v>
      </c>
      <c r="GH21" s="72">
        <v>29</v>
      </c>
      <c r="GI21" s="73">
        <v>53</v>
      </c>
      <c r="GJ21" s="277"/>
      <c r="GK21" s="72">
        <v>34</v>
      </c>
      <c r="GL21" s="72">
        <v>51</v>
      </c>
      <c r="GM21" s="72">
        <v>31</v>
      </c>
      <c r="GN21" s="72">
        <v>27</v>
      </c>
      <c r="GO21" s="72">
        <v>22</v>
      </c>
      <c r="GP21" s="73">
        <v>165</v>
      </c>
      <c r="GQ21" s="74">
        <v>218</v>
      </c>
      <c r="GR21" s="127">
        <v>80</v>
      </c>
      <c r="GS21" s="83">
        <v>75</v>
      </c>
      <c r="GT21" s="84">
        <v>155</v>
      </c>
      <c r="GU21" s="274"/>
      <c r="GV21" s="83">
        <v>145</v>
      </c>
      <c r="GW21" s="83">
        <v>147</v>
      </c>
      <c r="GX21" s="83">
        <v>69</v>
      </c>
      <c r="GY21" s="83">
        <v>77</v>
      </c>
      <c r="GZ21" s="83">
        <v>46</v>
      </c>
      <c r="HA21" s="85">
        <v>484</v>
      </c>
      <c r="HB21" s="86">
        <v>639</v>
      </c>
      <c r="HC21" s="71">
        <v>2</v>
      </c>
      <c r="HD21" s="72">
        <v>5</v>
      </c>
      <c r="HE21" s="73">
        <v>7</v>
      </c>
      <c r="HF21" s="274"/>
      <c r="HG21" s="72">
        <v>5</v>
      </c>
      <c r="HH21" s="72">
        <v>5</v>
      </c>
      <c r="HI21" s="72">
        <v>6</v>
      </c>
      <c r="HJ21" s="72">
        <v>2</v>
      </c>
      <c r="HK21" s="72">
        <v>3</v>
      </c>
      <c r="HL21" s="73">
        <v>21</v>
      </c>
      <c r="HM21" s="74">
        <v>28</v>
      </c>
      <c r="HN21" s="71">
        <v>13</v>
      </c>
      <c r="HO21" s="72">
        <v>10</v>
      </c>
      <c r="HP21" s="73">
        <v>23</v>
      </c>
      <c r="HQ21" s="277"/>
      <c r="HR21" s="72">
        <v>12</v>
      </c>
      <c r="HS21" s="72">
        <v>18</v>
      </c>
      <c r="HT21" s="72">
        <v>6</v>
      </c>
      <c r="HU21" s="72">
        <v>7</v>
      </c>
      <c r="HV21" s="72">
        <v>1</v>
      </c>
      <c r="HW21" s="73">
        <v>44</v>
      </c>
      <c r="HX21" s="74">
        <v>67</v>
      </c>
      <c r="HY21" s="71">
        <v>15</v>
      </c>
      <c r="HZ21" s="72">
        <v>6</v>
      </c>
      <c r="IA21" s="73">
        <v>21</v>
      </c>
      <c r="IB21" s="277"/>
      <c r="IC21" s="72">
        <v>20</v>
      </c>
      <c r="ID21" s="72">
        <v>15</v>
      </c>
      <c r="IE21" s="72">
        <v>8</v>
      </c>
      <c r="IF21" s="72">
        <v>8</v>
      </c>
      <c r="IG21" s="72">
        <v>6</v>
      </c>
      <c r="IH21" s="73">
        <v>57</v>
      </c>
      <c r="II21" s="74">
        <v>78</v>
      </c>
      <c r="IJ21" s="71">
        <v>21</v>
      </c>
      <c r="IK21" s="72">
        <v>13</v>
      </c>
      <c r="IL21" s="73">
        <v>34</v>
      </c>
      <c r="IM21" s="277"/>
      <c r="IN21" s="72">
        <v>35</v>
      </c>
      <c r="IO21" s="72">
        <v>31</v>
      </c>
      <c r="IP21" s="72">
        <v>12</v>
      </c>
      <c r="IQ21" s="72">
        <v>20</v>
      </c>
      <c r="IR21" s="72">
        <v>9</v>
      </c>
      <c r="IS21" s="73">
        <v>107</v>
      </c>
      <c r="IT21" s="74">
        <v>141</v>
      </c>
      <c r="IU21" s="71">
        <v>15</v>
      </c>
      <c r="IV21" s="72">
        <v>21</v>
      </c>
      <c r="IW21" s="73">
        <v>36</v>
      </c>
      <c r="IX21" s="274"/>
      <c r="IY21" s="72">
        <v>42</v>
      </c>
      <c r="IZ21" s="72">
        <v>36</v>
      </c>
      <c r="JA21" s="72">
        <v>12</v>
      </c>
      <c r="JB21" s="72">
        <v>13</v>
      </c>
      <c r="JC21" s="72">
        <v>10</v>
      </c>
      <c r="JD21" s="73">
        <v>113</v>
      </c>
      <c r="JE21" s="74">
        <v>149</v>
      </c>
      <c r="JF21" s="71">
        <v>14</v>
      </c>
      <c r="JG21" s="72">
        <v>20</v>
      </c>
      <c r="JH21" s="73">
        <v>34</v>
      </c>
      <c r="JI21" s="274"/>
      <c r="JJ21" s="72">
        <v>31</v>
      </c>
      <c r="JK21" s="72">
        <v>42</v>
      </c>
      <c r="JL21" s="72">
        <v>25</v>
      </c>
      <c r="JM21" s="72">
        <v>27</v>
      </c>
      <c r="JN21" s="72">
        <v>17</v>
      </c>
      <c r="JO21" s="73">
        <v>142</v>
      </c>
      <c r="JP21" s="74">
        <v>176</v>
      </c>
      <c r="JQ21" s="71">
        <v>0</v>
      </c>
      <c r="JR21" s="72">
        <v>0</v>
      </c>
      <c r="JS21" s="73">
        <v>0</v>
      </c>
      <c r="JT21" s="274"/>
      <c r="JU21" s="72">
        <v>0</v>
      </c>
      <c r="JV21" s="72">
        <v>0</v>
      </c>
      <c r="JW21" s="72">
        <v>0</v>
      </c>
      <c r="JX21" s="72">
        <v>0</v>
      </c>
      <c r="JY21" s="72">
        <v>0</v>
      </c>
      <c r="JZ21" s="73">
        <v>0</v>
      </c>
      <c r="KA21" s="74">
        <v>0</v>
      </c>
      <c r="KB21" s="71">
        <v>80</v>
      </c>
      <c r="KC21" s="72">
        <v>75</v>
      </c>
      <c r="KD21" s="73">
        <v>155</v>
      </c>
      <c r="KE21" s="274"/>
      <c r="KF21" s="72">
        <v>145</v>
      </c>
      <c r="KG21" s="72">
        <v>147</v>
      </c>
      <c r="KH21" s="72">
        <v>69</v>
      </c>
      <c r="KI21" s="72">
        <v>77</v>
      </c>
      <c r="KJ21" s="72">
        <v>46</v>
      </c>
      <c r="KK21" s="73">
        <v>484</v>
      </c>
      <c r="KL21" s="74">
        <v>639</v>
      </c>
    </row>
    <row r="22" spans="1:298" ht="19.5" customHeight="1" x14ac:dyDescent="0.2">
      <c r="A22" s="130" t="s">
        <v>19</v>
      </c>
      <c r="B22" s="347">
        <v>20</v>
      </c>
      <c r="C22" s="83">
        <v>24</v>
      </c>
      <c r="D22" s="84">
        <v>44</v>
      </c>
      <c r="E22" s="274"/>
      <c r="F22" s="83">
        <v>45</v>
      </c>
      <c r="G22" s="83">
        <v>32</v>
      </c>
      <c r="H22" s="83">
        <v>27</v>
      </c>
      <c r="I22" s="83">
        <v>11</v>
      </c>
      <c r="J22" s="83">
        <v>14</v>
      </c>
      <c r="K22" s="85">
        <v>129</v>
      </c>
      <c r="L22" s="86">
        <v>173</v>
      </c>
      <c r="M22" s="87">
        <v>2</v>
      </c>
      <c r="N22" s="72">
        <v>0</v>
      </c>
      <c r="O22" s="73">
        <v>2</v>
      </c>
      <c r="P22" s="277"/>
      <c r="Q22" s="72">
        <v>1</v>
      </c>
      <c r="R22" s="72">
        <v>1</v>
      </c>
      <c r="S22" s="72">
        <v>0</v>
      </c>
      <c r="T22" s="72">
        <v>0</v>
      </c>
      <c r="U22" s="72">
        <v>2</v>
      </c>
      <c r="V22" s="73">
        <v>4</v>
      </c>
      <c r="W22" s="74">
        <v>6</v>
      </c>
      <c r="X22" s="71">
        <v>1</v>
      </c>
      <c r="Y22" s="72">
        <v>0</v>
      </c>
      <c r="Z22" s="73">
        <v>1</v>
      </c>
      <c r="AA22" s="277"/>
      <c r="AB22" s="72">
        <v>5</v>
      </c>
      <c r="AC22" s="72">
        <v>7</v>
      </c>
      <c r="AD22" s="72">
        <v>3</v>
      </c>
      <c r="AE22" s="72">
        <v>3</v>
      </c>
      <c r="AF22" s="72">
        <v>1</v>
      </c>
      <c r="AG22" s="73">
        <v>19</v>
      </c>
      <c r="AH22" s="74">
        <v>20</v>
      </c>
      <c r="AI22" s="87">
        <v>3</v>
      </c>
      <c r="AJ22" s="72">
        <v>1</v>
      </c>
      <c r="AK22" s="73">
        <v>4</v>
      </c>
      <c r="AL22" s="277"/>
      <c r="AM22" s="72">
        <v>6</v>
      </c>
      <c r="AN22" s="72">
        <v>2</v>
      </c>
      <c r="AO22" s="72">
        <v>0</v>
      </c>
      <c r="AP22" s="72">
        <v>2</v>
      </c>
      <c r="AQ22" s="72">
        <v>1</v>
      </c>
      <c r="AR22" s="73">
        <v>11</v>
      </c>
      <c r="AS22" s="74">
        <v>15</v>
      </c>
      <c r="AT22" s="71">
        <v>3</v>
      </c>
      <c r="AU22" s="72">
        <v>5</v>
      </c>
      <c r="AV22" s="73">
        <v>8</v>
      </c>
      <c r="AW22" s="277"/>
      <c r="AX22" s="72">
        <v>8</v>
      </c>
      <c r="AY22" s="72">
        <v>4</v>
      </c>
      <c r="AZ22" s="72">
        <v>4</v>
      </c>
      <c r="BA22" s="72">
        <v>2</v>
      </c>
      <c r="BB22" s="72">
        <v>1</v>
      </c>
      <c r="BC22" s="73">
        <v>19</v>
      </c>
      <c r="BD22" s="74">
        <v>27</v>
      </c>
      <c r="BE22" s="87">
        <v>10</v>
      </c>
      <c r="BF22" s="72">
        <v>8</v>
      </c>
      <c r="BG22" s="73">
        <v>18</v>
      </c>
      <c r="BH22" s="277"/>
      <c r="BI22" s="72">
        <v>11</v>
      </c>
      <c r="BJ22" s="72">
        <v>7</v>
      </c>
      <c r="BK22" s="72">
        <v>9</v>
      </c>
      <c r="BL22" s="72">
        <v>3</v>
      </c>
      <c r="BM22" s="72">
        <v>4</v>
      </c>
      <c r="BN22" s="73">
        <v>34</v>
      </c>
      <c r="BO22" s="74">
        <v>52</v>
      </c>
      <c r="BP22" s="71">
        <v>1</v>
      </c>
      <c r="BQ22" s="72">
        <v>10</v>
      </c>
      <c r="BR22" s="73">
        <v>11</v>
      </c>
      <c r="BS22" s="277"/>
      <c r="BT22" s="72">
        <v>14</v>
      </c>
      <c r="BU22" s="72">
        <v>11</v>
      </c>
      <c r="BV22" s="72">
        <v>11</v>
      </c>
      <c r="BW22" s="72">
        <v>1</v>
      </c>
      <c r="BX22" s="72">
        <v>5</v>
      </c>
      <c r="BY22" s="73">
        <v>42</v>
      </c>
      <c r="BZ22" s="74">
        <v>53</v>
      </c>
      <c r="CA22" s="71">
        <v>0</v>
      </c>
      <c r="CB22" s="72">
        <v>0</v>
      </c>
      <c r="CC22" s="73">
        <v>0</v>
      </c>
      <c r="CD22" s="277"/>
      <c r="CE22" s="72">
        <v>0</v>
      </c>
      <c r="CF22" s="72">
        <v>0</v>
      </c>
      <c r="CG22" s="72">
        <v>0</v>
      </c>
      <c r="CH22" s="72">
        <v>0</v>
      </c>
      <c r="CI22" s="72">
        <v>0</v>
      </c>
      <c r="CJ22" s="73">
        <v>0</v>
      </c>
      <c r="CK22" s="74">
        <v>0</v>
      </c>
      <c r="CL22" s="71">
        <v>20</v>
      </c>
      <c r="CM22" s="72">
        <v>24</v>
      </c>
      <c r="CN22" s="73">
        <v>44</v>
      </c>
      <c r="CO22" s="277"/>
      <c r="CP22" s="72">
        <v>45</v>
      </c>
      <c r="CQ22" s="72">
        <v>32</v>
      </c>
      <c r="CR22" s="72">
        <v>27</v>
      </c>
      <c r="CS22" s="72">
        <v>11</v>
      </c>
      <c r="CT22" s="72">
        <v>14</v>
      </c>
      <c r="CU22" s="73">
        <v>129</v>
      </c>
      <c r="CV22" s="74">
        <v>173</v>
      </c>
      <c r="CW22" s="127">
        <v>7</v>
      </c>
      <c r="CX22" s="83">
        <v>12</v>
      </c>
      <c r="CY22" s="84">
        <v>19</v>
      </c>
      <c r="CZ22" s="274"/>
      <c r="DA22" s="83">
        <v>18</v>
      </c>
      <c r="DB22" s="83">
        <v>10</v>
      </c>
      <c r="DC22" s="83">
        <v>9</v>
      </c>
      <c r="DD22" s="83">
        <v>9</v>
      </c>
      <c r="DE22" s="83">
        <v>2</v>
      </c>
      <c r="DF22" s="85">
        <v>48</v>
      </c>
      <c r="DG22" s="86">
        <v>67</v>
      </c>
      <c r="DH22" s="87">
        <v>0</v>
      </c>
      <c r="DI22" s="72">
        <v>1</v>
      </c>
      <c r="DJ22" s="73">
        <v>1</v>
      </c>
      <c r="DK22" s="277"/>
      <c r="DL22" s="72">
        <v>1</v>
      </c>
      <c r="DM22" s="72">
        <v>1</v>
      </c>
      <c r="DN22" s="72">
        <v>1</v>
      </c>
      <c r="DO22" s="72">
        <v>0</v>
      </c>
      <c r="DP22" s="72">
        <v>0</v>
      </c>
      <c r="DQ22" s="73">
        <v>3</v>
      </c>
      <c r="DR22" s="74">
        <v>4</v>
      </c>
      <c r="DS22" s="71">
        <v>0</v>
      </c>
      <c r="DT22" s="72">
        <v>0</v>
      </c>
      <c r="DU22" s="73">
        <v>0</v>
      </c>
      <c r="DV22" s="277"/>
      <c r="DW22" s="72">
        <v>2</v>
      </c>
      <c r="DX22" s="72">
        <v>1</v>
      </c>
      <c r="DY22" s="72">
        <v>0</v>
      </c>
      <c r="DZ22" s="72">
        <v>0</v>
      </c>
      <c r="EA22" s="72">
        <v>0</v>
      </c>
      <c r="EB22" s="73">
        <v>3</v>
      </c>
      <c r="EC22" s="74">
        <v>3</v>
      </c>
      <c r="ED22" s="87">
        <v>2</v>
      </c>
      <c r="EE22" s="72">
        <v>2</v>
      </c>
      <c r="EF22" s="73">
        <v>4</v>
      </c>
      <c r="EG22" s="277"/>
      <c r="EH22" s="72">
        <v>1</v>
      </c>
      <c r="EI22" s="72">
        <v>1</v>
      </c>
      <c r="EJ22" s="72">
        <v>1</v>
      </c>
      <c r="EK22" s="72">
        <v>0</v>
      </c>
      <c r="EL22" s="72">
        <v>1</v>
      </c>
      <c r="EM22" s="73">
        <v>4</v>
      </c>
      <c r="EN22" s="74">
        <v>8</v>
      </c>
      <c r="EO22" s="71">
        <v>1</v>
      </c>
      <c r="EP22" s="72">
        <v>2</v>
      </c>
      <c r="EQ22" s="73">
        <v>3</v>
      </c>
      <c r="ER22" s="277"/>
      <c r="ES22" s="72">
        <v>6</v>
      </c>
      <c r="ET22" s="72">
        <v>2</v>
      </c>
      <c r="EU22" s="72">
        <v>0</v>
      </c>
      <c r="EV22" s="72">
        <v>1</v>
      </c>
      <c r="EW22" s="72">
        <v>0</v>
      </c>
      <c r="EX22" s="73">
        <v>9</v>
      </c>
      <c r="EY22" s="74">
        <v>12</v>
      </c>
      <c r="EZ22" s="87">
        <v>1</v>
      </c>
      <c r="FA22" s="72">
        <v>1</v>
      </c>
      <c r="FB22" s="73">
        <v>2</v>
      </c>
      <c r="FC22" s="277"/>
      <c r="FD22" s="72">
        <v>4</v>
      </c>
      <c r="FE22" s="72">
        <v>4</v>
      </c>
      <c r="FF22" s="72">
        <v>4</v>
      </c>
      <c r="FG22" s="72">
        <v>4</v>
      </c>
      <c r="FH22" s="72">
        <v>0</v>
      </c>
      <c r="FI22" s="73">
        <v>16</v>
      </c>
      <c r="FJ22" s="74">
        <v>18</v>
      </c>
      <c r="FK22" s="71">
        <v>3</v>
      </c>
      <c r="FL22" s="72">
        <v>6</v>
      </c>
      <c r="FM22" s="73">
        <v>9</v>
      </c>
      <c r="FN22" s="277"/>
      <c r="FO22" s="72">
        <v>4</v>
      </c>
      <c r="FP22" s="72">
        <v>1</v>
      </c>
      <c r="FQ22" s="72">
        <v>3</v>
      </c>
      <c r="FR22" s="72">
        <v>4</v>
      </c>
      <c r="FS22" s="72">
        <v>1</v>
      </c>
      <c r="FT22" s="73">
        <v>13</v>
      </c>
      <c r="FU22" s="74">
        <v>22</v>
      </c>
      <c r="FV22" s="71">
        <v>0</v>
      </c>
      <c r="FW22" s="72">
        <v>0</v>
      </c>
      <c r="FX22" s="73">
        <v>0</v>
      </c>
      <c r="FY22" s="277"/>
      <c r="FZ22" s="72">
        <v>0</v>
      </c>
      <c r="GA22" s="72">
        <v>0</v>
      </c>
      <c r="GB22" s="72">
        <v>0</v>
      </c>
      <c r="GC22" s="72">
        <v>0</v>
      </c>
      <c r="GD22" s="72">
        <v>0</v>
      </c>
      <c r="GE22" s="73">
        <v>0</v>
      </c>
      <c r="GF22" s="74">
        <v>0</v>
      </c>
      <c r="GG22" s="71">
        <v>7</v>
      </c>
      <c r="GH22" s="72">
        <v>12</v>
      </c>
      <c r="GI22" s="73">
        <v>19</v>
      </c>
      <c r="GJ22" s="277"/>
      <c r="GK22" s="72">
        <v>18</v>
      </c>
      <c r="GL22" s="72">
        <v>10</v>
      </c>
      <c r="GM22" s="72">
        <v>9</v>
      </c>
      <c r="GN22" s="72">
        <v>9</v>
      </c>
      <c r="GO22" s="72">
        <v>2</v>
      </c>
      <c r="GP22" s="73">
        <v>48</v>
      </c>
      <c r="GQ22" s="74">
        <v>67</v>
      </c>
      <c r="GR22" s="127">
        <v>27</v>
      </c>
      <c r="GS22" s="83">
        <v>36</v>
      </c>
      <c r="GT22" s="84">
        <v>63</v>
      </c>
      <c r="GU22" s="274"/>
      <c r="GV22" s="83">
        <v>63</v>
      </c>
      <c r="GW22" s="83">
        <v>42</v>
      </c>
      <c r="GX22" s="83">
        <v>36</v>
      </c>
      <c r="GY22" s="83">
        <v>20</v>
      </c>
      <c r="GZ22" s="83">
        <v>16</v>
      </c>
      <c r="HA22" s="85">
        <v>177</v>
      </c>
      <c r="HB22" s="86">
        <v>240</v>
      </c>
      <c r="HC22" s="87">
        <v>2</v>
      </c>
      <c r="HD22" s="72">
        <v>1</v>
      </c>
      <c r="HE22" s="73">
        <v>3</v>
      </c>
      <c r="HF22" s="274"/>
      <c r="HG22" s="72">
        <v>2</v>
      </c>
      <c r="HH22" s="72">
        <v>2</v>
      </c>
      <c r="HI22" s="72">
        <v>1</v>
      </c>
      <c r="HJ22" s="72">
        <v>0</v>
      </c>
      <c r="HK22" s="72">
        <v>2</v>
      </c>
      <c r="HL22" s="73">
        <v>7</v>
      </c>
      <c r="HM22" s="74">
        <v>10</v>
      </c>
      <c r="HN22" s="71">
        <v>1</v>
      </c>
      <c r="HO22" s="72">
        <v>0</v>
      </c>
      <c r="HP22" s="73">
        <v>1</v>
      </c>
      <c r="HQ22" s="277"/>
      <c r="HR22" s="72">
        <v>7</v>
      </c>
      <c r="HS22" s="72">
        <v>8</v>
      </c>
      <c r="HT22" s="72">
        <v>3</v>
      </c>
      <c r="HU22" s="72">
        <v>3</v>
      </c>
      <c r="HV22" s="72">
        <v>1</v>
      </c>
      <c r="HW22" s="73">
        <v>22</v>
      </c>
      <c r="HX22" s="74">
        <v>23</v>
      </c>
      <c r="HY22" s="87">
        <v>5</v>
      </c>
      <c r="HZ22" s="72">
        <v>3</v>
      </c>
      <c r="IA22" s="73">
        <v>8</v>
      </c>
      <c r="IB22" s="277"/>
      <c r="IC22" s="72">
        <v>7</v>
      </c>
      <c r="ID22" s="72">
        <v>3</v>
      </c>
      <c r="IE22" s="72">
        <v>1</v>
      </c>
      <c r="IF22" s="72">
        <v>2</v>
      </c>
      <c r="IG22" s="72">
        <v>2</v>
      </c>
      <c r="IH22" s="73">
        <v>15</v>
      </c>
      <c r="II22" s="74">
        <v>23</v>
      </c>
      <c r="IJ22" s="71">
        <v>4</v>
      </c>
      <c r="IK22" s="72">
        <v>7</v>
      </c>
      <c r="IL22" s="73">
        <v>11</v>
      </c>
      <c r="IM22" s="277"/>
      <c r="IN22" s="72">
        <v>14</v>
      </c>
      <c r="IO22" s="72">
        <v>6</v>
      </c>
      <c r="IP22" s="72">
        <v>4</v>
      </c>
      <c r="IQ22" s="72">
        <v>3</v>
      </c>
      <c r="IR22" s="72">
        <v>1</v>
      </c>
      <c r="IS22" s="73">
        <v>28</v>
      </c>
      <c r="IT22" s="74">
        <v>39</v>
      </c>
      <c r="IU22" s="87">
        <v>11</v>
      </c>
      <c r="IV22" s="72">
        <v>9</v>
      </c>
      <c r="IW22" s="73">
        <v>20</v>
      </c>
      <c r="IX22" s="274"/>
      <c r="IY22" s="72">
        <v>15</v>
      </c>
      <c r="IZ22" s="72">
        <v>11</v>
      </c>
      <c r="JA22" s="72">
        <v>13</v>
      </c>
      <c r="JB22" s="72">
        <v>7</v>
      </c>
      <c r="JC22" s="72">
        <v>4</v>
      </c>
      <c r="JD22" s="73">
        <v>50</v>
      </c>
      <c r="JE22" s="74">
        <v>70</v>
      </c>
      <c r="JF22" s="71">
        <v>4</v>
      </c>
      <c r="JG22" s="72">
        <v>16</v>
      </c>
      <c r="JH22" s="73">
        <v>20</v>
      </c>
      <c r="JI22" s="274"/>
      <c r="JJ22" s="72">
        <v>18</v>
      </c>
      <c r="JK22" s="72">
        <v>12</v>
      </c>
      <c r="JL22" s="72">
        <v>14</v>
      </c>
      <c r="JM22" s="72">
        <v>5</v>
      </c>
      <c r="JN22" s="72">
        <v>6</v>
      </c>
      <c r="JO22" s="73">
        <v>55</v>
      </c>
      <c r="JP22" s="74">
        <v>75</v>
      </c>
      <c r="JQ22" s="71">
        <v>0</v>
      </c>
      <c r="JR22" s="72">
        <v>0</v>
      </c>
      <c r="JS22" s="73">
        <v>0</v>
      </c>
      <c r="JT22" s="274"/>
      <c r="JU22" s="72">
        <v>0</v>
      </c>
      <c r="JV22" s="72">
        <v>0</v>
      </c>
      <c r="JW22" s="72">
        <v>0</v>
      </c>
      <c r="JX22" s="72">
        <v>0</v>
      </c>
      <c r="JY22" s="72">
        <v>0</v>
      </c>
      <c r="JZ22" s="73">
        <v>0</v>
      </c>
      <c r="KA22" s="74">
        <v>0</v>
      </c>
      <c r="KB22" s="71">
        <v>27</v>
      </c>
      <c r="KC22" s="72">
        <v>36</v>
      </c>
      <c r="KD22" s="73">
        <v>63</v>
      </c>
      <c r="KE22" s="274"/>
      <c r="KF22" s="72">
        <v>63</v>
      </c>
      <c r="KG22" s="72">
        <v>42</v>
      </c>
      <c r="KH22" s="72">
        <v>36</v>
      </c>
      <c r="KI22" s="72">
        <v>20</v>
      </c>
      <c r="KJ22" s="72">
        <v>16</v>
      </c>
      <c r="KK22" s="73">
        <v>177</v>
      </c>
      <c r="KL22" s="74">
        <v>240</v>
      </c>
    </row>
    <row r="23" spans="1:298" ht="19.5" customHeight="1" x14ac:dyDescent="0.2">
      <c r="A23" s="130" t="s">
        <v>20</v>
      </c>
      <c r="B23" s="347">
        <v>31</v>
      </c>
      <c r="C23" s="83">
        <v>48</v>
      </c>
      <c r="D23" s="84">
        <v>79</v>
      </c>
      <c r="E23" s="274"/>
      <c r="F23" s="83">
        <v>58</v>
      </c>
      <c r="G23" s="83">
        <v>49</v>
      </c>
      <c r="H23" s="83">
        <v>23</v>
      </c>
      <c r="I23" s="83">
        <v>29</v>
      </c>
      <c r="J23" s="83">
        <v>11</v>
      </c>
      <c r="K23" s="85">
        <v>170</v>
      </c>
      <c r="L23" s="86">
        <v>249</v>
      </c>
      <c r="M23" s="71">
        <v>4</v>
      </c>
      <c r="N23" s="72">
        <v>0</v>
      </c>
      <c r="O23" s="73">
        <v>4</v>
      </c>
      <c r="P23" s="277"/>
      <c r="Q23" s="72">
        <v>3</v>
      </c>
      <c r="R23" s="72">
        <v>3</v>
      </c>
      <c r="S23" s="72">
        <v>0</v>
      </c>
      <c r="T23" s="72">
        <v>2</v>
      </c>
      <c r="U23" s="72">
        <v>0</v>
      </c>
      <c r="V23" s="73">
        <v>8</v>
      </c>
      <c r="W23" s="74">
        <v>12</v>
      </c>
      <c r="X23" s="71">
        <v>6</v>
      </c>
      <c r="Y23" s="72">
        <v>1</v>
      </c>
      <c r="Z23" s="73">
        <v>7</v>
      </c>
      <c r="AA23" s="277"/>
      <c r="AB23" s="72">
        <v>13</v>
      </c>
      <c r="AC23" s="72">
        <v>9</v>
      </c>
      <c r="AD23" s="72">
        <v>5</v>
      </c>
      <c r="AE23" s="72">
        <v>3</v>
      </c>
      <c r="AF23" s="72">
        <v>1</v>
      </c>
      <c r="AG23" s="73">
        <v>31</v>
      </c>
      <c r="AH23" s="74">
        <v>38</v>
      </c>
      <c r="AI23" s="71">
        <v>4</v>
      </c>
      <c r="AJ23" s="72">
        <v>9</v>
      </c>
      <c r="AK23" s="73">
        <v>13</v>
      </c>
      <c r="AL23" s="277"/>
      <c r="AM23" s="72">
        <v>7</v>
      </c>
      <c r="AN23" s="72">
        <v>5</v>
      </c>
      <c r="AO23" s="72">
        <v>6</v>
      </c>
      <c r="AP23" s="72">
        <v>6</v>
      </c>
      <c r="AQ23" s="72">
        <v>2</v>
      </c>
      <c r="AR23" s="73">
        <v>26</v>
      </c>
      <c r="AS23" s="74">
        <v>39</v>
      </c>
      <c r="AT23" s="71">
        <v>3</v>
      </c>
      <c r="AU23" s="72">
        <v>20</v>
      </c>
      <c r="AV23" s="73">
        <v>23</v>
      </c>
      <c r="AW23" s="277"/>
      <c r="AX23" s="72">
        <v>19</v>
      </c>
      <c r="AY23" s="72">
        <v>13</v>
      </c>
      <c r="AZ23" s="72">
        <v>4</v>
      </c>
      <c r="BA23" s="72">
        <v>6</v>
      </c>
      <c r="BB23" s="72">
        <v>4</v>
      </c>
      <c r="BC23" s="73">
        <v>46</v>
      </c>
      <c r="BD23" s="74">
        <v>69</v>
      </c>
      <c r="BE23" s="71">
        <v>6</v>
      </c>
      <c r="BF23" s="72">
        <v>10</v>
      </c>
      <c r="BG23" s="73">
        <v>16</v>
      </c>
      <c r="BH23" s="277"/>
      <c r="BI23" s="72">
        <v>8</v>
      </c>
      <c r="BJ23" s="72">
        <v>13</v>
      </c>
      <c r="BK23" s="72">
        <v>3</v>
      </c>
      <c r="BL23" s="72">
        <v>7</v>
      </c>
      <c r="BM23" s="72">
        <v>2</v>
      </c>
      <c r="BN23" s="73">
        <v>33</v>
      </c>
      <c r="BO23" s="74">
        <v>49</v>
      </c>
      <c r="BP23" s="71">
        <v>8</v>
      </c>
      <c r="BQ23" s="72">
        <v>8</v>
      </c>
      <c r="BR23" s="73">
        <v>16</v>
      </c>
      <c r="BS23" s="277"/>
      <c r="BT23" s="72">
        <v>8</v>
      </c>
      <c r="BU23" s="72">
        <v>6</v>
      </c>
      <c r="BV23" s="72">
        <v>5</v>
      </c>
      <c r="BW23" s="72">
        <v>5</v>
      </c>
      <c r="BX23" s="72">
        <v>2</v>
      </c>
      <c r="BY23" s="73">
        <v>26</v>
      </c>
      <c r="BZ23" s="74">
        <v>42</v>
      </c>
      <c r="CA23" s="71">
        <v>0</v>
      </c>
      <c r="CB23" s="72">
        <v>0</v>
      </c>
      <c r="CC23" s="73">
        <v>0</v>
      </c>
      <c r="CD23" s="277"/>
      <c r="CE23" s="72">
        <v>0</v>
      </c>
      <c r="CF23" s="72">
        <v>0</v>
      </c>
      <c r="CG23" s="72">
        <v>0</v>
      </c>
      <c r="CH23" s="72">
        <v>0</v>
      </c>
      <c r="CI23" s="72">
        <v>0</v>
      </c>
      <c r="CJ23" s="73">
        <v>0</v>
      </c>
      <c r="CK23" s="74">
        <v>0</v>
      </c>
      <c r="CL23" s="71">
        <v>31</v>
      </c>
      <c r="CM23" s="72">
        <v>48</v>
      </c>
      <c r="CN23" s="73">
        <v>79</v>
      </c>
      <c r="CO23" s="277"/>
      <c r="CP23" s="72">
        <v>58</v>
      </c>
      <c r="CQ23" s="72">
        <v>49</v>
      </c>
      <c r="CR23" s="72">
        <v>23</v>
      </c>
      <c r="CS23" s="72">
        <v>29</v>
      </c>
      <c r="CT23" s="72">
        <v>11</v>
      </c>
      <c r="CU23" s="73">
        <v>170</v>
      </c>
      <c r="CV23" s="74">
        <v>249</v>
      </c>
      <c r="CW23" s="127">
        <v>16</v>
      </c>
      <c r="CX23" s="83">
        <v>18</v>
      </c>
      <c r="CY23" s="84">
        <v>34</v>
      </c>
      <c r="CZ23" s="274"/>
      <c r="DA23" s="83">
        <v>29</v>
      </c>
      <c r="DB23" s="83">
        <v>10</v>
      </c>
      <c r="DC23" s="83">
        <v>6</v>
      </c>
      <c r="DD23" s="83">
        <v>10</v>
      </c>
      <c r="DE23" s="83">
        <v>8</v>
      </c>
      <c r="DF23" s="85">
        <v>63</v>
      </c>
      <c r="DG23" s="86">
        <v>97</v>
      </c>
      <c r="DH23" s="71">
        <v>0</v>
      </c>
      <c r="DI23" s="72">
        <v>0</v>
      </c>
      <c r="DJ23" s="73">
        <v>0</v>
      </c>
      <c r="DK23" s="277"/>
      <c r="DL23" s="72">
        <v>0</v>
      </c>
      <c r="DM23" s="72">
        <v>0</v>
      </c>
      <c r="DN23" s="72">
        <v>0</v>
      </c>
      <c r="DO23" s="72">
        <v>1</v>
      </c>
      <c r="DP23" s="72">
        <v>0</v>
      </c>
      <c r="DQ23" s="73">
        <v>1</v>
      </c>
      <c r="DR23" s="74">
        <v>1</v>
      </c>
      <c r="DS23" s="71">
        <v>1</v>
      </c>
      <c r="DT23" s="72">
        <v>0</v>
      </c>
      <c r="DU23" s="73">
        <v>1</v>
      </c>
      <c r="DV23" s="277"/>
      <c r="DW23" s="72">
        <v>1</v>
      </c>
      <c r="DX23" s="72">
        <v>0</v>
      </c>
      <c r="DY23" s="72">
        <v>0</v>
      </c>
      <c r="DZ23" s="72">
        <v>0</v>
      </c>
      <c r="EA23" s="72">
        <v>0</v>
      </c>
      <c r="EB23" s="73">
        <v>1</v>
      </c>
      <c r="EC23" s="74">
        <v>2</v>
      </c>
      <c r="ED23" s="71">
        <v>3</v>
      </c>
      <c r="EE23" s="72">
        <v>2</v>
      </c>
      <c r="EF23" s="73">
        <v>5</v>
      </c>
      <c r="EG23" s="277"/>
      <c r="EH23" s="72">
        <v>3</v>
      </c>
      <c r="EI23" s="72">
        <v>1</v>
      </c>
      <c r="EJ23" s="72">
        <v>0</v>
      </c>
      <c r="EK23" s="72">
        <v>0</v>
      </c>
      <c r="EL23" s="72">
        <v>3</v>
      </c>
      <c r="EM23" s="73">
        <v>7</v>
      </c>
      <c r="EN23" s="74">
        <v>12</v>
      </c>
      <c r="EO23" s="71">
        <v>2</v>
      </c>
      <c r="EP23" s="72">
        <v>7</v>
      </c>
      <c r="EQ23" s="73">
        <v>9</v>
      </c>
      <c r="ER23" s="277"/>
      <c r="ES23" s="72">
        <v>5</v>
      </c>
      <c r="ET23" s="72">
        <v>4</v>
      </c>
      <c r="EU23" s="72">
        <v>0</v>
      </c>
      <c r="EV23" s="72">
        <v>0</v>
      </c>
      <c r="EW23" s="72">
        <v>3</v>
      </c>
      <c r="EX23" s="73">
        <v>12</v>
      </c>
      <c r="EY23" s="74">
        <v>21</v>
      </c>
      <c r="EZ23" s="71">
        <v>5</v>
      </c>
      <c r="FA23" s="72">
        <v>4</v>
      </c>
      <c r="FB23" s="73">
        <v>9</v>
      </c>
      <c r="FC23" s="277"/>
      <c r="FD23" s="72">
        <v>11</v>
      </c>
      <c r="FE23" s="72">
        <v>2</v>
      </c>
      <c r="FF23" s="72">
        <v>2</v>
      </c>
      <c r="FG23" s="72">
        <v>3</v>
      </c>
      <c r="FH23" s="72">
        <v>1</v>
      </c>
      <c r="FI23" s="73">
        <v>19</v>
      </c>
      <c r="FJ23" s="74">
        <v>28</v>
      </c>
      <c r="FK23" s="71">
        <v>5</v>
      </c>
      <c r="FL23" s="72">
        <v>5</v>
      </c>
      <c r="FM23" s="73">
        <v>10</v>
      </c>
      <c r="FN23" s="277"/>
      <c r="FO23" s="72">
        <v>9</v>
      </c>
      <c r="FP23" s="72">
        <v>3</v>
      </c>
      <c r="FQ23" s="72">
        <v>4</v>
      </c>
      <c r="FR23" s="72">
        <v>6</v>
      </c>
      <c r="FS23" s="72">
        <v>1</v>
      </c>
      <c r="FT23" s="73">
        <v>23</v>
      </c>
      <c r="FU23" s="74">
        <v>33</v>
      </c>
      <c r="FV23" s="71">
        <v>0</v>
      </c>
      <c r="FW23" s="72">
        <v>0</v>
      </c>
      <c r="FX23" s="73">
        <v>0</v>
      </c>
      <c r="FY23" s="277"/>
      <c r="FZ23" s="72">
        <v>0</v>
      </c>
      <c r="GA23" s="72">
        <v>0</v>
      </c>
      <c r="GB23" s="72">
        <v>0</v>
      </c>
      <c r="GC23" s="72">
        <v>0</v>
      </c>
      <c r="GD23" s="72">
        <v>0</v>
      </c>
      <c r="GE23" s="73">
        <v>0</v>
      </c>
      <c r="GF23" s="74">
        <v>0</v>
      </c>
      <c r="GG23" s="71">
        <v>16</v>
      </c>
      <c r="GH23" s="72">
        <v>18</v>
      </c>
      <c r="GI23" s="73">
        <v>34</v>
      </c>
      <c r="GJ23" s="277"/>
      <c r="GK23" s="72">
        <v>29</v>
      </c>
      <c r="GL23" s="72">
        <v>10</v>
      </c>
      <c r="GM23" s="72">
        <v>6</v>
      </c>
      <c r="GN23" s="72">
        <v>10</v>
      </c>
      <c r="GO23" s="72">
        <v>8</v>
      </c>
      <c r="GP23" s="73">
        <v>63</v>
      </c>
      <c r="GQ23" s="74">
        <v>97</v>
      </c>
      <c r="GR23" s="127">
        <v>47</v>
      </c>
      <c r="GS23" s="83">
        <v>66</v>
      </c>
      <c r="GT23" s="84">
        <v>113</v>
      </c>
      <c r="GU23" s="274"/>
      <c r="GV23" s="83">
        <v>87</v>
      </c>
      <c r="GW23" s="83">
        <v>59</v>
      </c>
      <c r="GX23" s="83">
        <v>29</v>
      </c>
      <c r="GY23" s="83">
        <v>39</v>
      </c>
      <c r="GZ23" s="83">
        <v>19</v>
      </c>
      <c r="HA23" s="85">
        <v>233</v>
      </c>
      <c r="HB23" s="86">
        <v>346</v>
      </c>
      <c r="HC23" s="71">
        <v>4</v>
      </c>
      <c r="HD23" s="72">
        <v>0</v>
      </c>
      <c r="HE23" s="73">
        <v>4</v>
      </c>
      <c r="HF23" s="274"/>
      <c r="HG23" s="72">
        <v>3</v>
      </c>
      <c r="HH23" s="72">
        <v>3</v>
      </c>
      <c r="HI23" s="72">
        <v>0</v>
      </c>
      <c r="HJ23" s="72">
        <v>3</v>
      </c>
      <c r="HK23" s="72">
        <v>0</v>
      </c>
      <c r="HL23" s="73">
        <v>9</v>
      </c>
      <c r="HM23" s="74">
        <v>13</v>
      </c>
      <c r="HN23" s="71">
        <v>7</v>
      </c>
      <c r="HO23" s="72">
        <v>1</v>
      </c>
      <c r="HP23" s="73">
        <v>8</v>
      </c>
      <c r="HQ23" s="277"/>
      <c r="HR23" s="72">
        <v>14</v>
      </c>
      <c r="HS23" s="72">
        <v>9</v>
      </c>
      <c r="HT23" s="72">
        <v>5</v>
      </c>
      <c r="HU23" s="72">
        <v>3</v>
      </c>
      <c r="HV23" s="72">
        <v>1</v>
      </c>
      <c r="HW23" s="73">
        <v>32</v>
      </c>
      <c r="HX23" s="74">
        <v>40</v>
      </c>
      <c r="HY23" s="71">
        <v>7</v>
      </c>
      <c r="HZ23" s="72">
        <v>11</v>
      </c>
      <c r="IA23" s="73">
        <v>18</v>
      </c>
      <c r="IB23" s="277"/>
      <c r="IC23" s="72">
        <v>10</v>
      </c>
      <c r="ID23" s="72">
        <v>6</v>
      </c>
      <c r="IE23" s="72">
        <v>6</v>
      </c>
      <c r="IF23" s="72">
        <v>6</v>
      </c>
      <c r="IG23" s="72">
        <v>5</v>
      </c>
      <c r="IH23" s="73">
        <v>33</v>
      </c>
      <c r="II23" s="74">
        <v>51</v>
      </c>
      <c r="IJ23" s="71">
        <v>5</v>
      </c>
      <c r="IK23" s="72">
        <v>27</v>
      </c>
      <c r="IL23" s="73">
        <v>32</v>
      </c>
      <c r="IM23" s="277"/>
      <c r="IN23" s="72">
        <v>24</v>
      </c>
      <c r="IO23" s="72">
        <v>17</v>
      </c>
      <c r="IP23" s="72">
        <v>4</v>
      </c>
      <c r="IQ23" s="72">
        <v>6</v>
      </c>
      <c r="IR23" s="72">
        <v>7</v>
      </c>
      <c r="IS23" s="73">
        <v>58</v>
      </c>
      <c r="IT23" s="74">
        <v>90</v>
      </c>
      <c r="IU23" s="71">
        <v>11</v>
      </c>
      <c r="IV23" s="72">
        <v>14</v>
      </c>
      <c r="IW23" s="73">
        <v>25</v>
      </c>
      <c r="IX23" s="274"/>
      <c r="IY23" s="72">
        <v>19</v>
      </c>
      <c r="IZ23" s="72">
        <v>15</v>
      </c>
      <c r="JA23" s="72">
        <v>5</v>
      </c>
      <c r="JB23" s="72">
        <v>10</v>
      </c>
      <c r="JC23" s="72">
        <v>3</v>
      </c>
      <c r="JD23" s="73">
        <v>52</v>
      </c>
      <c r="JE23" s="74">
        <v>77</v>
      </c>
      <c r="JF23" s="71">
        <v>13</v>
      </c>
      <c r="JG23" s="72">
        <v>13</v>
      </c>
      <c r="JH23" s="73">
        <v>26</v>
      </c>
      <c r="JI23" s="274"/>
      <c r="JJ23" s="72">
        <v>17</v>
      </c>
      <c r="JK23" s="72">
        <v>9</v>
      </c>
      <c r="JL23" s="72">
        <v>9</v>
      </c>
      <c r="JM23" s="72">
        <v>11</v>
      </c>
      <c r="JN23" s="72">
        <v>3</v>
      </c>
      <c r="JO23" s="73">
        <v>49</v>
      </c>
      <c r="JP23" s="74">
        <v>75</v>
      </c>
      <c r="JQ23" s="71">
        <v>0</v>
      </c>
      <c r="JR23" s="72">
        <v>0</v>
      </c>
      <c r="JS23" s="73">
        <v>0</v>
      </c>
      <c r="JT23" s="274"/>
      <c r="JU23" s="72">
        <v>0</v>
      </c>
      <c r="JV23" s="72">
        <v>0</v>
      </c>
      <c r="JW23" s="72">
        <v>0</v>
      </c>
      <c r="JX23" s="72">
        <v>0</v>
      </c>
      <c r="JY23" s="72">
        <v>0</v>
      </c>
      <c r="JZ23" s="73">
        <v>0</v>
      </c>
      <c r="KA23" s="74">
        <v>0</v>
      </c>
      <c r="KB23" s="71">
        <v>47</v>
      </c>
      <c r="KC23" s="72">
        <v>66</v>
      </c>
      <c r="KD23" s="73">
        <v>113</v>
      </c>
      <c r="KE23" s="274"/>
      <c r="KF23" s="72">
        <v>87</v>
      </c>
      <c r="KG23" s="72">
        <v>59</v>
      </c>
      <c r="KH23" s="72">
        <v>29</v>
      </c>
      <c r="KI23" s="72">
        <v>39</v>
      </c>
      <c r="KJ23" s="72">
        <v>19</v>
      </c>
      <c r="KK23" s="73">
        <v>233</v>
      </c>
      <c r="KL23" s="74">
        <v>346</v>
      </c>
    </row>
    <row r="24" spans="1:298" ht="19.5" customHeight="1" x14ac:dyDescent="0.2">
      <c r="A24" s="130" t="s">
        <v>21</v>
      </c>
      <c r="B24" s="347">
        <v>36</v>
      </c>
      <c r="C24" s="83">
        <v>22</v>
      </c>
      <c r="D24" s="84">
        <v>58</v>
      </c>
      <c r="E24" s="274"/>
      <c r="F24" s="83">
        <v>60</v>
      </c>
      <c r="G24" s="83">
        <v>30</v>
      </c>
      <c r="H24" s="83">
        <v>23</v>
      </c>
      <c r="I24" s="83">
        <v>14</v>
      </c>
      <c r="J24" s="83">
        <v>6</v>
      </c>
      <c r="K24" s="85">
        <v>133</v>
      </c>
      <c r="L24" s="86">
        <v>191</v>
      </c>
      <c r="M24" s="71">
        <v>1</v>
      </c>
      <c r="N24" s="72">
        <v>1</v>
      </c>
      <c r="O24" s="73">
        <v>2</v>
      </c>
      <c r="P24" s="277"/>
      <c r="Q24" s="72">
        <v>0</v>
      </c>
      <c r="R24" s="72">
        <v>2</v>
      </c>
      <c r="S24" s="72">
        <v>2</v>
      </c>
      <c r="T24" s="72">
        <v>1</v>
      </c>
      <c r="U24" s="72">
        <v>0</v>
      </c>
      <c r="V24" s="73">
        <v>5</v>
      </c>
      <c r="W24" s="74">
        <v>7</v>
      </c>
      <c r="X24" s="71">
        <v>3</v>
      </c>
      <c r="Y24" s="72">
        <v>3</v>
      </c>
      <c r="Z24" s="73">
        <v>6</v>
      </c>
      <c r="AA24" s="277"/>
      <c r="AB24" s="72">
        <v>5</v>
      </c>
      <c r="AC24" s="72">
        <v>3</v>
      </c>
      <c r="AD24" s="72">
        <v>3</v>
      </c>
      <c r="AE24" s="72">
        <v>0</v>
      </c>
      <c r="AF24" s="72">
        <v>1</v>
      </c>
      <c r="AG24" s="73">
        <v>12</v>
      </c>
      <c r="AH24" s="74">
        <v>18</v>
      </c>
      <c r="AI24" s="71">
        <v>5</v>
      </c>
      <c r="AJ24" s="72">
        <v>1</v>
      </c>
      <c r="AK24" s="73">
        <v>6</v>
      </c>
      <c r="AL24" s="277"/>
      <c r="AM24" s="72">
        <v>11</v>
      </c>
      <c r="AN24" s="72">
        <v>2</v>
      </c>
      <c r="AO24" s="72">
        <v>2</v>
      </c>
      <c r="AP24" s="72">
        <v>3</v>
      </c>
      <c r="AQ24" s="72">
        <v>0</v>
      </c>
      <c r="AR24" s="73">
        <v>18</v>
      </c>
      <c r="AS24" s="74">
        <v>24</v>
      </c>
      <c r="AT24" s="71">
        <v>6</v>
      </c>
      <c r="AU24" s="72">
        <v>6</v>
      </c>
      <c r="AV24" s="73">
        <v>12</v>
      </c>
      <c r="AW24" s="277"/>
      <c r="AX24" s="72">
        <v>15</v>
      </c>
      <c r="AY24" s="72">
        <v>6</v>
      </c>
      <c r="AZ24" s="72">
        <v>3</v>
      </c>
      <c r="BA24" s="72">
        <v>3</v>
      </c>
      <c r="BB24" s="72">
        <v>1</v>
      </c>
      <c r="BC24" s="73">
        <v>28</v>
      </c>
      <c r="BD24" s="74">
        <v>40</v>
      </c>
      <c r="BE24" s="71">
        <v>13</v>
      </c>
      <c r="BF24" s="72">
        <v>5</v>
      </c>
      <c r="BG24" s="73">
        <v>18</v>
      </c>
      <c r="BH24" s="277"/>
      <c r="BI24" s="72">
        <v>21</v>
      </c>
      <c r="BJ24" s="72">
        <v>10</v>
      </c>
      <c r="BK24" s="72">
        <v>9</v>
      </c>
      <c r="BL24" s="72">
        <v>5</v>
      </c>
      <c r="BM24" s="72">
        <v>3</v>
      </c>
      <c r="BN24" s="73">
        <v>48</v>
      </c>
      <c r="BO24" s="74">
        <v>66</v>
      </c>
      <c r="BP24" s="71">
        <v>8</v>
      </c>
      <c r="BQ24" s="72">
        <v>6</v>
      </c>
      <c r="BR24" s="73">
        <v>14</v>
      </c>
      <c r="BS24" s="277"/>
      <c r="BT24" s="72">
        <v>8</v>
      </c>
      <c r="BU24" s="72">
        <v>7</v>
      </c>
      <c r="BV24" s="72">
        <v>4</v>
      </c>
      <c r="BW24" s="72">
        <v>2</v>
      </c>
      <c r="BX24" s="72">
        <v>1</v>
      </c>
      <c r="BY24" s="73">
        <v>22</v>
      </c>
      <c r="BZ24" s="74">
        <v>36</v>
      </c>
      <c r="CA24" s="71">
        <v>0</v>
      </c>
      <c r="CB24" s="72">
        <v>0</v>
      </c>
      <c r="CC24" s="73">
        <v>0</v>
      </c>
      <c r="CD24" s="277"/>
      <c r="CE24" s="72">
        <v>0</v>
      </c>
      <c r="CF24" s="72">
        <v>0</v>
      </c>
      <c r="CG24" s="72">
        <v>0</v>
      </c>
      <c r="CH24" s="72">
        <v>0</v>
      </c>
      <c r="CI24" s="72">
        <v>0</v>
      </c>
      <c r="CJ24" s="73">
        <v>0</v>
      </c>
      <c r="CK24" s="74">
        <v>0</v>
      </c>
      <c r="CL24" s="71">
        <v>36</v>
      </c>
      <c r="CM24" s="72">
        <v>22</v>
      </c>
      <c r="CN24" s="73">
        <v>58</v>
      </c>
      <c r="CO24" s="277"/>
      <c r="CP24" s="72">
        <v>60</v>
      </c>
      <c r="CQ24" s="72">
        <v>30</v>
      </c>
      <c r="CR24" s="72">
        <v>23</v>
      </c>
      <c r="CS24" s="72">
        <v>14</v>
      </c>
      <c r="CT24" s="72">
        <v>6</v>
      </c>
      <c r="CU24" s="73">
        <v>133</v>
      </c>
      <c r="CV24" s="74">
        <v>191</v>
      </c>
      <c r="CW24" s="127">
        <v>9</v>
      </c>
      <c r="CX24" s="83">
        <v>9</v>
      </c>
      <c r="CY24" s="84">
        <v>18</v>
      </c>
      <c r="CZ24" s="274"/>
      <c r="DA24" s="83">
        <v>9</v>
      </c>
      <c r="DB24" s="83">
        <v>20</v>
      </c>
      <c r="DC24" s="83">
        <v>11</v>
      </c>
      <c r="DD24" s="83">
        <v>5</v>
      </c>
      <c r="DE24" s="83">
        <v>5</v>
      </c>
      <c r="DF24" s="85">
        <v>50</v>
      </c>
      <c r="DG24" s="86">
        <v>68</v>
      </c>
      <c r="DH24" s="71">
        <v>0</v>
      </c>
      <c r="DI24" s="72">
        <v>0</v>
      </c>
      <c r="DJ24" s="73">
        <v>0</v>
      </c>
      <c r="DK24" s="277"/>
      <c r="DL24" s="72">
        <v>0</v>
      </c>
      <c r="DM24" s="72">
        <v>0</v>
      </c>
      <c r="DN24" s="72">
        <v>1</v>
      </c>
      <c r="DO24" s="72">
        <v>0</v>
      </c>
      <c r="DP24" s="72">
        <v>0</v>
      </c>
      <c r="DQ24" s="73">
        <v>1</v>
      </c>
      <c r="DR24" s="74">
        <v>1</v>
      </c>
      <c r="DS24" s="71">
        <v>2</v>
      </c>
      <c r="DT24" s="72">
        <v>1</v>
      </c>
      <c r="DU24" s="73">
        <v>3</v>
      </c>
      <c r="DV24" s="277"/>
      <c r="DW24" s="72">
        <v>1</v>
      </c>
      <c r="DX24" s="72">
        <v>0</v>
      </c>
      <c r="DY24" s="72">
        <v>2</v>
      </c>
      <c r="DZ24" s="72">
        <v>0</v>
      </c>
      <c r="EA24" s="72">
        <v>1</v>
      </c>
      <c r="EB24" s="73">
        <v>4</v>
      </c>
      <c r="EC24" s="74">
        <v>7</v>
      </c>
      <c r="ED24" s="71">
        <v>2</v>
      </c>
      <c r="EE24" s="72">
        <v>1</v>
      </c>
      <c r="EF24" s="73">
        <v>3</v>
      </c>
      <c r="EG24" s="277"/>
      <c r="EH24" s="72">
        <v>2</v>
      </c>
      <c r="EI24" s="72">
        <v>3</v>
      </c>
      <c r="EJ24" s="72">
        <v>0</v>
      </c>
      <c r="EK24" s="72">
        <v>0</v>
      </c>
      <c r="EL24" s="72">
        <v>1</v>
      </c>
      <c r="EM24" s="73">
        <v>6</v>
      </c>
      <c r="EN24" s="74">
        <v>9</v>
      </c>
      <c r="EO24" s="71">
        <v>4</v>
      </c>
      <c r="EP24" s="72">
        <v>2</v>
      </c>
      <c r="EQ24" s="73">
        <v>6</v>
      </c>
      <c r="ER24" s="277"/>
      <c r="ES24" s="72">
        <v>0</v>
      </c>
      <c r="ET24" s="72">
        <v>4</v>
      </c>
      <c r="EU24" s="72">
        <v>1</v>
      </c>
      <c r="EV24" s="72">
        <v>0</v>
      </c>
      <c r="EW24" s="72">
        <v>1</v>
      </c>
      <c r="EX24" s="73">
        <v>6</v>
      </c>
      <c r="EY24" s="74">
        <v>12</v>
      </c>
      <c r="EZ24" s="71">
        <v>0</v>
      </c>
      <c r="FA24" s="72">
        <v>3</v>
      </c>
      <c r="FB24" s="73">
        <v>3</v>
      </c>
      <c r="FC24" s="277"/>
      <c r="FD24" s="72">
        <v>1</v>
      </c>
      <c r="FE24" s="72">
        <v>4</v>
      </c>
      <c r="FF24" s="72">
        <v>1</v>
      </c>
      <c r="FG24" s="72">
        <v>1</v>
      </c>
      <c r="FH24" s="72">
        <v>0</v>
      </c>
      <c r="FI24" s="73">
        <v>7</v>
      </c>
      <c r="FJ24" s="74">
        <v>10</v>
      </c>
      <c r="FK24" s="71">
        <v>1</v>
      </c>
      <c r="FL24" s="72">
        <v>2</v>
      </c>
      <c r="FM24" s="73">
        <v>3</v>
      </c>
      <c r="FN24" s="277"/>
      <c r="FO24" s="72">
        <v>5</v>
      </c>
      <c r="FP24" s="72">
        <v>9</v>
      </c>
      <c r="FQ24" s="72">
        <v>6</v>
      </c>
      <c r="FR24" s="72">
        <v>4</v>
      </c>
      <c r="FS24" s="72">
        <v>2</v>
      </c>
      <c r="FT24" s="73">
        <v>26</v>
      </c>
      <c r="FU24" s="74">
        <v>29</v>
      </c>
      <c r="FV24" s="71">
        <v>0</v>
      </c>
      <c r="FW24" s="72">
        <v>0</v>
      </c>
      <c r="FX24" s="73">
        <v>0</v>
      </c>
      <c r="FY24" s="277"/>
      <c r="FZ24" s="72">
        <v>0</v>
      </c>
      <c r="GA24" s="72">
        <v>0</v>
      </c>
      <c r="GB24" s="72">
        <v>0</v>
      </c>
      <c r="GC24" s="72">
        <v>0</v>
      </c>
      <c r="GD24" s="72">
        <v>0</v>
      </c>
      <c r="GE24" s="73">
        <v>0</v>
      </c>
      <c r="GF24" s="74">
        <v>0</v>
      </c>
      <c r="GG24" s="71">
        <v>9</v>
      </c>
      <c r="GH24" s="72">
        <v>9</v>
      </c>
      <c r="GI24" s="73">
        <v>18</v>
      </c>
      <c r="GJ24" s="277"/>
      <c r="GK24" s="72">
        <v>9</v>
      </c>
      <c r="GL24" s="72">
        <v>20</v>
      </c>
      <c r="GM24" s="72">
        <v>11</v>
      </c>
      <c r="GN24" s="72">
        <v>5</v>
      </c>
      <c r="GO24" s="72">
        <v>5</v>
      </c>
      <c r="GP24" s="73">
        <v>50</v>
      </c>
      <c r="GQ24" s="74">
        <v>68</v>
      </c>
      <c r="GR24" s="127">
        <v>45</v>
      </c>
      <c r="GS24" s="83">
        <v>31</v>
      </c>
      <c r="GT24" s="84">
        <v>76</v>
      </c>
      <c r="GU24" s="274"/>
      <c r="GV24" s="83">
        <v>69</v>
      </c>
      <c r="GW24" s="83">
        <v>50</v>
      </c>
      <c r="GX24" s="83">
        <v>34</v>
      </c>
      <c r="GY24" s="83">
        <v>19</v>
      </c>
      <c r="GZ24" s="83">
        <v>11</v>
      </c>
      <c r="HA24" s="85">
        <v>183</v>
      </c>
      <c r="HB24" s="86">
        <v>259</v>
      </c>
      <c r="HC24" s="71">
        <v>1</v>
      </c>
      <c r="HD24" s="72">
        <v>1</v>
      </c>
      <c r="HE24" s="73">
        <v>2</v>
      </c>
      <c r="HF24" s="274"/>
      <c r="HG24" s="72">
        <v>0</v>
      </c>
      <c r="HH24" s="72">
        <v>2</v>
      </c>
      <c r="HI24" s="72">
        <v>3</v>
      </c>
      <c r="HJ24" s="72">
        <v>1</v>
      </c>
      <c r="HK24" s="72">
        <v>0</v>
      </c>
      <c r="HL24" s="73">
        <v>6</v>
      </c>
      <c r="HM24" s="74">
        <v>8</v>
      </c>
      <c r="HN24" s="71">
        <v>5</v>
      </c>
      <c r="HO24" s="72">
        <v>4</v>
      </c>
      <c r="HP24" s="73">
        <v>9</v>
      </c>
      <c r="HQ24" s="277"/>
      <c r="HR24" s="72">
        <v>6</v>
      </c>
      <c r="HS24" s="72">
        <v>3</v>
      </c>
      <c r="HT24" s="72">
        <v>5</v>
      </c>
      <c r="HU24" s="72">
        <v>0</v>
      </c>
      <c r="HV24" s="72">
        <v>2</v>
      </c>
      <c r="HW24" s="73">
        <v>16</v>
      </c>
      <c r="HX24" s="74">
        <v>25</v>
      </c>
      <c r="HY24" s="71">
        <v>7</v>
      </c>
      <c r="HZ24" s="72">
        <v>2</v>
      </c>
      <c r="IA24" s="73">
        <v>9</v>
      </c>
      <c r="IB24" s="277"/>
      <c r="IC24" s="72">
        <v>13</v>
      </c>
      <c r="ID24" s="72">
        <v>5</v>
      </c>
      <c r="IE24" s="72">
        <v>2</v>
      </c>
      <c r="IF24" s="72">
        <v>3</v>
      </c>
      <c r="IG24" s="72">
        <v>1</v>
      </c>
      <c r="IH24" s="73">
        <v>24</v>
      </c>
      <c r="II24" s="74">
        <v>33</v>
      </c>
      <c r="IJ24" s="71">
        <v>10</v>
      </c>
      <c r="IK24" s="72">
        <v>8</v>
      </c>
      <c r="IL24" s="73">
        <v>18</v>
      </c>
      <c r="IM24" s="277"/>
      <c r="IN24" s="72">
        <v>15</v>
      </c>
      <c r="IO24" s="72">
        <v>10</v>
      </c>
      <c r="IP24" s="72">
        <v>4</v>
      </c>
      <c r="IQ24" s="72">
        <v>3</v>
      </c>
      <c r="IR24" s="72">
        <v>2</v>
      </c>
      <c r="IS24" s="73">
        <v>34</v>
      </c>
      <c r="IT24" s="74">
        <v>52</v>
      </c>
      <c r="IU24" s="71">
        <v>13</v>
      </c>
      <c r="IV24" s="72">
        <v>8</v>
      </c>
      <c r="IW24" s="73">
        <v>21</v>
      </c>
      <c r="IX24" s="274"/>
      <c r="IY24" s="72">
        <v>22</v>
      </c>
      <c r="IZ24" s="72">
        <v>14</v>
      </c>
      <c r="JA24" s="72">
        <v>10</v>
      </c>
      <c r="JB24" s="72">
        <v>6</v>
      </c>
      <c r="JC24" s="72">
        <v>3</v>
      </c>
      <c r="JD24" s="73">
        <v>55</v>
      </c>
      <c r="JE24" s="74">
        <v>76</v>
      </c>
      <c r="JF24" s="71">
        <v>9</v>
      </c>
      <c r="JG24" s="72">
        <v>8</v>
      </c>
      <c r="JH24" s="73">
        <v>17</v>
      </c>
      <c r="JI24" s="274"/>
      <c r="JJ24" s="72">
        <v>13</v>
      </c>
      <c r="JK24" s="72">
        <v>16</v>
      </c>
      <c r="JL24" s="72">
        <v>10</v>
      </c>
      <c r="JM24" s="72">
        <v>6</v>
      </c>
      <c r="JN24" s="72">
        <v>3</v>
      </c>
      <c r="JO24" s="73">
        <v>48</v>
      </c>
      <c r="JP24" s="74">
        <v>65</v>
      </c>
      <c r="JQ24" s="71">
        <v>0</v>
      </c>
      <c r="JR24" s="72">
        <v>0</v>
      </c>
      <c r="JS24" s="73">
        <v>0</v>
      </c>
      <c r="JT24" s="274"/>
      <c r="JU24" s="72">
        <v>0</v>
      </c>
      <c r="JV24" s="72">
        <v>0</v>
      </c>
      <c r="JW24" s="72">
        <v>0</v>
      </c>
      <c r="JX24" s="72">
        <v>0</v>
      </c>
      <c r="JY24" s="72">
        <v>0</v>
      </c>
      <c r="JZ24" s="73">
        <v>0</v>
      </c>
      <c r="KA24" s="74">
        <v>0</v>
      </c>
      <c r="KB24" s="71">
        <v>45</v>
      </c>
      <c r="KC24" s="72">
        <v>31</v>
      </c>
      <c r="KD24" s="73">
        <v>76</v>
      </c>
      <c r="KE24" s="274"/>
      <c r="KF24" s="72">
        <v>69</v>
      </c>
      <c r="KG24" s="72">
        <v>50</v>
      </c>
      <c r="KH24" s="72">
        <v>34</v>
      </c>
      <c r="KI24" s="72">
        <v>19</v>
      </c>
      <c r="KJ24" s="72">
        <v>11</v>
      </c>
      <c r="KK24" s="73">
        <v>183</v>
      </c>
      <c r="KL24" s="74">
        <v>259</v>
      </c>
    </row>
    <row r="25" spans="1:298" ht="19.5" customHeight="1" x14ac:dyDescent="0.2">
      <c r="A25" s="130" t="s">
        <v>22</v>
      </c>
      <c r="B25" s="347">
        <v>17</v>
      </c>
      <c r="C25" s="83">
        <v>5</v>
      </c>
      <c r="D25" s="84">
        <v>22</v>
      </c>
      <c r="E25" s="274"/>
      <c r="F25" s="83">
        <v>23</v>
      </c>
      <c r="G25" s="83">
        <v>23</v>
      </c>
      <c r="H25" s="83">
        <v>9</v>
      </c>
      <c r="I25" s="83">
        <v>13</v>
      </c>
      <c r="J25" s="83">
        <v>4</v>
      </c>
      <c r="K25" s="85">
        <v>72</v>
      </c>
      <c r="L25" s="86">
        <v>94</v>
      </c>
      <c r="M25" s="71">
        <v>0</v>
      </c>
      <c r="N25" s="72">
        <v>0</v>
      </c>
      <c r="O25" s="73">
        <v>0</v>
      </c>
      <c r="P25" s="277"/>
      <c r="Q25" s="72">
        <v>2</v>
      </c>
      <c r="R25" s="72">
        <v>0</v>
      </c>
      <c r="S25" s="72">
        <v>0</v>
      </c>
      <c r="T25" s="72">
        <v>0</v>
      </c>
      <c r="U25" s="72">
        <v>0</v>
      </c>
      <c r="V25" s="73">
        <v>2</v>
      </c>
      <c r="W25" s="74">
        <v>2</v>
      </c>
      <c r="X25" s="71">
        <v>1</v>
      </c>
      <c r="Y25" s="72">
        <v>0</v>
      </c>
      <c r="Z25" s="73">
        <v>1</v>
      </c>
      <c r="AA25" s="277"/>
      <c r="AB25" s="72">
        <v>3</v>
      </c>
      <c r="AC25" s="72">
        <v>0</v>
      </c>
      <c r="AD25" s="72">
        <v>0</v>
      </c>
      <c r="AE25" s="72">
        <v>1</v>
      </c>
      <c r="AF25" s="72">
        <v>1</v>
      </c>
      <c r="AG25" s="73">
        <v>5</v>
      </c>
      <c r="AH25" s="74">
        <v>6</v>
      </c>
      <c r="AI25" s="71">
        <v>3</v>
      </c>
      <c r="AJ25" s="72">
        <v>1</v>
      </c>
      <c r="AK25" s="73">
        <v>4</v>
      </c>
      <c r="AL25" s="277"/>
      <c r="AM25" s="72">
        <v>3</v>
      </c>
      <c r="AN25" s="72">
        <v>2</v>
      </c>
      <c r="AO25" s="72">
        <v>1</v>
      </c>
      <c r="AP25" s="72">
        <v>1</v>
      </c>
      <c r="AQ25" s="72">
        <v>1</v>
      </c>
      <c r="AR25" s="73">
        <v>8</v>
      </c>
      <c r="AS25" s="74">
        <v>12</v>
      </c>
      <c r="AT25" s="71">
        <v>4</v>
      </c>
      <c r="AU25" s="72">
        <v>3</v>
      </c>
      <c r="AV25" s="73">
        <v>7</v>
      </c>
      <c r="AW25" s="277"/>
      <c r="AX25" s="72">
        <v>6</v>
      </c>
      <c r="AY25" s="72">
        <v>6</v>
      </c>
      <c r="AZ25" s="72">
        <v>2</v>
      </c>
      <c r="BA25" s="72">
        <v>1</v>
      </c>
      <c r="BB25" s="72">
        <v>1</v>
      </c>
      <c r="BC25" s="73">
        <v>16</v>
      </c>
      <c r="BD25" s="74">
        <v>23</v>
      </c>
      <c r="BE25" s="71">
        <v>4</v>
      </c>
      <c r="BF25" s="72">
        <v>1</v>
      </c>
      <c r="BG25" s="73">
        <v>5</v>
      </c>
      <c r="BH25" s="277"/>
      <c r="BI25" s="72">
        <v>1</v>
      </c>
      <c r="BJ25" s="72">
        <v>7</v>
      </c>
      <c r="BK25" s="72">
        <v>2</v>
      </c>
      <c r="BL25" s="72">
        <v>6</v>
      </c>
      <c r="BM25" s="72">
        <v>1</v>
      </c>
      <c r="BN25" s="73">
        <v>17</v>
      </c>
      <c r="BO25" s="74">
        <v>22</v>
      </c>
      <c r="BP25" s="71">
        <v>5</v>
      </c>
      <c r="BQ25" s="72">
        <v>0</v>
      </c>
      <c r="BR25" s="73">
        <v>5</v>
      </c>
      <c r="BS25" s="277"/>
      <c r="BT25" s="72">
        <v>8</v>
      </c>
      <c r="BU25" s="72">
        <v>8</v>
      </c>
      <c r="BV25" s="72">
        <v>4</v>
      </c>
      <c r="BW25" s="72">
        <v>4</v>
      </c>
      <c r="BX25" s="72">
        <v>0</v>
      </c>
      <c r="BY25" s="73">
        <v>24</v>
      </c>
      <c r="BZ25" s="74">
        <v>29</v>
      </c>
      <c r="CA25" s="71">
        <v>0</v>
      </c>
      <c r="CB25" s="72">
        <v>0</v>
      </c>
      <c r="CC25" s="73">
        <v>0</v>
      </c>
      <c r="CD25" s="277"/>
      <c r="CE25" s="72">
        <v>0</v>
      </c>
      <c r="CF25" s="72">
        <v>0</v>
      </c>
      <c r="CG25" s="72">
        <v>0</v>
      </c>
      <c r="CH25" s="72">
        <v>0</v>
      </c>
      <c r="CI25" s="72">
        <v>0</v>
      </c>
      <c r="CJ25" s="73">
        <v>0</v>
      </c>
      <c r="CK25" s="74">
        <v>0</v>
      </c>
      <c r="CL25" s="71">
        <v>17</v>
      </c>
      <c r="CM25" s="72">
        <v>5</v>
      </c>
      <c r="CN25" s="73">
        <v>22</v>
      </c>
      <c r="CO25" s="277"/>
      <c r="CP25" s="72">
        <v>23</v>
      </c>
      <c r="CQ25" s="72">
        <v>23</v>
      </c>
      <c r="CR25" s="72">
        <v>9</v>
      </c>
      <c r="CS25" s="72">
        <v>13</v>
      </c>
      <c r="CT25" s="72">
        <v>4</v>
      </c>
      <c r="CU25" s="73">
        <v>72</v>
      </c>
      <c r="CV25" s="74">
        <v>94</v>
      </c>
      <c r="CW25" s="127">
        <v>2</v>
      </c>
      <c r="CX25" s="83">
        <v>6</v>
      </c>
      <c r="CY25" s="84">
        <v>8</v>
      </c>
      <c r="CZ25" s="274"/>
      <c r="DA25" s="83">
        <v>8</v>
      </c>
      <c r="DB25" s="83">
        <v>2</v>
      </c>
      <c r="DC25" s="83">
        <v>1</v>
      </c>
      <c r="DD25" s="83">
        <v>4</v>
      </c>
      <c r="DE25" s="83">
        <v>3</v>
      </c>
      <c r="DF25" s="85">
        <v>18</v>
      </c>
      <c r="DG25" s="86">
        <v>26</v>
      </c>
      <c r="DH25" s="71">
        <v>0</v>
      </c>
      <c r="DI25" s="72">
        <v>0</v>
      </c>
      <c r="DJ25" s="73">
        <v>0</v>
      </c>
      <c r="DK25" s="277"/>
      <c r="DL25" s="72">
        <v>0</v>
      </c>
      <c r="DM25" s="72">
        <v>0</v>
      </c>
      <c r="DN25" s="72">
        <v>0</v>
      </c>
      <c r="DO25" s="72">
        <v>0</v>
      </c>
      <c r="DP25" s="72">
        <v>0</v>
      </c>
      <c r="DQ25" s="73">
        <v>0</v>
      </c>
      <c r="DR25" s="74">
        <v>0</v>
      </c>
      <c r="DS25" s="71">
        <v>0</v>
      </c>
      <c r="DT25" s="72">
        <v>0</v>
      </c>
      <c r="DU25" s="73">
        <v>0</v>
      </c>
      <c r="DV25" s="277"/>
      <c r="DW25" s="72">
        <v>0</v>
      </c>
      <c r="DX25" s="72">
        <v>0</v>
      </c>
      <c r="DY25" s="72">
        <v>0</v>
      </c>
      <c r="DZ25" s="72">
        <v>0</v>
      </c>
      <c r="EA25" s="72">
        <v>0</v>
      </c>
      <c r="EB25" s="73">
        <v>0</v>
      </c>
      <c r="EC25" s="74">
        <v>0</v>
      </c>
      <c r="ED25" s="71">
        <v>0</v>
      </c>
      <c r="EE25" s="72">
        <v>3</v>
      </c>
      <c r="EF25" s="73">
        <v>3</v>
      </c>
      <c r="EG25" s="277"/>
      <c r="EH25" s="72">
        <v>2</v>
      </c>
      <c r="EI25" s="72">
        <v>0</v>
      </c>
      <c r="EJ25" s="72">
        <v>0</v>
      </c>
      <c r="EK25" s="72">
        <v>0</v>
      </c>
      <c r="EL25" s="72">
        <v>0</v>
      </c>
      <c r="EM25" s="73">
        <v>2</v>
      </c>
      <c r="EN25" s="74">
        <v>5</v>
      </c>
      <c r="EO25" s="71">
        <v>1</v>
      </c>
      <c r="EP25" s="72">
        <v>0</v>
      </c>
      <c r="EQ25" s="73">
        <v>1</v>
      </c>
      <c r="ER25" s="277"/>
      <c r="ES25" s="72">
        <v>2</v>
      </c>
      <c r="ET25" s="72">
        <v>0</v>
      </c>
      <c r="EU25" s="72">
        <v>1</v>
      </c>
      <c r="EV25" s="72">
        <v>2</v>
      </c>
      <c r="EW25" s="72">
        <v>0</v>
      </c>
      <c r="EX25" s="73">
        <v>5</v>
      </c>
      <c r="EY25" s="74">
        <v>6</v>
      </c>
      <c r="EZ25" s="71">
        <v>1</v>
      </c>
      <c r="FA25" s="72">
        <v>0</v>
      </c>
      <c r="FB25" s="73">
        <v>1</v>
      </c>
      <c r="FC25" s="277"/>
      <c r="FD25" s="72">
        <v>2</v>
      </c>
      <c r="FE25" s="72">
        <v>0</v>
      </c>
      <c r="FF25" s="72">
        <v>0</v>
      </c>
      <c r="FG25" s="72">
        <v>0</v>
      </c>
      <c r="FH25" s="72">
        <v>1</v>
      </c>
      <c r="FI25" s="73">
        <v>3</v>
      </c>
      <c r="FJ25" s="74">
        <v>4</v>
      </c>
      <c r="FK25" s="71">
        <v>0</v>
      </c>
      <c r="FL25" s="72">
        <v>3</v>
      </c>
      <c r="FM25" s="73">
        <v>3</v>
      </c>
      <c r="FN25" s="277"/>
      <c r="FO25" s="72">
        <v>2</v>
      </c>
      <c r="FP25" s="72">
        <v>2</v>
      </c>
      <c r="FQ25" s="72">
        <v>0</v>
      </c>
      <c r="FR25" s="72">
        <v>2</v>
      </c>
      <c r="FS25" s="72">
        <v>2</v>
      </c>
      <c r="FT25" s="73">
        <v>8</v>
      </c>
      <c r="FU25" s="74">
        <v>11</v>
      </c>
      <c r="FV25" s="71">
        <v>0</v>
      </c>
      <c r="FW25" s="72">
        <v>0</v>
      </c>
      <c r="FX25" s="73">
        <v>0</v>
      </c>
      <c r="FY25" s="277"/>
      <c r="FZ25" s="72">
        <v>0</v>
      </c>
      <c r="GA25" s="72">
        <v>0</v>
      </c>
      <c r="GB25" s="72">
        <v>0</v>
      </c>
      <c r="GC25" s="72">
        <v>0</v>
      </c>
      <c r="GD25" s="72">
        <v>0</v>
      </c>
      <c r="GE25" s="73">
        <v>0</v>
      </c>
      <c r="GF25" s="74">
        <v>0</v>
      </c>
      <c r="GG25" s="71">
        <v>2</v>
      </c>
      <c r="GH25" s="72">
        <v>6</v>
      </c>
      <c r="GI25" s="73">
        <v>8</v>
      </c>
      <c r="GJ25" s="277"/>
      <c r="GK25" s="72">
        <v>8</v>
      </c>
      <c r="GL25" s="72">
        <v>2</v>
      </c>
      <c r="GM25" s="72">
        <v>1</v>
      </c>
      <c r="GN25" s="72">
        <v>4</v>
      </c>
      <c r="GO25" s="72">
        <v>3</v>
      </c>
      <c r="GP25" s="73">
        <v>18</v>
      </c>
      <c r="GQ25" s="74">
        <v>26</v>
      </c>
      <c r="GR25" s="127">
        <v>19</v>
      </c>
      <c r="GS25" s="83">
        <v>11</v>
      </c>
      <c r="GT25" s="84">
        <v>30</v>
      </c>
      <c r="GU25" s="274"/>
      <c r="GV25" s="83">
        <v>31</v>
      </c>
      <c r="GW25" s="83">
        <v>25</v>
      </c>
      <c r="GX25" s="83">
        <v>10</v>
      </c>
      <c r="GY25" s="83">
        <v>17</v>
      </c>
      <c r="GZ25" s="83">
        <v>7</v>
      </c>
      <c r="HA25" s="85">
        <v>90</v>
      </c>
      <c r="HB25" s="86">
        <v>120</v>
      </c>
      <c r="HC25" s="71">
        <v>0</v>
      </c>
      <c r="HD25" s="72">
        <v>0</v>
      </c>
      <c r="HE25" s="73">
        <v>0</v>
      </c>
      <c r="HF25" s="274"/>
      <c r="HG25" s="72">
        <v>2</v>
      </c>
      <c r="HH25" s="72">
        <v>0</v>
      </c>
      <c r="HI25" s="72">
        <v>0</v>
      </c>
      <c r="HJ25" s="72">
        <v>0</v>
      </c>
      <c r="HK25" s="72">
        <v>0</v>
      </c>
      <c r="HL25" s="73">
        <v>2</v>
      </c>
      <c r="HM25" s="74">
        <v>2</v>
      </c>
      <c r="HN25" s="71">
        <v>1</v>
      </c>
      <c r="HO25" s="72">
        <v>0</v>
      </c>
      <c r="HP25" s="73">
        <v>1</v>
      </c>
      <c r="HQ25" s="277"/>
      <c r="HR25" s="72">
        <v>3</v>
      </c>
      <c r="HS25" s="72">
        <v>0</v>
      </c>
      <c r="HT25" s="72">
        <v>0</v>
      </c>
      <c r="HU25" s="72">
        <v>1</v>
      </c>
      <c r="HV25" s="72">
        <v>1</v>
      </c>
      <c r="HW25" s="73">
        <v>5</v>
      </c>
      <c r="HX25" s="74">
        <v>6</v>
      </c>
      <c r="HY25" s="71">
        <v>3</v>
      </c>
      <c r="HZ25" s="72">
        <v>4</v>
      </c>
      <c r="IA25" s="73">
        <v>7</v>
      </c>
      <c r="IB25" s="277"/>
      <c r="IC25" s="72">
        <v>5</v>
      </c>
      <c r="ID25" s="72">
        <v>2</v>
      </c>
      <c r="IE25" s="72">
        <v>1</v>
      </c>
      <c r="IF25" s="72">
        <v>1</v>
      </c>
      <c r="IG25" s="72">
        <v>1</v>
      </c>
      <c r="IH25" s="73">
        <v>10</v>
      </c>
      <c r="II25" s="74">
        <v>17</v>
      </c>
      <c r="IJ25" s="71">
        <v>5</v>
      </c>
      <c r="IK25" s="72">
        <v>3</v>
      </c>
      <c r="IL25" s="73">
        <v>8</v>
      </c>
      <c r="IM25" s="277"/>
      <c r="IN25" s="72">
        <v>8</v>
      </c>
      <c r="IO25" s="72">
        <v>6</v>
      </c>
      <c r="IP25" s="72">
        <v>3</v>
      </c>
      <c r="IQ25" s="72">
        <v>3</v>
      </c>
      <c r="IR25" s="72">
        <v>1</v>
      </c>
      <c r="IS25" s="73">
        <v>21</v>
      </c>
      <c r="IT25" s="74">
        <v>29</v>
      </c>
      <c r="IU25" s="71">
        <v>5</v>
      </c>
      <c r="IV25" s="72">
        <v>1</v>
      </c>
      <c r="IW25" s="73">
        <v>6</v>
      </c>
      <c r="IX25" s="274"/>
      <c r="IY25" s="72">
        <v>3</v>
      </c>
      <c r="IZ25" s="72">
        <v>7</v>
      </c>
      <c r="JA25" s="72">
        <v>2</v>
      </c>
      <c r="JB25" s="72">
        <v>6</v>
      </c>
      <c r="JC25" s="72">
        <v>2</v>
      </c>
      <c r="JD25" s="73">
        <v>20</v>
      </c>
      <c r="JE25" s="74">
        <v>26</v>
      </c>
      <c r="JF25" s="71">
        <v>5</v>
      </c>
      <c r="JG25" s="72">
        <v>3</v>
      </c>
      <c r="JH25" s="73">
        <v>8</v>
      </c>
      <c r="JI25" s="274"/>
      <c r="JJ25" s="72">
        <v>10</v>
      </c>
      <c r="JK25" s="72">
        <v>10</v>
      </c>
      <c r="JL25" s="72">
        <v>4</v>
      </c>
      <c r="JM25" s="72">
        <v>6</v>
      </c>
      <c r="JN25" s="72">
        <v>2</v>
      </c>
      <c r="JO25" s="73">
        <v>32</v>
      </c>
      <c r="JP25" s="74">
        <v>40</v>
      </c>
      <c r="JQ25" s="71">
        <v>0</v>
      </c>
      <c r="JR25" s="72">
        <v>0</v>
      </c>
      <c r="JS25" s="73">
        <v>0</v>
      </c>
      <c r="JT25" s="274"/>
      <c r="JU25" s="72">
        <v>0</v>
      </c>
      <c r="JV25" s="72">
        <v>0</v>
      </c>
      <c r="JW25" s="72">
        <v>0</v>
      </c>
      <c r="JX25" s="72">
        <v>0</v>
      </c>
      <c r="JY25" s="72">
        <v>0</v>
      </c>
      <c r="JZ25" s="73">
        <v>0</v>
      </c>
      <c r="KA25" s="74">
        <v>0</v>
      </c>
      <c r="KB25" s="71">
        <v>19</v>
      </c>
      <c r="KC25" s="72">
        <v>11</v>
      </c>
      <c r="KD25" s="73">
        <v>30</v>
      </c>
      <c r="KE25" s="274"/>
      <c r="KF25" s="72">
        <v>31</v>
      </c>
      <c r="KG25" s="72">
        <v>25</v>
      </c>
      <c r="KH25" s="72">
        <v>10</v>
      </c>
      <c r="KI25" s="72">
        <v>17</v>
      </c>
      <c r="KJ25" s="72">
        <v>7</v>
      </c>
      <c r="KK25" s="73">
        <v>90</v>
      </c>
      <c r="KL25" s="74">
        <v>120</v>
      </c>
    </row>
    <row r="26" spans="1:298" ht="19.5" customHeight="1" x14ac:dyDescent="0.2">
      <c r="A26" s="130" t="s">
        <v>23</v>
      </c>
      <c r="B26" s="347">
        <v>10</v>
      </c>
      <c r="C26" s="83">
        <v>14</v>
      </c>
      <c r="D26" s="84">
        <v>24</v>
      </c>
      <c r="E26" s="274"/>
      <c r="F26" s="83">
        <v>29</v>
      </c>
      <c r="G26" s="83">
        <v>26</v>
      </c>
      <c r="H26" s="83">
        <v>19</v>
      </c>
      <c r="I26" s="83">
        <v>20</v>
      </c>
      <c r="J26" s="83">
        <v>8</v>
      </c>
      <c r="K26" s="85">
        <v>102</v>
      </c>
      <c r="L26" s="86">
        <v>126</v>
      </c>
      <c r="M26" s="71">
        <v>0</v>
      </c>
      <c r="N26" s="72">
        <v>0</v>
      </c>
      <c r="O26" s="73">
        <v>0</v>
      </c>
      <c r="P26" s="277"/>
      <c r="Q26" s="72">
        <v>0</v>
      </c>
      <c r="R26" s="72">
        <v>1</v>
      </c>
      <c r="S26" s="72">
        <v>0</v>
      </c>
      <c r="T26" s="72">
        <v>2</v>
      </c>
      <c r="U26" s="72">
        <v>0</v>
      </c>
      <c r="V26" s="73">
        <v>3</v>
      </c>
      <c r="W26" s="74">
        <v>3</v>
      </c>
      <c r="X26" s="71">
        <v>3</v>
      </c>
      <c r="Y26" s="72">
        <v>2</v>
      </c>
      <c r="Z26" s="73">
        <v>5</v>
      </c>
      <c r="AA26" s="277"/>
      <c r="AB26" s="72">
        <v>4</v>
      </c>
      <c r="AC26" s="72">
        <v>3</v>
      </c>
      <c r="AD26" s="72">
        <v>0</v>
      </c>
      <c r="AE26" s="72">
        <v>2</v>
      </c>
      <c r="AF26" s="72">
        <v>1</v>
      </c>
      <c r="AG26" s="73">
        <v>10</v>
      </c>
      <c r="AH26" s="74">
        <v>15</v>
      </c>
      <c r="AI26" s="71">
        <v>3</v>
      </c>
      <c r="AJ26" s="72">
        <v>1</v>
      </c>
      <c r="AK26" s="73">
        <v>4</v>
      </c>
      <c r="AL26" s="277"/>
      <c r="AM26" s="72">
        <v>6</v>
      </c>
      <c r="AN26" s="72">
        <v>4</v>
      </c>
      <c r="AO26" s="72">
        <v>1</v>
      </c>
      <c r="AP26" s="72">
        <v>2</v>
      </c>
      <c r="AQ26" s="72">
        <v>1</v>
      </c>
      <c r="AR26" s="73">
        <v>14</v>
      </c>
      <c r="AS26" s="74">
        <v>18</v>
      </c>
      <c r="AT26" s="71">
        <v>1</v>
      </c>
      <c r="AU26" s="72">
        <v>4</v>
      </c>
      <c r="AV26" s="73">
        <v>5</v>
      </c>
      <c r="AW26" s="277"/>
      <c r="AX26" s="72">
        <v>7</v>
      </c>
      <c r="AY26" s="72">
        <v>8</v>
      </c>
      <c r="AZ26" s="72">
        <v>10</v>
      </c>
      <c r="BA26" s="72">
        <v>3</v>
      </c>
      <c r="BB26" s="72">
        <v>2</v>
      </c>
      <c r="BC26" s="73">
        <v>30</v>
      </c>
      <c r="BD26" s="74">
        <v>35</v>
      </c>
      <c r="BE26" s="71">
        <v>2</v>
      </c>
      <c r="BF26" s="72">
        <v>6</v>
      </c>
      <c r="BG26" s="73">
        <v>8</v>
      </c>
      <c r="BH26" s="277"/>
      <c r="BI26" s="72">
        <v>5</v>
      </c>
      <c r="BJ26" s="72">
        <v>6</v>
      </c>
      <c r="BK26" s="72">
        <v>5</v>
      </c>
      <c r="BL26" s="72">
        <v>4</v>
      </c>
      <c r="BM26" s="72">
        <v>3</v>
      </c>
      <c r="BN26" s="73">
        <v>23</v>
      </c>
      <c r="BO26" s="74">
        <v>31</v>
      </c>
      <c r="BP26" s="71">
        <v>1</v>
      </c>
      <c r="BQ26" s="72">
        <v>1</v>
      </c>
      <c r="BR26" s="73">
        <v>2</v>
      </c>
      <c r="BS26" s="277"/>
      <c r="BT26" s="72">
        <v>7</v>
      </c>
      <c r="BU26" s="72">
        <v>4</v>
      </c>
      <c r="BV26" s="72">
        <v>3</v>
      </c>
      <c r="BW26" s="72">
        <v>7</v>
      </c>
      <c r="BX26" s="72">
        <v>1</v>
      </c>
      <c r="BY26" s="73">
        <v>22</v>
      </c>
      <c r="BZ26" s="74">
        <v>24</v>
      </c>
      <c r="CA26" s="71">
        <v>0</v>
      </c>
      <c r="CB26" s="72">
        <v>0</v>
      </c>
      <c r="CC26" s="73">
        <v>0</v>
      </c>
      <c r="CD26" s="277"/>
      <c r="CE26" s="72">
        <v>0</v>
      </c>
      <c r="CF26" s="72">
        <v>0</v>
      </c>
      <c r="CG26" s="72">
        <v>0</v>
      </c>
      <c r="CH26" s="72">
        <v>0</v>
      </c>
      <c r="CI26" s="72">
        <v>0</v>
      </c>
      <c r="CJ26" s="73">
        <v>0</v>
      </c>
      <c r="CK26" s="74">
        <v>0</v>
      </c>
      <c r="CL26" s="71">
        <v>10</v>
      </c>
      <c r="CM26" s="72">
        <v>14</v>
      </c>
      <c r="CN26" s="73">
        <v>24</v>
      </c>
      <c r="CO26" s="277"/>
      <c r="CP26" s="72">
        <v>29</v>
      </c>
      <c r="CQ26" s="72">
        <v>26</v>
      </c>
      <c r="CR26" s="72">
        <v>19</v>
      </c>
      <c r="CS26" s="72">
        <v>20</v>
      </c>
      <c r="CT26" s="72">
        <v>8</v>
      </c>
      <c r="CU26" s="73">
        <v>102</v>
      </c>
      <c r="CV26" s="74">
        <v>126</v>
      </c>
      <c r="CW26" s="127">
        <v>7</v>
      </c>
      <c r="CX26" s="83">
        <v>7</v>
      </c>
      <c r="CY26" s="84">
        <v>14</v>
      </c>
      <c r="CZ26" s="274"/>
      <c r="DA26" s="83">
        <v>8</v>
      </c>
      <c r="DB26" s="83">
        <v>12</v>
      </c>
      <c r="DC26" s="83">
        <v>5</v>
      </c>
      <c r="DD26" s="83">
        <v>9</v>
      </c>
      <c r="DE26" s="83">
        <v>4</v>
      </c>
      <c r="DF26" s="85">
        <v>38</v>
      </c>
      <c r="DG26" s="86">
        <v>52</v>
      </c>
      <c r="DH26" s="71">
        <v>0</v>
      </c>
      <c r="DI26" s="72">
        <v>0</v>
      </c>
      <c r="DJ26" s="73">
        <v>0</v>
      </c>
      <c r="DK26" s="277"/>
      <c r="DL26" s="72">
        <v>0</v>
      </c>
      <c r="DM26" s="72">
        <v>1</v>
      </c>
      <c r="DN26" s="72">
        <v>1</v>
      </c>
      <c r="DO26" s="72">
        <v>0</v>
      </c>
      <c r="DP26" s="72">
        <v>0</v>
      </c>
      <c r="DQ26" s="73">
        <v>2</v>
      </c>
      <c r="DR26" s="74">
        <v>2</v>
      </c>
      <c r="DS26" s="71">
        <v>1</v>
      </c>
      <c r="DT26" s="72">
        <v>0</v>
      </c>
      <c r="DU26" s="73">
        <v>1</v>
      </c>
      <c r="DV26" s="277"/>
      <c r="DW26" s="72">
        <v>0</v>
      </c>
      <c r="DX26" s="72">
        <v>1</v>
      </c>
      <c r="DY26" s="72">
        <v>0</v>
      </c>
      <c r="DZ26" s="72">
        <v>0</v>
      </c>
      <c r="EA26" s="72">
        <v>1</v>
      </c>
      <c r="EB26" s="73">
        <v>2</v>
      </c>
      <c r="EC26" s="74">
        <v>3</v>
      </c>
      <c r="ED26" s="71">
        <v>1</v>
      </c>
      <c r="EE26" s="72">
        <v>3</v>
      </c>
      <c r="EF26" s="73">
        <v>4</v>
      </c>
      <c r="EG26" s="277"/>
      <c r="EH26" s="72">
        <v>0</v>
      </c>
      <c r="EI26" s="72">
        <v>0</v>
      </c>
      <c r="EJ26" s="72">
        <v>0</v>
      </c>
      <c r="EK26" s="72">
        <v>0</v>
      </c>
      <c r="EL26" s="72">
        <v>0</v>
      </c>
      <c r="EM26" s="73">
        <v>0</v>
      </c>
      <c r="EN26" s="74">
        <v>4</v>
      </c>
      <c r="EO26" s="71">
        <v>1</v>
      </c>
      <c r="EP26" s="72">
        <v>2</v>
      </c>
      <c r="EQ26" s="73">
        <v>3</v>
      </c>
      <c r="ER26" s="277"/>
      <c r="ES26" s="72">
        <v>0</v>
      </c>
      <c r="ET26" s="72">
        <v>1</v>
      </c>
      <c r="EU26" s="72">
        <v>1</v>
      </c>
      <c r="EV26" s="72">
        <v>0</v>
      </c>
      <c r="EW26" s="72">
        <v>0</v>
      </c>
      <c r="EX26" s="73">
        <v>2</v>
      </c>
      <c r="EY26" s="74">
        <v>5</v>
      </c>
      <c r="EZ26" s="71">
        <v>3</v>
      </c>
      <c r="FA26" s="72">
        <v>1</v>
      </c>
      <c r="FB26" s="73">
        <v>4</v>
      </c>
      <c r="FC26" s="277"/>
      <c r="FD26" s="72">
        <v>2</v>
      </c>
      <c r="FE26" s="72">
        <v>4</v>
      </c>
      <c r="FF26" s="72">
        <v>0</v>
      </c>
      <c r="FG26" s="72">
        <v>1</v>
      </c>
      <c r="FH26" s="72">
        <v>1</v>
      </c>
      <c r="FI26" s="73">
        <v>8</v>
      </c>
      <c r="FJ26" s="74">
        <v>12</v>
      </c>
      <c r="FK26" s="71">
        <v>1</v>
      </c>
      <c r="FL26" s="72">
        <v>1</v>
      </c>
      <c r="FM26" s="73">
        <v>2</v>
      </c>
      <c r="FN26" s="277"/>
      <c r="FO26" s="72">
        <v>6</v>
      </c>
      <c r="FP26" s="72">
        <v>5</v>
      </c>
      <c r="FQ26" s="72">
        <v>3</v>
      </c>
      <c r="FR26" s="72">
        <v>8</v>
      </c>
      <c r="FS26" s="72">
        <v>2</v>
      </c>
      <c r="FT26" s="73">
        <v>24</v>
      </c>
      <c r="FU26" s="74">
        <v>26</v>
      </c>
      <c r="FV26" s="71">
        <v>0</v>
      </c>
      <c r="FW26" s="72">
        <v>0</v>
      </c>
      <c r="FX26" s="73">
        <v>0</v>
      </c>
      <c r="FY26" s="277"/>
      <c r="FZ26" s="72">
        <v>0</v>
      </c>
      <c r="GA26" s="72">
        <v>0</v>
      </c>
      <c r="GB26" s="72">
        <v>0</v>
      </c>
      <c r="GC26" s="72">
        <v>0</v>
      </c>
      <c r="GD26" s="72">
        <v>0</v>
      </c>
      <c r="GE26" s="73">
        <v>0</v>
      </c>
      <c r="GF26" s="74">
        <v>0</v>
      </c>
      <c r="GG26" s="71">
        <v>7</v>
      </c>
      <c r="GH26" s="72">
        <v>7</v>
      </c>
      <c r="GI26" s="73">
        <v>14</v>
      </c>
      <c r="GJ26" s="277"/>
      <c r="GK26" s="72">
        <v>8</v>
      </c>
      <c r="GL26" s="72">
        <v>12</v>
      </c>
      <c r="GM26" s="72">
        <v>5</v>
      </c>
      <c r="GN26" s="72">
        <v>9</v>
      </c>
      <c r="GO26" s="72">
        <v>4</v>
      </c>
      <c r="GP26" s="73">
        <v>38</v>
      </c>
      <c r="GQ26" s="74">
        <v>52</v>
      </c>
      <c r="GR26" s="127">
        <v>17</v>
      </c>
      <c r="GS26" s="83">
        <v>21</v>
      </c>
      <c r="GT26" s="84">
        <v>38</v>
      </c>
      <c r="GU26" s="274"/>
      <c r="GV26" s="83">
        <v>37</v>
      </c>
      <c r="GW26" s="83">
        <v>38</v>
      </c>
      <c r="GX26" s="83">
        <v>24</v>
      </c>
      <c r="GY26" s="83">
        <v>29</v>
      </c>
      <c r="GZ26" s="83">
        <v>12</v>
      </c>
      <c r="HA26" s="85">
        <v>140</v>
      </c>
      <c r="HB26" s="86">
        <v>178</v>
      </c>
      <c r="HC26" s="71">
        <v>0</v>
      </c>
      <c r="HD26" s="72">
        <v>0</v>
      </c>
      <c r="HE26" s="73">
        <v>0</v>
      </c>
      <c r="HF26" s="274"/>
      <c r="HG26" s="72">
        <v>0</v>
      </c>
      <c r="HH26" s="72">
        <v>2</v>
      </c>
      <c r="HI26" s="72">
        <v>1</v>
      </c>
      <c r="HJ26" s="72">
        <v>2</v>
      </c>
      <c r="HK26" s="72">
        <v>0</v>
      </c>
      <c r="HL26" s="73">
        <v>5</v>
      </c>
      <c r="HM26" s="74">
        <v>5</v>
      </c>
      <c r="HN26" s="71">
        <v>4</v>
      </c>
      <c r="HO26" s="72">
        <v>2</v>
      </c>
      <c r="HP26" s="73">
        <v>6</v>
      </c>
      <c r="HQ26" s="277"/>
      <c r="HR26" s="72">
        <v>4</v>
      </c>
      <c r="HS26" s="72">
        <v>4</v>
      </c>
      <c r="HT26" s="72">
        <v>0</v>
      </c>
      <c r="HU26" s="72">
        <v>2</v>
      </c>
      <c r="HV26" s="72">
        <v>2</v>
      </c>
      <c r="HW26" s="73">
        <v>12</v>
      </c>
      <c r="HX26" s="74">
        <v>18</v>
      </c>
      <c r="HY26" s="71">
        <v>4</v>
      </c>
      <c r="HZ26" s="72">
        <v>4</v>
      </c>
      <c r="IA26" s="73">
        <v>8</v>
      </c>
      <c r="IB26" s="277"/>
      <c r="IC26" s="72">
        <v>6</v>
      </c>
      <c r="ID26" s="72">
        <v>4</v>
      </c>
      <c r="IE26" s="72">
        <v>1</v>
      </c>
      <c r="IF26" s="72">
        <v>2</v>
      </c>
      <c r="IG26" s="72">
        <v>1</v>
      </c>
      <c r="IH26" s="73">
        <v>14</v>
      </c>
      <c r="II26" s="74">
        <v>22</v>
      </c>
      <c r="IJ26" s="71">
        <v>2</v>
      </c>
      <c r="IK26" s="72">
        <v>6</v>
      </c>
      <c r="IL26" s="73">
        <v>8</v>
      </c>
      <c r="IM26" s="277"/>
      <c r="IN26" s="72">
        <v>7</v>
      </c>
      <c r="IO26" s="72">
        <v>9</v>
      </c>
      <c r="IP26" s="72">
        <v>11</v>
      </c>
      <c r="IQ26" s="72">
        <v>3</v>
      </c>
      <c r="IR26" s="72">
        <v>2</v>
      </c>
      <c r="IS26" s="73">
        <v>32</v>
      </c>
      <c r="IT26" s="74">
        <v>40</v>
      </c>
      <c r="IU26" s="71">
        <v>5</v>
      </c>
      <c r="IV26" s="72">
        <v>7</v>
      </c>
      <c r="IW26" s="73">
        <v>12</v>
      </c>
      <c r="IX26" s="274"/>
      <c r="IY26" s="72">
        <v>7</v>
      </c>
      <c r="IZ26" s="72">
        <v>10</v>
      </c>
      <c r="JA26" s="72">
        <v>5</v>
      </c>
      <c r="JB26" s="72">
        <v>5</v>
      </c>
      <c r="JC26" s="72">
        <v>4</v>
      </c>
      <c r="JD26" s="73">
        <v>31</v>
      </c>
      <c r="JE26" s="74">
        <v>43</v>
      </c>
      <c r="JF26" s="71">
        <v>2</v>
      </c>
      <c r="JG26" s="72">
        <v>2</v>
      </c>
      <c r="JH26" s="73">
        <v>4</v>
      </c>
      <c r="JI26" s="274"/>
      <c r="JJ26" s="72">
        <v>13</v>
      </c>
      <c r="JK26" s="72">
        <v>9</v>
      </c>
      <c r="JL26" s="72">
        <v>6</v>
      </c>
      <c r="JM26" s="72">
        <v>15</v>
      </c>
      <c r="JN26" s="72">
        <v>3</v>
      </c>
      <c r="JO26" s="73">
        <v>46</v>
      </c>
      <c r="JP26" s="74">
        <v>50</v>
      </c>
      <c r="JQ26" s="71">
        <v>0</v>
      </c>
      <c r="JR26" s="72">
        <v>0</v>
      </c>
      <c r="JS26" s="73">
        <v>0</v>
      </c>
      <c r="JT26" s="274"/>
      <c r="JU26" s="72">
        <v>0</v>
      </c>
      <c r="JV26" s="72">
        <v>0</v>
      </c>
      <c r="JW26" s="72">
        <v>0</v>
      </c>
      <c r="JX26" s="72">
        <v>0</v>
      </c>
      <c r="JY26" s="72">
        <v>0</v>
      </c>
      <c r="JZ26" s="73">
        <v>0</v>
      </c>
      <c r="KA26" s="74">
        <v>0</v>
      </c>
      <c r="KB26" s="71">
        <v>17</v>
      </c>
      <c r="KC26" s="72">
        <v>21</v>
      </c>
      <c r="KD26" s="73">
        <v>38</v>
      </c>
      <c r="KE26" s="274"/>
      <c r="KF26" s="72">
        <v>37</v>
      </c>
      <c r="KG26" s="72">
        <v>38</v>
      </c>
      <c r="KH26" s="72">
        <v>24</v>
      </c>
      <c r="KI26" s="72">
        <v>29</v>
      </c>
      <c r="KJ26" s="72">
        <v>12</v>
      </c>
      <c r="KK26" s="73">
        <v>140</v>
      </c>
      <c r="KL26" s="74">
        <v>178</v>
      </c>
    </row>
    <row r="27" spans="1:298" ht="19.5" customHeight="1" x14ac:dyDescent="0.2">
      <c r="A27" s="130" t="s">
        <v>24</v>
      </c>
      <c r="B27" s="347">
        <v>23</v>
      </c>
      <c r="C27" s="83">
        <v>14</v>
      </c>
      <c r="D27" s="84">
        <v>37</v>
      </c>
      <c r="E27" s="274"/>
      <c r="F27" s="83">
        <v>30</v>
      </c>
      <c r="G27" s="83">
        <v>17</v>
      </c>
      <c r="H27" s="83">
        <v>13</v>
      </c>
      <c r="I27" s="83">
        <v>18</v>
      </c>
      <c r="J27" s="83">
        <v>12</v>
      </c>
      <c r="K27" s="85">
        <v>90</v>
      </c>
      <c r="L27" s="86">
        <v>127</v>
      </c>
      <c r="M27" s="71">
        <v>0</v>
      </c>
      <c r="N27" s="72">
        <v>0</v>
      </c>
      <c r="O27" s="73">
        <v>0</v>
      </c>
      <c r="P27" s="277"/>
      <c r="Q27" s="72">
        <v>0</v>
      </c>
      <c r="R27" s="72">
        <v>0</v>
      </c>
      <c r="S27" s="72">
        <v>0</v>
      </c>
      <c r="T27" s="72">
        <v>0</v>
      </c>
      <c r="U27" s="72">
        <v>1</v>
      </c>
      <c r="V27" s="73">
        <v>1</v>
      </c>
      <c r="W27" s="74">
        <v>1</v>
      </c>
      <c r="X27" s="71">
        <v>0</v>
      </c>
      <c r="Y27" s="72">
        <v>0</v>
      </c>
      <c r="Z27" s="73">
        <v>0</v>
      </c>
      <c r="AA27" s="277"/>
      <c r="AB27" s="72">
        <v>0</v>
      </c>
      <c r="AC27" s="72">
        <v>0</v>
      </c>
      <c r="AD27" s="72">
        <v>3</v>
      </c>
      <c r="AE27" s="72">
        <v>0</v>
      </c>
      <c r="AF27" s="72">
        <v>0</v>
      </c>
      <c r="AG27" s="73">
        <v>3</v>
      </c>
      <c r="AH27" s="74">
        <v>3</v>
      </c>
      <c r="AI27" s="71">
        <v>2</v>
      </c>
      <c r="AJ27" s="72">
        <v>0</v>
      </c>
      <c r="AK27" s="73">
        <v>2</v>
      </c>
      <c r="AL27" s="277"/>
      <c r="AM27" s="72">
        <v>2</v>
      </c>
      <c r="AN27" s="72">
        <v>3</v>
      </c>
      <c r="AO27" s="72">
        <v>1</v>
      </c>
      <c r="AP27" s="72">
        <v>1</v>
      </c>
      <c r="AQ27" s="72">
        <v>2</v>
      </c>
      <c r="AR27" s="73">
        <v>9</v>
      </c>
      <c r="AS27" s="74">
        <v>11</v>
      </c>
      <c r="AT27" s="71">
        <v>8</v>
      </c>
      <c r="AU27" s="72">
        <v>7</v>
      </c>
      <c r="AV27" s="73">
        <v>15</v>
      </c>
      <c r="AW27" s="277"/>
      <c r="AX27" s="72">
        <v>10</v>
      </c>
      <c r="AY27" s="72">
        <v>4</v>
      </c>
      <c r="AZ27" s="72">
        <v>4</v>
      </c>
      <c r="BA27" s="72">
        <v>6</v>
      </c>
      <c r="BB27" s="72">
        <v>2</v>
      </c>
      <c r="BC27" s="73">
        <v>26</v>
      </c>
      <c r="BD27" s="74">
        <v>41</v>
      </c>
      <c r="BE27" s="71">
        <v>9</v>
      </c>
      <c r="BF27" s="72">
        <v>2</v>
      </c>
      <c r="BG27" s="73">
        <v>11</v>
      </c>
      <c r="BH27" s="277"/>
      <c r="BI27" s="72">
        <v>11</v>
      </c>
      <c r="BJ27" s="72">
        <v>5</v>
      </c>
      <c r="BK27" s="72">
        <v>3</v>
      </c>
      <c r="BL27" s="72">
        <v>4</v>
      </c>
      <c r="BM27" s="72">
        <v>4</v>
      </c>
      <c r="BN27" s="73">
        <v>27</v>
      </c>
      <c r="BO27" s="74">
        <v>38</v>
      </c>
      <c r="BP27" s="71">
        <v>4</v>
      </c>
      <c r="BQ27" s="72">
        <v>5</v>
      </c>
      <c r="BR27" s="73">
        <v>9</v>
      </c>
      <c r="BS27" s="277"/>
      <c r="BT27" s="72">
        <v>7</v>
      </c>
      <c r="BU27" s="72">
        <v>5</v>
      </c>
      <c r="BV27" s="72">
        <v>2</v>
      </c>
      <c r="BW27" s="72">
        <v>7</v>
      </c>
      <c r="BX27" s="72">
        <v>3</v>
      </c>
      <c r="BY27" s="73">
        <v>24</v>
      </c>
      <c r="BZ27" s="74">
        <v>33</v>
      </c>
      <c r="CA27" s="71">
        <v>0</v>
      </c>
      <c r="CB27" s="72">
        <v>0</v>
      </c>
      <c r="CC27" s="73">
        <v>0</v>
      </c>
      <c r="CD27" s="277"/>
      <c r="CE27" s="72">
        <v>0</v>
      </c>
      <c r="CF27" s="72">
        <v>0</v>
      </c>
      <c r="CG27" s="72">
        <v>0</v>
      </c>
      <c r="CH27" s="72">
        <v>0</v>
      </c>
      <c r="CI27" s="72">
        <v>0</v>
      </c>
      <c r="CJ27" s="73">
        <v>0</v>
      </c>
      <c r="CK27" s="74">
        <v>0</v>
      </c>
      <c r="CL27" s="71">
        <v>23</v>
      </c>
      <c r="CM27" s="72">
        <v>14</v>
      </c>
      <c r="CN27" s="73">
        <v>37</v>
      </c>
      <c r="CO27" s="277"/>
      <c r="CP27" s="72">
        <v>30</v>
      </c>
      <c r="CQ27" s="72">
        <v>17</v>
      </c>
      <c r="CR27" s="72">
        <v>13</v>
      </c>
      <c r="CS27" s="72">
        <v>18</v>
      </c>
      <c r="CT27" s="72">
        <v>12</v>
      </c>
      <c r="CU27" s="73">
        <v>90</v>
      </c>
      <c r="CV27" s="74">
        <v>127</v>
      </c>
      <c r="CW27" s="127">
        <v>8</v>
      </c>
      <c r="CX27" s="83">
        <v>5</v>
      </c>
      <c r="CY27" s="84">
        <v>13</v>
      </c>
      <c r="CZ27" s="274"/>
      <c r="DA27" s="83">
        <v>10</v>
      </c>
      <c r="DB27" s="83">
        <v>9</v>
      </c>
      <c r="DC27" s="83">
        <v>3</v>
      </c>
      <c r="DD27" s="83">
        <v>3</v>
      </c>
      <c r="DE27" s="83">
        <v>2</v>
      </c>
      <c r="DF27" s="85">
        <v>27</v>
      </c>
      <c r="DG27" s="86">
        <v>40</v>
      </c>
      <c r="DH27" s="71">
        <v>0</v>
      </c>
      <c r="DI27" s="72">
        <v>0</v>
      </c>
      <c r="DJ27" s="73">
        <v>0</v>
      </c>
      <c r="DK27" s="277"/>
      <c r="DL27" s="72">
        <v>0</v>
      </c>
      <c r="DM27" s="72">
        <v>0</v>
      </c>
      <c r="DN27" s="72">
        <v>0</v>
      </c>
      <c r="DO27" s="72">
        <v>0</v>
      </c>
      <c r="DP27" s="72">
        <v>0</v>
      </c>
      <c r="DQ27" s="73">
        <v>0</v>
      </c>
      <c r="DR27" s="74">
        <v>0</v>
      </c>
      <c r="DS27" s="71">
        <v>0</v>
      </c>
      <c r="DT27" s="72">
        <v>0</v>
      </c>
      <c r="DU27" s="73">
        <v>0</v>
      </c>
      <c r="DV27" s="277"/>
      <c r="DW27" s="72">
        <v>2</v>
      </c>
      <c r="DX27" s="72">
        <v>0</v>
      </c>
      <c r="DY27" s="72">
        <v>0</v>
      </c>
      <c r="DZ27" s="72">
        <v>2</v>
      </c>
      <c r="EA27" s="72">
        <v>0</v>
      </c>
      <c r="EB27" s="73">
        <v>4</v>
      </c>
      <c r="EC27" s="74">
        <v>4</v>
      </c>
      <c r="ED27" s="71">
        <v>1</v>
      </c>
      <c r="EE27" s="72">
        <v>0</v>
      </c>
      <c r="EF27" s="73">
        <v>1</v>
      </c>
      <c r="EG27" s="277"/>
      <c r="EH27" s="72">
        <v>2</v>
      </c>
      <c r="EI27" s="72">
        <v>0</v>
      </c>
      <c r="EJ27" s="72">
        <v>0</v>
      </c>
      <c r="EK27" s="72">
        <v>0</v>
      </c>
      <c r="EL27" s="72">
        <v>0</v>
      </c>
      <c r="EM27" s="73">
        <v>2</v>
      </c>
      <c r="EN27" s="74">
        <v>3</v>
      </c>
      <c r="EO27" s="71">
        <v>0</v>
      </c>
      <c r="EP27" s="72">
        <v>2</v>
      </c>
      <c r="EQ27" s="73">
        <v>2</v>
      </c>
      <c r="ER27" s="277"/>
      <c r="ES27" s="72">
        <v>1</v>
      </c>
      <c r="ET27" s="72">
        <v>2</v>
      </c>
      <c r="EU27" s="72">
        <v>2</v>
      </c>
      <c r="EV27" s="72">
        <v>0</v>
      </c>
      <c r="EW27" s="72">
        <v>1</v>
      </c>
      <c r="EX27" s="73">
        <v>6</v>
      </c>
      <c r="EY27" s="74">
        <v>8</v>
      </c>
      <c r="EZ27" s="71">
        <v>5</v>
      </c>
      <c r="FA27" s="72">
        <v>2</v>
      </c>
      <c r="FB27" s="73">
        <v>7</v>
      </c>
      <c r="FC27" s="277"/>
      <c r="FD27" s="72">
        <v>3</v>
      </c>
      <c r="FE27" s="72">
        <v>3</v>
      </c>
      <c r="FF27" s="72">
        <v>1</v>
      </c>
      <c r="FG27" s="72">
        <v>0</v>
      </c>
      <c r="FH27" s="72">
        <v>1</v>
      </c>
      <c r="FI27" s="73">
        <v>8</v>
      </c>
      <c r="FJ27" s="74">
        <v>15</v>
      </c>
      <c r="FK27" s="71">
        <v>2</v>
      </c>
      <c r="FL27" s="72">
        <v>1</v>
      </c>
      <c r="FM27" s="73">
        <v>3</v>
      </c>
      <c r="FN27" s="277"/>
      <c r="FO27" s="72">
        <v>2</v>
      </c>
      <c r="FP27" s="72">
        <v>4</v>
      </c>
      <c r="FQ27" s="72">
        <v>0</v>
      </c>
      <c r="FR27" s="72">
        <v>1</v>
      </c>
      <c r="FS27" s="72">
        <v>0</v>
      </c>
      <c r="FT27" s="73">
        <v>7</v>
      </c>
      <c r="FU27" s="74">
        <v>10</v>
      </c>
      <c r="FV27" s="71">
        <v>0</v>
      </c>
      <c r="FW27" s="72">
        <v>0</v>
      </c>
      <c r="FX27" s="73">
        <v>0</v>
      </c>
      <c r="FY27" s="277"/>
      <c r="FZ27" s="72">
        <v>0</v>
      </c>
      <c r="GA27" s="72">
        <v>0</v>
      </c>
      <c r="GB27" s="72">
        <v>0</v>
      </c>
      <c r="GC27" s="72">
        <v>0</v>
      </c>
      <c r="GD27" s="72">
        <v>0</v>
      </c>
      <c r="GE27" s="73">
        <v>0</v>
      </c>
      <c r="GF27" s="74">
        <v>0</v>
      </c>
      <c r="GG27" s="71">
        <v>8</v>
      </c>
      <c r="GH27" s="72">
        <v>5</v>
      </c>
      <c r="GI27" s="73">
        <v>13</v>
      </c>
      <c r="GJ27" s="277"/>
      <c r="GK27" s="72">
        <v>10</v>
      </c>
      <c r="GL27" s="72">
        <v>9</v>
      </c>
      <c r="GM27" s="72">
        <v>3</v>
      </c>
      <c r="GN27" s="72">
        <v>3</v>
      </c>
      <c r="GO27" s="72">
        <v>2</v>
      </c>
      <c r="GP27" s="73">
        <v>27</v>
      </c>
      <c r="GQ27" s="74">
        <v>40</v>
      </c>
      <c r="GR27" s="127">
        <v>31</v>
      </c>
      <c r="GS27" s="83">
        <v>19</v>
      </c>
      <c r="GT27" s="84">
        <v>50</v>
      </c>
      <c r="GU27" s="274"/>
      <c r="GV27" s="83">
        <v>40</v>
      </c>
      <c r="GW27" s="83">
        <v>26</v>
      </c>
      <c r="GX27" s="83">
        <v>16</v>
      </c>
      <c r="GY27" s="83">
        <v>21</v>
      </c>
      <c r="GZ27" s="83">
        <v>14</v>
      </c>
      <c r="HA27" s="85">
        <v>117</v>
      </c>
      <c r="HB27" s="86">
        <v>167</v>
      </c>
      <c r="HC27" s="71">
        <v>0</v>
      </c>
      <c r="HD27" s="72">
        <v>0</v>
      </c>
      <c r="HE27" s="73">
        <v>0</v>
      </c>
      <c r="HF27" s="274"/>
      <c r="HG27" s="72">
        <v>0</v>
      </c>
      <c r="HH27" s="72">
        <v>0</v>
      </c>
      <c r="HI27" s="72">
        <v>0</v>
      </c>
      <c r="HJ27" s="72">
        <v>0</v>
      </c>
      <c r="HK27" s="72">
        <v>1</v>
      </c>
      <c r="HL27" s="73">
        <v>1</v>
      </c>
      <c r="HM27" s="74">
        <v>1</v>
      </c>
      <c r="HN27" s="71">
        <v>0</v>
      </c>
      <c r="HO27" s="72">
        <v>0</v>
      </c>
      <c r="HP27" s="73">
        <v>0</v>
      </c>
      <c r="HQ27" s="277"/>
      <c r="HR27" s="72">
        <v>2</v>
      </c>
      <c r="HS27" s="72">
        <v>0</v>
      </c>
      <c r="HT27" s="72">
        <v>3</v>
      </c>
      <c r="HU27" s="72">
        <v>2</v>
      </c>
      <c r="HV27" s="72">
        <v>0</v>
      </c>
      <c r="HW27" s="73">
        <v>7</v>
      </c>
      <c r="HX27" s="74">
        <v>7</v>
      </c>
      <c r="HY27" s="71">
        <v>3</v>
      </c>
      <c r="HZ27" s="72">
        <v>0</v>
      </c>
      <c r="IA27" s="73">
        <v>3</v>
      </c>
      <c r="IB27" s="277"/>
      <c r="IC27" s="72">
        <v>4</v>
      </c>
      <c r="ID27" s="72">
        <v>3</v>
      </c>
      <c r="IE27" s="72">
        <v>1</v>
      </c>
      <c r="IF27" s="72">
        <v>1</v>
      </c>
      <c r="IG27" s="72">
        <v>2</v>
      </c>
      <c r="IH27" s="73">
        <v>11</v>
      </c>
      <c r="II27" s="74">
        <v>14</v>
      </c>
      <c r="IJ27" s="71">
        <v>8</v>
      </c>
      <c r="IK27" s="72">
        <v>9</v>
      </c>
      <c r="IL27" s="73">
        <v>17</v>
      </c>
      <c r="IM27" s="277"/>
      <c r="IN27" s="72">
        <v>11</v>
      </c>
      <c r="IO27" s="72">
        <v>6</v>
      </c>
      <c r="IP27" s="72">
        <v>6</v>
      </c>
      <c r="IQ27" s="72">
        <v>6</v>
      </c>
      <c r="IR27" s="72">
        <v>3</v>
      </c>
      <c r="IS27" s="73">
        <v>32</v>
      </c>
      <c r="IT27" s="74">
        <v>49</v>
      </c>
      <c r="IU27" s="71">
        <v>14</v>
      </c>
      <c r="IV27" s="72">
        <v>4</v>
      </c>
      <c r="IW27" s="73">
        <v>18</v>
      </c>
      <c r="IX27" s="274"/>
      <c r="IY27" s="72">
        <v>14</v>
      </c>
      <c r="IZ27" s="72">
        <v>8</v>
      </c>
      <c r="JA27" s="72">
        <v>4</v>
      </c>
      <c r="JB27" s="72">
        <v>4</v>
      </c>
      <c r="JC27" s="72">
        <v>5</v>
      </c>
      <c r="JD27" s="73">
        <v>35</v>
      </c>
      <c r="JE27" s="74">
        <v>53</v>
      </c>
      <c r="JF27" s="71">
        <v>6</v>
      </c>
      <c r="JG27" s="72">
        <v>6</v>
      </c>
      <c r="JH27" s="73">
        <v>12</v>
      </c>
      <c r="JI27" s="274"/>
      <c r="JJ27" s="72">
        <v>9</v>
      </c>
      <c r="JK27" s="72">
        <v>9</v>
      </c>
      <c r="JL27" s="72">
        <v>2</v>
      </c>
      <c r="JM27" s="72">
        <v>8</v>
      </c>
      <c r="JN27" s="72">
        <v>3</v>
      </c>
      <c r="JO27" s="73">
        <v>31</v>
      </c>
      <c r="JP27" s="74">
        <v>43</v>
      </c>
      <c r="JQ27" s="71">
        <v>0</v>
      </c>
      <c r="JR27" s="72">
        <v>0</v>
      </c>
      <c r="JS27" s="73">
        <v>0</v>
      </c>
      <c r="JT27" s="274"/>
      <c r="JU27" s="72">
        <v>0</v>
      </c>
      <c r="JV27" s="72">
        <v>0</v>
      </c>
      <c r="JW27" s="72">
        <v>0</v>
      </c>
      <c r="JX27" s="72">
        <v>0</v>
      </c>
      <c r="JY27" s="72">
        <v>0</v>
      </c>
      <c r="JZ27" s="73">
        <v>0</v>
      </c>
      <c r="KA27" s="74">
        <v>0</v>
      </c>
      <c r="KB27" s="71">
        <v>31</v>
      </c>
      <c r="KC27" s="72">
        <v>19</v>
      </c>
      <c r="KD27" s="73">
        <v>50</v>
      </c>
      <c r="KE27" s="274"/>
      <c r="KF27" s="72">
        <v>40</v>
      </c>
      <c r="KG27" s="72">
        <v>26</v>
      </c>
      <c r="KH27" s="72">
        <v>16</v>
      </c>
      <c r="KI27" s="72">
        <v>21</v>
      </c>
      <c r="KJ27" s="72">
        <v>14</v>
      </c>
      <c r="KK27" s="73">
        <v>117</v>
      </c>
      <c r="KL27" s="74">
        <v>167</v>
      </c>
    </row>
    <row r="28" spans="1:298" ht="19.5" customHeight="1" x14ac:dyDescent="0.2">
      <c r="A28" s="130" t="s">
        <v>25</v>
      </c>
      <c r="B28" s="347">
        <v>7</v>
      </c>
      <c r="C28" s="83">
        <v>12</v>
      </c>
      <c r="D28" s="84">
        <v>19</v>
      </c>
      <c r="E28" s="274"/>
      <c r="F28" s="83">
        <v>11</v>
      </c>
      <c r="G28" s="83">
        <v>6</v>
      </c>
      <c r="H28" s="83">
        <v>8</v>
      </c>
      <c r="I28" s="83">
        <v>3</v>
      </c>
      <c r="J28" s="83">
        <v>5</v>
      </c>
      <c r="K28" s="85">
        <v>33</v>
      </c>
      <c r="L28" s="86">
        <v>52</v>
      </c>
      <c r="M28" s="71">
        <v>0</v>
      </c>
      <c r="N28" s="72">
        <v>1</v>
      </c>
      <c r="O28" s="73">
        <v>1</v>
      </c>
      <c r="P28" s="277"/>
      <c r="Q28" s="72">
        <v>0</v>
      </c>
      <c r="R28" s="72">
        <v>1</v>
      </c>
      <c r="S28" s="72">
        <v>0</v>
      </c>
      <c r="T28" s="72">
        <v>0</v>
      </c>
      <c r="U28" s="72">
        <v>1</v>
      </c>
      <c r="V28" s="73">
        <v>2</v>
      </c>
      <c r="W28" s="74">
        <v>3</v>
      </c>
      <c r="X28" s="71">
        <v>0</v>
      </c>
      <c r="Y28" s="72">
        <v>1</v>
      </c>
      <c r="Z28" s="73">
        <v>1</v>
      </c>
      <c r="AA28" s="277"/>
      <c r="AB28" s="72">
        <v>3</v>
      </c>
      <c r="AC28" s="72">
        <v>0</v>
      </c>
      <c r="AD28" s="72">
        <v>0</v>
      </c>
      <c r="AE28" s="72">
        <v>1</v>
      </c>
      <c r="AF28" s="72">
        <v>0</v>
      </c>
      <c r="AG28" s="73">
        <v>4</v>
      </c>
      <c r="AH28" s="74">
        <v>5</v>
      </c>
      <c r="AI28" s="71">
        <v>1</v>
      </c>
      <c r="AJ28" s="72">
        <v>2</v>
      </c>
      <c r="AK28" s="73">
        <v>3</v>
      </c>
      <c r="AL28" s="277"/>
      <c r="AM28" s="72">
        <v>1</v>
      </c>
      <c r="AN28" s="72">
        <v>1</v>
      </c>
      <c r="AO28" s="72">
        <v>0</v>
      </c>
      <c r="AP28" s="72">
        <v>1</v>
      </c>
      <c r="AQ28" s="72">
        <v>0</v>
      </c>
      <c r="AR28" s="73">
        <v>3</v>
      </c>
      <c r="AS28" s="74">
        <v>6</v>
      </c>
      <c r="AT28" s="71">
        <v>2</v>
      </c>
      <c r="AU28" s="72">
        <v>3</v>
      </c>
      <c r="AV28" s="73">
        <v>5</v>
      </c>
      <c r="AW28" s="277"/>
      <c r="AX28" s="72">
        <v>2</v>
      </c>
      <c r="AY28" s="72">
        <v>1</v>
      </c>
      <c r="AZ28" s="72">
        <v>5</v>
      </c>
      <c r="BA28" s="72">
        <v>1</v>
      </c>
      <c r="BB28" s="72">
        <v>0</v>
      </c>
      <c r="BC28" s="73">
        <v>9</v>
      </c>
      <c r="BD28" s="74">
        <v>14</v>
      </c>
      <c r="BE28" s="71">
        <v>3</v>
      </c>
      <c r="BF28" s="72">
        <v>3</v>
      </c>
      <c r="BG28" s="73">
        <v>6</v>
      </c>
      <c r="BH28" s="277"/>
      <c r="BI28" s="72">
        <v>4</v>
      </c>
      <c r="BJ28" s="72">
        <v>0</v>
      </c>
      <c r="BK28" s="72">
        <v>3</v>
      </c>
      <c r="BL28" s="72">
        <v>0</v>
      </c>
      <c r="BM28" s="72">
        <v>3</v>
      </c>
      <c r="BN28" s="73">
        <v>10</v>
      </c>
      <c r="BO28" s="74">
        <v>16</v>
      </c>
      <c r="BP28" s="71">
        <v>1</v>
      </c>
      <c r="BQ28" s="72">
        <v>2</v>
      </c>
      <c r="BR28" s="73">
        <v>3</v>
      </c>
      <c r="BS28" s="277"/>
      <c r="BT28" s="72">
        <v>1</v>
      </c>
      <c r="BU28" s="72">
        <v>3</v>
      </c>
      <c r="BV28" s="72">
        <v>0</v>
      </c>
      <c r="BW28" s="72">
        <v>0</v>
      </c>
      <c r="BX28" s="72">
        <v>1</v>
      </c>
      <c r="BY28" s="73">
        <v>5</v>
      </c>
      <c r="BZ28" s="74">
        <v>8</v>
      </c>
      <c r="CA28" s="71">
        <v>0</v>
      </c>
      <c r="CB28" s="72">
        <v>0</v>
      </c>
      <c r="CC28" s="73">
        <v>0</v>
      </c>
      <c r="CD28" s="277"/>
      <c r="CE28" s="72">
        <v>0</v>
      </c>
      <c r="CF28" s="72">
        <v>0</v>
      </c>
      <c r="CG28" s="72">
        <v>0</v>
      </c>
      <c r="CH28" s="72">
        <v>0</v>
      </c>
      <c r="CI28" s="72">
        <v>0</v>
      </c>
      <c r="CJ28" s="73">
        <v>0</v>
      </c>
      <c r="CK28" s="74">
        <v>0</v>
      </c>
      <c r="CL28" s="71">
        <v>7</v>
      </c>
      <c r="CM28" s="72">
        <v>12</v>
      </c>
      <c r="CN28" s="73">
        <v>19</v>
      </c>
      <c r="CO28" s="277"/>
      <c r="CP28" s="72">
        <v>11</v>
      </c>
      <c r="CQ28" s="72">
        <v>6</v>
      </c>
      <c r="CR28" s="72">
        <v>8</v>
      </c>
      <c r="CS28" s="72">
        <v>3</v>
      </c>
      <c r="CT28" s="72">
        <v>5</v>
      </c>
      <c r="CU28" s="73">
        <v>33</v>
      </c>
      <c r="CV28" s="74">
        <v>52</v>
      </c>
      <c r="CW28" s="127">
        <v>4</v>
      </c>
      <c r="CX28" s="83">
        <v>7</v>
      </c>
      <c r="CY28" s="84">
        <v>11</v>
      </c>
      <c r="CZ28" s="274"/>
      <c r="DA28" s="83">
        <v>12</v>
      </c>
      <c r="DB28" s="83">
        <v>5</v>
      </c>
      <c r="DC28" s="83">
        <v>2</v>
      </c>
      <c r="DD28" s="83">
        <v>7</v>
      </c>
      <c r="DE28" s="83">
        <v>2</v>
      </c>
      <c r="DF28" s="85">
        <v>28</v>
      </c>
      <c r="DG28" s="86">
        <v>39</v>
      </c>
      <c r="DH28" s="71">
        <v>0</v>
      </c>
      <c r="DI28" s="72">
        <v>0</v>
      </c>
      <c r="DJ28" s="73">
        <v>0</v>
      </c>
      <c r="DK28" s="277"/>
      <c r="DL28" s="72">
        <v>0</v>
      </c>
      <c r="DM28" s="72">
        <v>0</v>
      </c>
      <c r="DN28" s="72">
        <v>0</v>
      </c>
      <c r="DO28" s="72">
        <v>0</v>
      </c>
      <c r="DP28" s="72">
        <v>1</v>
      </c>
      <c r="DQ28" s="73">
        <v>1</v>
      </c>
      <c r="DR28" s="74">
        <v>1</v>
      </c>
      <c r="DS28" s="71">
        <v>0</v>
      </c>
      <c r="DT28" s="72">
        <v>0</v>
      </c>
      <c r="DU28" s="73">
        <v>0</v>
      </c>
      <c r="DV28" s="277"/>
      <c r="DW28" s="72">
        <v>1</v>
      </c>
      <c r="DX28" s="72">
        <v>0</v>
      </c>
      <c r="DY28" s="72">
        <v>0</v>
      </c>
      <c r="DZ28" s="72">
        <v>1</v>
      </c>
      <c r="EA28" s="72">
        <v>0</v>
      </c>
      <c r="EB28" s="73">
        <v>2</v>
      </c>
      <c r="EC28" s="74">
        <v>2</v>
      </c>
      <c r="ED28" s="71">
        <v>1</v>
      </c>
      <c r="EE28" s="72">
        <v>2</v>
      </c>
      <c r="EF28" s="73">
        <v>3</v>
      </c>
      <c r="EG28" s="277"/>
      <c r="EH28" s="72">
        <v>1</v>
      </c>
      <c r="EI28" s="72">
        <v>1</v>
      </c>
      <c r="EJ28" s="72">
        <v>0</v>
      </c>
      <c r="EK28" s="72">
        <v>0</v>
      </c>
      <c r="EL28" s="72">
        <v>0</v>
      </c>
      <c r="EM28" s="73">
        <v>2</v>
      </c>
      <c r="EN28" s="74">
        <v>5</v>
      </c>
      <c r="EO28" s="71">
        <v>0</v>
      </c>
      <c r="EP28" s="72">
        <v>1</v>
      </c>
      <c r="EQ28" s="73">
        <v>1</v>
      </c>
      <c r="ER28" s="277"/>
      <c r="ES28" s="72">
        <v>0</v>
      </c>
      <c r="ET28" s="72">
        <v>0</v>
      </c>
      <c r="EU28" s="72">
        <v>0</v>
      </c>
      <c r="EV28" s="72">
        <v>4</v>
      </c>
      <c r="EW28" s="72">
        <v>1</v>
      </c>
      <c r="EX28" s="73">
        <v>5</v>
      </c>
      <c r="EY28" s="74">
        <v>6</v>
      </c>
      <c r="EZ28" s="71">
        <v>1</v>
      </c>
      <c r="FA28" s="72">
        <v>2</v>
      </c>
      <c r="FB28" s="73">
        <v>3</v>
      </c>
      <c r="FC28" s="277"/>
      <c r="FD28" s="72">
        <v>6</v>
      </c>
      <c r="FE28" s="72">
        <v>0</v>
      </c>
      <c r="FF28" s="72">
        <v>1</v>
      </c>
      <c r="FG28" s="72">
        <v>1</v>
      </c>
      <c r="FH28" s="72">
        <v>0</v>
      </c>
      <c r="FI28" s="73">
        <v>8</v>
      </c>
      <c r="FJ28" s="74">
        <v>11</v>
      </c>
      <c r="FK28" s="71">
        <v>2</v>
      </c>
      <c r="FL28" s="72">
        <v>2</v>
      </c>
      <c r="FM28" s="73">
        <v>4</v>
      </c>
      <c r="FN28" s="277"/>
      <c r="FO28" s="72">
        <v>4</v>
      </c>
      <c r="FP28" s="72">
        <v>4</v>
      </c>
      <c r="FQ28" s="72">
        <v>1</v>
      </c>
      <c r="FR28" s="72">
        <v>1</v>
      </c>
      <c r="FS28" s="72">
        <v>0</v>
      </c>
      <c r="FT28" s="73">
        <v>10</v>
      </c>
      <c r="FU28" s="74">
        <v>14</v>
      </c>
      <c r="FV28" s="71">
        <v>0</v>
      </c>
      <c r="FW28" s="72">
        <v>0</v>
      </c>
      <c r="FX28" s="73">
        <v>0</v>
      </c>
      <c r="FY28" s="277"/>
      <c r="FZ28" s="72">
        <v>0</v>
      </c>
      <c r="GA28" s="72">
        <v>0</v>
      </c>
      <c r="GB28" s="72">
        <v>0</v>
      </c>
      <c r="GC28" s="72">
        <v>0</v>
      </c>
      <c r="GD28" s="72">
        <v>0</v>
      </c>
      <c r="GE28" s="73">
        <v>0</v>
      </c>
      <c r="GF28" s="74">
        <v>0</v>
      </c>
      <c r="GG28" s="71">
        <v>4</v>
      </c>
      <c r="GH28" s="72">
        <v>7</v>
      </c>
      <c r="GI28" s="73">
        <v>11</v>
      </c>
      <c r="GJ28" s="277"/>
      <c r="GK28" s="72">
        <v>12</v>
      </c>
      <c r="GL28" s="72">
        <v>5</v>
      </c>
      <c r="GM28" s="72">
        <v>2</v>
      </c>
      <c r="GN28" s="72">
        <v>7</v>
      </c>
      <c r="GO28" s="72">
        <v>2</v>
      </c>
      <c r="GP28" s="73">
        <v>28</v>
      </c>
      <c r="GQ28" s="74">
        <v>39</v>
      </c>
      <c r="GR28" s="127">
        <v>11</v>
      </c>
      <c r="GS28" s="83">
        <v>19</v>
      </c>
      <c r="GT28" s="84">
        <v>30</v>
      </c>
      <c r="GU28" s="274"/>
      <c r="GV28" s="83">
        <v>23</v>
      </c>
      <c r="GW28" s="83">
        <v>11</v>
      </c>
      <c r="GX28" s="83">
        <v>10</v>
      </c>
      <c r="GY28" s="83">
        <v>10</v>
      </c>
      <c r="GZ28" s="83">
        <v>7</v>
      </c>
      <c r="HA28" s="85">
        <v>61</v>
      </c>
      <c r="HB28" s="86">
        <v>91</v>
      </c>
      <c r="HC28" s="71">
        <v>0</v>
      </c>
      <c r="HD28" s="72">
        <v>1</v>
      </c>
      <c r="HE28" s="73">
        <v>1</v>
      </c>
      <c r="HF28" s="274"/>
      <c r="HG28" s="72">
        <v>0</v>
      </c>
      <c r="HH28" s="72">
        <v>1</v>
      </c>
      <c r="HI28" s="72">
        <v>0</v>
      </c>
      <c r="HJ28" s="72">
        <v>0</v>
      </c>
      <c r="HK28" s="72">
        <v>2</v>
      </c>
      <c r="HL28" s="73">
        <v>3</v>
      </c>
      <c r="HM28" s="74">
        <v>4</v>
      </c>
      <c r="HN28" s="71">
        <v>0</v>
      </c>
      <c r="HO28" s="72">
        <v>1</v>
      </c>
      <c r="HP28" s="73">
        <v>1</v>
      </c>
      <c r="HQ28" s="277"/>
      <c r="HR28" s="72">
        <v>4</v>
      </c>
      <c r="HS28" s="72">
        <v>0</v>
      </c>
      <c r="HT28" s="72">
        <v>0</v>
      </c>
      <c r="HU28" s="72">
        <v>2</v>
      </c>
      <c r="HV28" s="72">
        <v>0</v>
      </c>
      <c r="HW28" s="73">
        <v>6</v>
      </c>
      <c r="HX28" s="74">
        <v>7</v>
      </c>
      <c r="HY28" s="71">
        <v>2</v>
      </c>
      <c r="HZ28" s="72">
        <v>4</v>
      </c>
      <c r="IA28" s="73">
        <v>6</v>
      </c>
      <c r="IB28" s="277"/>
      <c r="IC28" s="72">
        <v>2</v>
      </c>
      <c r="ID28" s="72">
        <v>2</v>
      </c>
      <c r="IE28" s="72">
        <v>0</v>
      </c>
      <c r="IF28" s="72">
        <v>1</v>
      </c>
      <c r="IG28" s="72">
        <v>0</v>
      </c>
      <c r="IH28" s="73">
        <v>5</v>
      </c>
      <c r="II28" s="74">
        <v>11</v>
      </c>
      <c r="IJ28" s="71">
        <v>2</v>
      </c>
      <c r="IK28" s="72">
        <v>4</v>
      </c>
      <c r="IL28" s="73">
        <v>6</v>
      </c>
      <c r="IM28" s="277"/>
      <c r="IN28" s="72">
        <v>2</v>
      </c>
      <c r="IO28" s="72">
        <v>1</v>
      </c>
      <c r="IP28" s="72">
        <v>5</v>
      </c>
      <c r="IQ28" s="72">
        <v>5</v>
      </c>
      <c r="IR28" s="72">
        <v>1</v>
      </c>
      <c r="IS28" s="73">
        <v>14</v>
      </c>
      <c r="IT28" s="74">
        <v>20</v>
      </c>
      <c r="IU28" s="71">
        <v>4</v>
      </c>
      <c r="IV28" s="72">
        <v>5</v>
      </c>
      <c r="IW28" s="73">
        <v>9</v>
      </c>
      <c r="IX28" s="274"/>
      <c r="IY28" s="72">
        <v>10</v>
      </c>
      <c r="IZ28" s="72">
        <v>0</v>
      </c>
      <c r="JA28" s="72">
        <v>4</v>
      </c>
      <c r="JB28" s="72">
        <v>1</v>
      </c>
      <c r="JC28" s="72">
        <v>3</v>
      </c>
      <c r="JD28" s="73">
        <v>18</v>
      </c>
      <c r="JE28" s="74">
        <v>27</v>
      </c>
      <c r="JF28" s="71">
        <v>3</v>
      </c>
      <c r="JG28" s="72">
        <v>4</v>
      </c>
      <c r="JH28" s="73">
        <v>7</v>
      </c>
      <c r="JI28" s="274"/>
      <c r="JJ28" s="72">
        <v>5</v>
      </c>
      <c r="JK28" s="72">
        <v>7</v>
      </c>
      <c r="JL28" s="72">
        <v>1</v>
      </c>
      <c r="JM28" s="72">
        <v>1</v>
      </c>
      <c r="JN28" s="72">
        <v>1</v>
      </c>
      <c r="JO28" s="73">
        <v>15</v>
      </c>
      <c r="JP28" s="74">
        <v>22</v>
      </c>
      <c r="JQ28" s="71">
        <v>0</v>
      </c>
      <c r="JR28" s="72">
        <v>0</v>
      </c>
      <c r="JS28" s="73">
        <v>0</v>
      </c>
      <c r="JT28" s="274"/>
      <c r="JU28" s="72">
        <v>0</v>
      </c>
      <c r="JV28" s="72">
        <v>0</v>
      </c>
      <c r="JW28" s="72">
        <v>0</v>
      </c>
      <c r="JX28" s="72">
        <v>0</v>
      </c>
      <c r="JY28" s="72">
        <v>0</v>
      </c>
      <c r="JZ28" s="73">
        <v>0</v>
      </c>
      <c r="KA28" s="74">
        <v>0</v>
      </c>
      <c r="KB28" s="71">
        <v>11</v>
      </c>
      <c r="KC28" s="72">
        <v>19</v>
      </c>
      <c r="KD28" s="73">
        <v>30</v>
      </c>
      <c r="KE28" s="274"/>
      <c r="KF28" s="72">
        <v>23</v>
      </c>
      <c r="KG28" s="72">
        <v>11</v>
      </c>
      <c r="KH28" s="72">
        <v>10</v>
      </c>
      <c r="KI28" s="72">
        <v>10</v>
      </c>
      <c r="KJ28" s="72">
        <v>7</v>
      </c>
      <c r="KK28" s="73">
        <v>61</v>
      </c>
      <c r="KL28" s="74">
        <v>91</v>
      </c>
    </row>
    <row r="29" spans="1:298" ht="19.5" customHeight="1" x14ac:dyDescent="0.2">
      <c r="A29" s="130" t="s">
        <v>26</v>
      </c>
      <c r="B29" s="347">
        <v>14</v>
      </c>
      <c r="C29" s="83">
        <v>12</v>
      </c>
      <c r="D29" s="84">
        <v>26</v>
      </c>
      <c r="E29" s="274"/>
      <c r="F29" s="83">
        <v>26</v>
      </c>
      <c r="G29" s="83">
        <v>12</v>
      </c>
      <c r="H29" s="83">
        <v>10</v>
      </c>
      <c r="I29" s="83">
        <v>5</v>
      </c>
      <c r="J29" s="83">
        <v>4</v>
      </c>
      <c r="K29" s="85">
        <v>57</v>
      </c>
      <c r="L29" s="86">
        <v>83</v>
      </c>
      <c r="M29" s="71">
        <v>1</v>
      </c>
      <c r="N29" s="72">
        <v>0</v>
      </c>
      <c r="O29" s="73">
        <v>1</v>
      </c>
      <c r="P29" s="277"/>
      <c r="Q29" s="72">
        <v>1</v>
      </c>
      <c r="R29" s="72">
        <v>0</v>
      </c>
      <c r="S29" s="72">
        <v>0</v>
      </c>
      <c r="T29" s="72">
        <v>0</v>
      </c>
      <c r="U29" s="72">
        <v>0</v>
      </c>
      <c r="V29" s="73">
        <v>1</v>
      </c>
      <c r="W29" s="74">
        <v>2</v>
      </c>
      <c r="X29" s="71">
        <v>1</v>
      </c>
      <c r="Y29" s="72">
        <v>0</v>
      </c>
      <c r="Z29" s="73">
        <v>1</v>
      </c>
      <c r="AA29" s="277"/>
      <c r="AB29" s="72">
        <v>2</v>
      </c>
      <c r="AC29" s="72">
        <v>1</v>
      </c>
      <c r="AD29" s="72">
        <v>2</v>
      </c>
      <c r="AE29" s="72">
        <v>0</v>
      </c>
      <c r="AF29" s="72">
        <v>0</v>
      </c>
      <c r="AG29" s="73">
        <v>5</v>
      </c>
      <c r="AH29" s="74">
        <v>6</v>
      </c>
      <c r="AI29" s="71">
        <v>2</v>
      </c>
      <c r="AJ29" s="72">
        <v>2</v>
      </c>
      <c r="AK29" s="73">
        <v>4</v>
      </c>
      <c r="AL29" s="277"/>
      <c r="AM29" s="72">
        <v>3</v>
      </c>
      <c r="AN29" s="72">
        <v>2</v>
      </c>
      <c r="AO29" s="72">
        <v>2</v>
      </c>
      <c r="AP29" s="72">
        <v>1</v>
      </c>
      <c r="AQ29" s="72">
        <v>0</v>
      </c>
      <c r="AR29" s="73">
        <v>8</v>
      </c>
      <c r="AS29" s="74">
        <v>12</v>
      </c>
      <c r="AT29" s="71">
        <v>3</v>
      </c>
      <c r="AU29" s="72">
        <v>1</v>
      </c>
      <c r="AV29" s="73">
        <v>4</v>
      </c>
      <c r="AW29" s="277"/>
      <c r="AX29" s="72">
        <v>6</v>
      </c>
      <c r="AY29" s="72">
        <v>3</v>
      </c>
      <c r="AZ29" s="72">
        <v>1</v>
      </c>
      <c r="BA29" s="72">
        <v>0</v>
      </c>
      <c r="BB29" s="72">
        <v>1</v>
      </c>
      <c r="BC29" s="73">
        <v>11</v>
      </c>
      <c r="BD29" s="74">
        <v>15</v>
      </c>
      <c r="BE29" s="71">
        <v>6</v>
      </c>
      <c r="BF29" s="72">
        <v>4</v>
      </c>
      <c r="BG29" s="73">
        <v>10</v>
      </c>
      <c r="BH29" s="277"/>
      <c r="BI29" s="72">
        <v>3</v>
      </c>
      <c r="BJ29" s="72">
        <v>2</v>
      </c>
      <c r="BK29" s="72">
        <v>1</v>
      </c>
      <c r="BL29" s="72">
        <v>1</v>
      </c>
      <c r="BM29" s="72">
        <v>2</v>
      </c>
      <c r="BN29" s="73">
        <v>9</v>
      </c>
      <c r="BO29" s="74">
        <v>19</v>
      </c>
      <c r="BP29" s="71">
        <v>1</v>
      </c>
      <c r="BQ29" s="72">
        <v>5</v>
      </c>
      <c r="BR29" s="73">
        <v>6</v>
      </c>
      <c r="BS29" s="277"/>
      <c r="BT29" s="72">
        <v>11</v>
      </c>
      <c r="BU29" s="72">
        <v>4</v>
      </c>
      <c r="BV29" s="72">
        <v>4</v>
      </c>
      <c r="BW29" s="72">
        <v>3</v>
      </c>
      <c r="BX29" s="72">
        <v>1</v>
      </c>
      <c r="BY29" s="73">
        <v>23</v>
      </c>
      <c r="BZ29" s="74">
        <v>29</v>
      </c>
      <c r="CA29" s="71">
        <v>0</v>
      </c>
      <c r="CB29" s="72">
        <v>0</v>
      </c>
      <c r="CC29" s="73">
        <v>0</v>
      </c>
      <c r="CD29" s="277"/>
      <c r="CE29" s="72">
        <v>0</v>
      </c>
      <c r="CF29" s="72">
        <v>0</v>
      </c>
      <c r="CG29" s="72">
        <v>0</v>
      </c>
      <c r="CH29" s="72">
        <v>0</v>
      </c>
      <c r="CI29" s="72">
        <v>0</v>
      </c>
      <c r="CJ29" s="73">
        <v>0</v>
      </c>
      <c r="CK29" s="74">
        <v>0</v>
      </c>
      <c r="CL29" s="71">
        <v>14</v>
      </c>
      <c r="CM29" s="72">
        <v>12</v>
      </c>
      <c r="CN29" s="73">
        <v>26</v>
      </c>
      <c r="CO29" s="277"/>
      <c r="CP29" s="72">
        <v>26</v>
      </c>
      <c r="CQ29" s="72">
        <v>12</v>
      </c>
      <c r="CR29" s="72">
        <v>10</v>
      </c>
      <c r="CS29" s="72">
        <v>5</v>
      </c>
      <c r="CT29" s="72">
        <v>4</v>
      </c>
      <c r="CU29" s="73">
        <v>57</v>
      </c>
      <c r="CV29" s="74">
        <v>83</v>
      </c>
      <c r="CW29" s="127">
        <v>6</v>
      </c>
      <c r="CX29" s="83">
        <v>3</v>
      </c>
      <c r="CY29" s="84">
        <v>9</v>
      </c>
      <c r="CZ29" s="274"/>
      <c r="DA29" s="83">
        <v>7</v>
      </c>
      <c r="DB29" s="83">
        <v>3</v>
      </c>
      <c r="DC29" s="83">
        <v>3</v>
      </c>
      <c r="DD29" s="83">
        <v>2</v>
      </c>
      <c r="DE29" s="83">
        <v>2</v>
      </c>
      <c r="DF29" s="85">
        <v>17</v>
      </c>
      <c r="DG29" s="86">
        <v>26</v>
      </c>
      <c r="DH29" s="71">
        <v>1</v>
      </c>
      <c r="DI29" s="72">
        <v>0</v>
      </c>
      <c r="DJ29" s="73">
        <v>1</v>
      </c>
      <c r="DK29" s="277"/>
      <c r="DL29" s="72">
        <v>0</v>
      </c>
      <c r="DM29" s="72">
        <v>0</v>
      </c>
      <c r="DN29" s="72">
        <v>0</v>
      </c>
      <c r="DO29" s="72">
        <v>0</v>
      </c>
      <c r="DP29" s="72">
        <v>0</v>
      </c>
      <c r="DQ29" s="73">
        <v>0</v>
      </c>
      <c r="DR29" s="74">
        <v>1</v>
      </c>
      <c r="DS29" s="71">
        <v>0</v>
      </c>
      <c r="DT29" s="72">
        <v>0</v>
      </c>
      <c r="DU29" s="73">
        <v>0</v>
      </c>
      <c r="DV29" s="277"/>
      <c r="DW29" s="72">
        <v>0</v>
      </c>
      <c r="DX29" s="72">
        <v>1</v>
      </c>
      <c r="DY29" s="72">
        <v>0</v>
      </c>
      <c r="DZ29" s="72">
        <v>0</v>
      </c>
      <c r="EA29" s="72">
        <v>0</v>
      </c>
      <c r="EB29" s="73">
        <v>1</v>
      </c>
      <c r="EC29" s="74">
        <v>1</v>
      </c>
      <c r="ED29" s="71">
        <v>2</v>
      </c>
      <c r="EE29" s="72">
        <v>0</v>
      </c>
      <c r="EF29" s="73">
        <v>2</v>
      </c>
      <c r="EG29" s="277"/>
      <c r="EH29" s="72">
        <v>1</v>
      </c>
      <c r="EI29" s="72">
        <v>0</v>
      </c>
      <c r="EJ29" s="72">
        <v>0</v>
      </c>
      <c r="EK29" s="72">
        <v>0</v>
      </c>
      <c r="EL29" s="72">
        <v>0</v>
      </c>
      <c r="EM29" s="73">
        <v>1</v>
      </c>
      <c r="EN29" s="74">
        <v>3</v>
      </c>
      <c r="EO29" s="71">
        <v>0</v>
      </c>
      <c r="EP29" s="72">
        <v>0</v>
      </c>
      <c r="EQ29" s="73">
        <v>0</v>
      </c>
      <c r="ER29" s="277"/>
      <c r="ES29" s="72">
        <v>1</v>
      </c>
      <c r="ET29" s="72">
        <v>1</v>
      </c>
      <c r="EU29" s="72">
        <v>0</v>
      </c>
      <c r="EV29" s="72">
        <v>0</v>
      </c>
      <c r="EW29" s="72">
        <v>0</v>
      </c>
      <c r="EX29" s="73">
        <v>2</v>
      </c>
      <c r="EY29" s="74">
        <v>2</v>
      </c>
      <c r="EZ29" s="71">
        <v>2</v>
      </c>
      <c r="FA29" s="72">
        <v>2</v>
      </c>
      <c r="FB29" s="73">
        <v>4</v>
      </c>
      <c r="FC29" s="277"/>
      <c r="FD29" s="72">
        <v>3</v>
      </c>
      <c r="FE29" s="72">
        <v>1</v>
      </c>
      <c r="FF29" s="72">
        <v>2</v>
      </c>
      <c r="FG29" s="72">
        <v>0</v>
      </c>
      <c r="FH29" s="72">
        <v>0</v>
      </c>
      <c r="FI29" s="73">
        <v>6</v>
      </c>
      <c r="FJ29" s="74">
        <v>10</v>
      </c>
      <c r="FK29" s="71">
        <v>1</v>
      </c>
      <c r="FL29" s="72">
        <v>1</v>
      </c>
      <c r="FM29" s="73">
        <v>2</v>
      </c>
      <c r="FN29" s="277"/>
      <c r="FO29" s="72">
        <v>2</v>
      </c>
      <c r="FP29" s="72">
        <v>0</v>
      </c>
      <c r="FQ29" s="72">
        <v>1</v>
      </c>
      <c r="FR29" s="72">
        <v>2</v>
      </c>
      <c r="FS29" s="72">
        <v>2</v>
      </c>
      <c r="FT29" s="73">
        <v>7</v>
      </c>
      <c r="FU29" s="74">
        <v>9</v>
      </c>
      <c r="FV29" s="71">
        <v>0</v>
      </c>
      <c r="FW29" s="72">
        <v>0</v>
      </c>
      <c r="FX29" s="73">
        <v>0</v>
      </c>
      <c r="FY29" s="277"/>
      <c r="FZ29" s="72">
        <v>0</v>
      </c>
      <c r="GA29" s="72">
        <v>0</v>
      </c>
      <c r="GB29" s="72">
        <v>0</v>
      </c>
      <c r="GC29" s="72">
        <v>0</v>
      </c>
      <c r="GD29" s="72">
        <v>0</v>
      </c>
      <c r="GE29" s="73">
        <v>0</v>
      </c>
      <c r="GF29" s="74">
        <v>0</v>
      </c>
      <c r="GG29" s="71">
        <v>6</v>
      </c>
      <c r="GH29" s="72">
        <v>3</v>
      </c>
      <c r="GI29" s="73">
        <v>9</v>
      </c>
      <c r="GJ29" s="277"/>
      <c r="GK29" s="72">
        <v>7</v>
      </c>
      <c r="GL29" s="72">
        <v>3</v>
      </c>
      <c r="GM29" s="72">
        <v>3</v>
      </c>
      <c r="GN29" s="72">
        <v>2</v>
      </c>
      <c r="GO29" s="72">
        <v>2</v>
      </c>
      <c r="GP29" s="73">
        <v>17</v>
      </c>
      <c r="GQ29" s="74">
        <v>26</v>
      </c>
      <c r="GR29" s="127">
        <v>20</v>
      </c>
      <c r="GS29" s="83">
        <v>15</v>
      </c>
      <c r="GT29" s="84">
        <v>35</v>
      </c>
      <c r="GU29" s="274"/>
      <c r="GV29" s="83">
        <v>33</v>
      </c>
      <c r="GW29" s="83">
        <v>15</v>
      </c>
      <c r="GX29" s="83">
        <v>13</v>
      </c>
      <c r="GY29" s="83">
        <v>7</v>
      </c>
      <c r="GZ29" s="83">
        <v>6</v>
      </c>
      <c r="HA29" s="85">
        <v>74</v>
      </c>
      <c r="HB29" s="86">
        <v>109</v>
      </c>
      <c r="HC29" s="71">
        <v>2</v>
      </c>
      <c r="HD29" s="72">
        <v>0</v>
      </c>
      <c r="HE29" s="73">
        <v>2</v>
      </c>
      <c r="HF29" s="274"/>
      <c r="HG29" s="72">
        <v>1</v>
      </c>
      <c r="HH29" s="72">
        <v>0</v>
      </c>
      <c r="HI29" s="72">
        <v>0</v>
      </c>
      <c r="HJ29" s="72">
        <v>0</v>
      </c>
      <c r="HK29" s="72">
        <v>0</v>
      </c>
      <c r="HL29" s="73">
        <v>1</v>
      </c>
      <c r="HM29" s="74">
        <v>3</v>
      </c>
      <c r="HN29" s="71">
        <v>1</v>
      </c>
      <c r="HO29" s="72">
        <v>0</v>
      </c>
      <c r="HP29" s="73">
        <v>1</v>
      </c>
      <c r="HQ29" s="277"/>
      <c r="HR29" s="72">
        <v>2</v>
      </c>
      <c r="HS29" s="72">
        <v>2</v>
      </c>
      <c r="HT29" s="72">
        <v>2</v>
      </c>
      <c r="HU29" s="72">
        <v>0</v>
      </c>
      <c r="HV29" s="72">
        <v>0</v>
      </c>
      <c r="HW29" s="73">
        <v>6</v>
      </c>
      <c r="HX29" s="74">
        <v>7</v>
      </c>
      <c r="HY29" s="71">
        <v>4</v>
      </c>
      <c r="HZ29" s="72">
        <v>2</v>
      </c>
      <c r="IA29" s="73">
        <v>6</v>
      </c>
      <c r="IB29" s="277"/>
      <c r="IC29" s="72">
        <v>4</v>
      </c>
      <c r="ID29" s="72">
        <v>2</v>
      </c>
      <c r="IE29" s="72">
        <v>2</v>
      </c>
      <c r="IF29" s="72">
        <v>1</v>
      </c>
      <c r="IG29" s="72">
        <v>0</v>
      </c>
      <c r="IH29" s="73">
        <v>9</v>
      </c>
      <c r="II29" s="74">
        <v>15</v>
      </c>
      <c r="IJ29" s="71">
        <v>3</v>
      </c>
      <c r="IK29" s="72">
        <v>1</v>
      </c>
      <c r="IL29" s="73">
        <v>4</v>
      </c>
      <c r="IM29" s="277"/>
      <c r="IN29" s="72">
        <v>7</v>
      </c>
      <c r="IO29" s="72">
        <v>4</v>
      </c>
      <c r="IP29" s="72">
        <v>1</v>
      </c>
      <c r="IQ29" s="72">
        <v>0</v>
      </c>
      <c r="IR29" s="72">
        <v>1</v>
      </c>
      <c r="IS29" s="73">
        <v>13</v>
      </c>
      <c r="IT29" s="74">
        <v>17</v>
      </c>
      <c r="IU29" s="71">
        <v>8</v>
      </c>
      <c r="IV29" s="72">
        <v>6</v>
      </c>
      <c r="IW29" s="73">
        <v>14</v>
      </c>
      <c r="IX29" s="274"/>
      <c r="IY29" s="72">
        <v>6</v>
      </c>
      <c r="IZ29" s="72">
        <v>3</v>
      </c>
      <c r="JA29" s="72">
        <v>3</v>
      </c>
      <c r="JB29" s="72">
        <v>1</v>
      </c>
      <c r="JC29" s="72">
        <v>2</v>
      </c>
      <c r="JD29" s="73">
        <v>15</v>
      </c>
      <c r="JE29" s="74">
        <v>29</v>
      </c>
      <c r="JF29" s="71">
        <v>2</v>
      </c>
      <c r="JG29" s="72">
        <v>6</v>
      </c>
      <c r="JH29" s="73">
        <v>8</v>
      </c>
      <c r="JI29" s="274"/>
      <c r="JJ29" s="72">
        <v>13</v>
      </c>
      <c r="JK29" s="72">
        <v>4</v>
      </c>
      <c r="JL29" s="72">
        <v>5</v>
      </c>
      <c r="JM29" s="72">
        <v>5</v>
      </c>
      <c r="JN29" s="72">
        <v>3</v>
      </c>
      <c r="JO29" s="73">
        <v>30</v>
      </c>
      <c r="JP29" s="74">
        <v>38</v>
      </c>
      <c r="JQ29" s="71">
        <v>0</v>
      </c>
      <c r="JR29" s="72">
        <v>0</v>
      </c>
      <c r="JS29" s="73">
        <v>0</v>
      </c>
      <c r="JT29" s="274"/>
      <c r="JU29" s="72">
        <v>0</v>
      </c>
      <c r="JV29" s="72">
        <v>0</v>
      </c>
      <c r="JW29" s="72">
        <v>0</v>
      </c>
      <c r="JX29" s="72">
        <v>0</v>
      </c>
      <c r="JY29" s="72">
        <v>0</v>
      </c>
      <c r="JZ29" s="73">
        <v>0</v>
      </c>
      <c r="KA29" s="74">
        <v>0</v>
      </c>
      <c r="KB29" s="71">
        <v>20</v>
      </c>
      <c r="KC29" s="72">
        <v>15</v>
      </c>
      <c r="KD29" s="73">
        <v>35</v>
      </c>
      <c r="KE29" s="274"/>
      <c r="KF29" s="72">
        <v>33</v>
      </c>
      <c r="KG29" s="72">
        <v>15</v>
      </c>
      <c r="KH29" s="72">
        <v>13</v>
      </c>
      <c r="KI29" s="72">
        <v>7</v>
      </c>
      <c r="KJ29" s="72">
        <v>6</v>
      </c>
      <c r="KK29" s="73">
        <v>74</v>
      </c>
      <c r="KL29" s="74">
        <v>109</v>
      </c>
    </row>
    <row r="30" spans="1:298" ht="19.5" customHeight="1" x14ac:dyDescent="0.2">
      <c r="A30" s="130" t="s">
        <v>27</v>
      </c>
      <c r="B30" s="347">
        <v>14</v>
      </c>
      <c r="C30" s="83">
        <v>16</v>
      </c>
      <c r="D30" s="84">
        <v>30</v>
      </c>
      <c r="E30" s="274"/>
      <c r="F30" s="83">
        <v>15</v>
      </c>
      <c r="G30" s="83">
        <v>5</v>
      </c>
      <c r="H30" s="83">
        <v>11</v>
      </c>
      <c r="I30" s="83">
        <v>5</v>
      </c>
      <c r="J30" s="83">
        <v>2</v>
      </c>
      <c r="K30" s="85">
        <v>38</v>
      </c>
      <c r="L30" s="86">
        <v>68</v>
      </c>
      <c r="M30" s="71">
        <v>1</v>
      </c>
      <c r="N30" s="72">
        <v>0</v>
      </c>
      <c r="O30" s="73">
        <v>1</v>
      </c>
      <c r="P30" s="277"/>
      <c r="Q30" s="72">
        <v>0</v>
      </c>
      <c r="R30" s="72">
        <v>1</v>
      </c>
      <c r="S30" s="72">
        <v>0</v>
      </c>
      <c r="T30" s="72">
        <v>0</v>
      </c>
      <c r="U30" s="72">
        <v>0</v>
      </c>
      <c r="V30" s="73">
        <v>1</v>
      </c>
      <c r="W30" s="74">
        <v>2</v>
      </c>
      <c r="X30" s="71">
        <v>2</v>
      </c>
      <c r="Y30" s="72">
        <v>2</v>
      </c>
      <c r="Z30" s="73">
        <v>4</v>
      </c>
      <c r="AA30" s="277"/>
      <c r="AB30" s="72">
        <v>1</v>
      </c>
      <c r="AC30" s="72">
        <v>1</v>
      </c>
      <c r="AD30" s="72">
        <v>0</v>
      </c>
      <c r="AE30" s="72">
        <v>0</v>
      </c>
      <c r="AF30" s="72">
        <v>0</v>
      </c>
      <c r="AG30" s="73">
        <v>2</v>
      </c>
      <c r="AH30" s="74">
        <v>6</v>
      </c>
      <c r="AI30" s="71">
        <v>2</v>
      </c>
      <c r="AJ30" s="72">
        <v>4</v>
      </c>
      <c r="AK30" s="73">
        <v>6</v>
      </c>
      <c r="AL30" s="277"/>
      <c r="AM30" s="72">
        <v>1</v>
      </c>
      <c r="AN30" s="72">
        <v>0</v>
      </c>
      <c r="AO30" s="72">
        <v>1</v>
      </c>
      <c r="AP30" s="72">
        <v>0</v>
      </c>
      <c r="AQ30" s="72">
        <v>0</v>
      </c>
      <c r="AR30" s="73">
        <v>2</v>
      </c>
      <c r="AS30" s="74">
        <v>8</v>
      </c>
      <c r="AT30" s="71">
        <v>3</v>
      </c>
      <c r="AU30" s="72">
        <v>5</v>
      </c>
      <c r="AV30" s="73">
        <v>8</v>
      </c>
      <c r="AW30" s="277"/>
      <c r="AX30" s="72">
        <v>4</v>
      </c>
      <c r="AY30" s="72">
        <v>0</v>
      </c>
      <c r="AZ30" s="72">
        <v>4</v>
      </c>
      <c r="BA30" s="72">
        <v>0</v>
      </c>
      <c r="BB30" s="72">
        <v>1</v>
      </c>
      <c r="BC30" s="73">
        <v>9</v>
      </c>
      <c r="BD30" s="74">
        <v>17</v>
      </c>
      <c r="BE30" s="71">
        <v>4</v>
      </c>
      <c r="BF30" s="72">
        <v>3</v>
      </c>
      <c r="BG30" s="73">
        <v>7</v>
      </c>
      <c r="BH30" s="277"/>
      <c r="BI30" s="72">
        <v>6</v>
      </c>
      <c r="BJ30" s="72">
        <v>2</v>
      </c>
      <c r="BK30" s="72">
        <v>4</v>
      </c>
      <c r="BL30" s="72">
        <v>2</v>
      </c>
      <c r="BM30" s="72">
        <v>0</v>
      </c>
      <c r="BN30" s="73">
        <v>14</v>
      </c>
      <c r="BO30" s="74">
        <v>21</v>
      </c>
      <c r="BP30" s="71">
        <v>2</v>
      </c>
      <c r="BQ30" s="72">
        <v>2</v>
      </c>
      <c r="BR30" s="73">
        <v>4</v>
      </c>
      <c r="BS30" s="277"/>
      <c r="BT30" s="72">
        <v>3</v>
      </c>
      <c r="BU30" s="72">
        <v>1</v>
      </c>
      <c r="BV30" s="72">
        <v>2</v>
      </c>
      <c r="BW30" s="72">
        <v>3</v>
      </c>
      <c r="BX30" s="72">
        <v>1</v>
      </c>
      <c r="BY30" s="73">
        <v>10</v>
      </c>
      <c r="BZ30" s="74">
        <v>14</v>
      </c>
      <c r="CA30" s="71">
        <v>0</v>
      </c>
      <c r="CB30" s="72">
        <v>0</v>
      </c>
      <c r="CC30" s="73">
        <v>0</v>
      </c>
      <c r="CD30" s="277"/>
      <c r="CE30" s="72">
        <v>0</v>
      </c>
      <c r="CF30" s="72">
        <v>0</v>
      </c>
      <c r="CG30" s="72">
        <v>0</v>
      </c>
      <c r="CH30" s="72">
        <v>0</v>
      </c>
      <c r="CI30" s="72">
        <v>0</v>
      </c>
      <c r="CJ30" s="73">
        <v>0</v>
      </c>
      <c r="CK30" s="74">
        <v>0</v>
      </c>
      <c r="CL30" s="71">
        <v>14</v>
      </c>
      <c r="CM30" s="72">
        <v>16</v>
      </c>
      <c r="CN30" s="73">
        <v>30</v>
      </c>
      <c r="CO30" s="277"/>
      <c r="CP30" s="72">
        <v>15</v>
      </c>
      <c r="CQ30" s="72">
        <v>5</v>
      </c>
      <c r="CR30" s="72">
        <v>11</v>
      </c>
      <c r="CS30" s="72">
        <v>5</v>
      </c>
      <c r="CT30" s="72">
        <v>2</v>
      </c>
      <c r="CU30" s="73">
        <v>38</v>
      </c>
      <c r="CV30" s="74">
        <v>68</v>
      </c>
      <c r="CW30" s="127">
        <v>3</v>
      </c>
      <c r="CX30" s="83">
        <v>2</v>
      </c>
      <c r="CY30" s="84">
        <v>5</v>
      </c>
      <c r="CZ30" s="274"/>
      <c r="DA30" s="83">
        <v>4</v>
      </c>
      <c r="DB30" s="83">
        <v>1</v>
      </c>
      <c r="DC30" s="83">
        <v>7</v>
      </c>
      <c r="DD30" s="83">
        <v>1</v>
      </c>
      <c r="DE30" s="83">
        <v>2</v>
      </c>
      <c r="DF30" s="85">
        <v>15</v>
      </c>
      <c r="DG30" s="86">
        <v>20</v>
      </c>
      <c r="DH30" s="71">
        <v>0</v>
      </c>
      <c r="DI30" s="72">
        <v>0</v>
      </c>
      <c r="DJ30" s="73">
        <v>0</v>
      </c>
      <c r="DK30" s="277"/>
      <c r="DL30" s="72">
        <v>0</v>
      </c>
      <c r="DM30" s="72">
        <v>0</v>
      </c>
      <c r="DN30" s="72">
        <v>0</v>
      </c>
      <c r="DO30" s="72">
        <v>0</v>
      </c>
      <c r="DP30" s="72">
        <v>0</v>
      </c>
      <c r="DQ30" s="73">
        <v>0</v>
      </c>
      <c r="DR30" s="74">
        <v>0</v>
      </c>
      <c r="DS30" s="71">
        <v>1</v>
      </c>
      <c r="DT30" s="72">
        <v>0</v>
      </c>
      <c r="DU30" s="73">
        <v>1</v>
      </c>
      <c r="DV30" s="277"/>
      <c r="DW30" s="72">
        <v>0</v>
      </c>
      <c r="DX30" s="72">
        <v>0</v>
      </c>
      <c r="DY30" s="72">
        <v>0</v>
      </c>
      <c r="DZ30" s="72">
        <v>0</v>
      </c>
      <c r="EA30" s="72">
        <v>0</v>
      </c>
      <c r="EB30" s="73">
        <v>0</v>
      </c>
      <c r="EC30" s="74">
        <v>1</v>
      </c>
      <c r="ED30" s="71">
        <v>0</v>
      </c>
      <c r="EE30" s="72">
        <v>0</v>
      </c>
      <c r="EF30" s="73">
        <v>0</v>
      </c>
      <c r="EG30" s="277"/>
      <c r="EH30" s="72">
        <v>0</v>
      </c>
      <c r="EI30" s="72">
        <v>1</v>
      </c>
      <c r="EJ30" s="72">
        <v>0</v>
      </c>
      <c r="EK30" s="72">
        <v>0</v>
      </c>
      <c r="EL30" s="72">
        <v>0</v>
      </c>
      <c r="EM30" s="73">
        <v>1</v>
      </c>
      <c r="EN30" s="74">
        <v>1</v>
      </c>
      <c r="EO30" s="71">
        <v>0</v>
      </c>
      <c r="EP30" s="72">
        <v>0</v>
      </c>
      <c r="EQ30" s="73">
        <v>0</v>
      </c>
      <c r="ER30" s="277"/>
      <c r="ES30" s="72">
        <v>1</v>
      </c>
      <c r="ET30" s="72">
        <v>0</v>
      </c>
      <c r="EU30" s="72">
        <v>0</v>
      </c>
      <c r="EV30" s="72">
        <v>0</v>
      </c>
      <c r="EW30" s="72">
        <v>0</v>
      </c>
      <c r="EX30" s="73">
        <v>1</v>
      </c>
      <c r="EY30" s="74">
        <v>1</v>
      </c>
      <c r="EZ30" s="71">
        <v>2</v>
      </c>
      <c r="FA30" s="72">
        <v>2</v>
      </c>
      <c r="FB30" s="73">
        <v>4</v>
      </c>
      <c r="FC30" s="277"/>
      <c r="FD30" s="72">
        <v>1</v>
      </c>
      <c r="FE30" s="72">
        <v>0</v>
      </c>
      <c r="FF30" s="72">
        <v>2</v>
      </c>
      <c r="FG30" s="72">
        <v>0</v>
      </c>
      <c r="FH30" s="72">
        <v>1</v>
      </c>
      <c r="FI30" s="73">
        <v>4</v>
      </c>
      <c r="FJ30" s="74">
        <v>8</v>
      </c>
      <c r="FK30" s="71">
        <v>0</v>
      </c>
      <c r="FL30" s="72">
        <v>0</v>
      </c>
      <c r="FM30" s="73">
        <v>0</v>
      </c>
      <c r="FN30" s="277"/>
      <c r="FO30" s="72">
        <v>2</v>
      </c>
      <c r="FP30" s="72">
        <v>0</v>
      </c>
      <c r="FQ30" s="72">
        <v>5</v>
      </c>
      <c r="FR30" s="72">
        <v>1</v>
      </c>
      <c r="FS30" s="72">
        <v>1</v>
      </c>
      <c r="FT30" s="73">
        <v>9</v>
      </c>
      <c r="FU30" s="74">
        <v>9</v>
      </c>
      <c r="FV30" s="71">
        <v>0</v>
      </c>
      <c r="FW30" s="72">
        <v>0</v>
      </c>
      <c r="FX30" s="73">
        <v>0</v>
      </c>
      <c r="FY30" s="277"/>
      <c r="FZ30" s="72">
        <v>0</v>
      </c>
      <c r="GA30" s="72">
        <v>0</v>
      </c>
      <c r="GB30" s="72">
        <v>0</v>
      </c>
      <c r="GC30" s="72">
        <v>0</v>
      </c>
      <c r="GD30" s="72">
        <v>0</v>
      </c>
      <c r="GE30" s="73">
        <v>0</v>
      </c>
      <c r="GF30" s="74">
        <v>0</v>
      </c>
      <c r="GG30" s="71">
        <v>3</v>
      </c>
      <c r="GH30" s="72">
        <v>2</v>
      </c>
      <c r="GI30" s="73">
        <v>5</v>
      </c>
      <c r="GJ30" s="277"/>
      <c r="GK30" s="72">
        <v>4</v>
      </c>
      <c r="GL30" s="72">
        <v>1</v>
      </c>
      <c r="GM30" s="72">
        <v>7</v>
      </c>
      <c r="GN30" s="72">
        <v>1</v>
      </c>
      <c r="GO30" s="72">
        <v>2</v>
      </c>
      <c r="GP30" s="73">
        <v>15</v>
      </c>
      <c r="GQ30" s="74">
        <v>20</v>
      </c>
      <c r="GR30" s="127">
        <v>17</v>
      </c>
      <c r="GS30" s="83">
        <v>18</v>
      </c>
      <c r="GT30" s="84">
        <v>35</v>
      </c>
      <c r="GU30" s="274"/>
      <c r="GV30" s="83">
        <v>19</v>
      </c>
      <c r="GW30" s="83">
        <v>6</v>
      </c>
      <c r="GX30" s="83">
        <v>18</v>
      </c>
      <c r="GY30" s="83">
        <v>6</v>
      </c>
      <c r="GZ30" s="83">
        <v>4</v>
      </c>
      <c r="HA30" s="85">
        <v>53</v>
      </c>
      <c r="HB30" s="86">
        <v>88</v>
      </c>
      <c r="HC30" s="71">
        <v>1</v>
      </c>
      <c r="HD30" s="72">
        <v>0</v>
      </c>
      <c r="HE30" s="73">
        <v>1</v>
      </c>
      <c r="HF30" s="274"/>
      <c r="HG30" s="72">
        <v>0</v>
      </c>
      <c r="HH30" s="72">
        <v>1</v>
      </c>
      <c r="HI30" s="72">
        <v>0</v>
      </c>
      <c r="HJ30" s="72">
        <v>0</v>
      </c>
      <c r="HK30" s="72">
        <v>0</v>
      </c>
      <c r="HL30" s="73">
        <v>1</v>
      </c>
      <c r="HM30" s="74">
        <v>2</v>
      </c>
      <c r="HN30" s="71">
        <v>3</v>
      </c>
      <c r="HO30" s="72">
        <v>2</v>
      </c>
      <c r="HP30" s="73">
        <v>5</v>
      </c>
      <c r="HQ30" s="277"/>
      <c r="HR30" s="72">
        <v>1</v>
      </c>
      <c r="HS30" s="72">
        <v>1</v>
      </c>
      <c r="HT30" s="72">
        <v>0</v>
      </c>
      <c r="HU30" s="72">
        <v>0</v>
      </c>
      <c r="HV30" s="72">
        <v>0</v>
      </c>
      <c r="HW30" s="73">
        <v>2</v>
      </c>
      <c r="HX30" s="74">
        <v>7</v>
      </c>
      <c r="HY30" s="71">
        <v>2</v>
      </c>
      <c r="HZ30" s="72">
        <v>4</v>
      </c>
      <c r="IA30" s="73">
        <v>6</v>
      </c>
      <c r="IB30" s="277"/>
      <c r="IC30" s="72">
        <v>1</v>
      </c>
      <c r="ID30" s="72">
        <v>1</v>
      </c>
      <c r="IE30" s="72">
        <v>1</v>
      </c>
      <c r="IF30" s="72">
        <v>0</v>
      </c>
      <c r="IG30" s="72">
        <v>0</v>
      </c>
      <c r="IH30" s="73">
        <v>3</v>
      </c>
      <c r="II30" s="74">
        <v>9</v>
      </c>
      <c r="IJ30" s="71">
        <v>3</v>
      </c>
      <c r="IK30" s="72">
        <v>5</v>
      </c>
      <c r="IL30" s="73">
        <v>8</v>
      </c>
      <c r="IM30" s="277"/>
      <c r="IN30" s="72">
        <v>5</v>
      </c>
      <c r="IO30" s="72">
        <v>0</v>
      </c>
      <c r="IP30" s="72">
        <v>4</v>
      </c>
      <c r="IQ30" s="72">
        <v>0</v>
      </c>
      <c r="IR30" s="72">
        <v>1</v>
      </c>
      <c r="IS30" s="73">
        <v>10</v>
      </c>
      <c r="IT30" s="74">
        <v>18</v>
      </c>
      <c r="IU30" s="71">
        <v>6</v>
      </c>
      <c r="IV30" s="72">
        <v>5</v>
      </c>
      <c r="IW30" s="73">
        <v>11</v>
      </c>
      <c r="IX30" s="274"/>
      <c r="IY30" s="72">
        <v>7</v>
      </c>
      <c r="IZ30" s="72">
        <v>2</v>
      </c>
      <c r="JA30" s="72">
        <v>6</v>
      </c>
      <c r="JB30" s="72">
        <v>2</v>
      </c>
      <c r="JC30" s="72">
        <v>1</v>
      </c>
      <c r="JD30" s="73">
        <v>18</v>
      </c>
      <c r="JE30" s="74">
        <v>29</v>
      </c>
      <c r="JF30" s="71">
        <v>2</v>
      </c>
      <c r="JG30" s="72">
        <v>2</v>
      </c>
      <c r="JH30" s="73">
        <v>4</v>
      </c>
      <c r="JI30" s="274"/>
      <c r="JJ30" s="72">
        <v>5</v>
      </c>
      <c r="JK30" s="72">
        <v>1</v>
      </c>
      <c r="JL30" s="72">
        <v>7</v>
      </c>
      <c r="JM30" s="72">
        <v>4</v>
      </c>
      <c r="JN30" s="72">
        <v>2</v>
      </c>
      <c r="JO30" s="73">
        <v>19</v>
      </c>
      <c r="JP30" s="74">
        <v>23</v>
      </c>
      <c r="JQ30" s="71">
        <v>0</v>
      </c>
      <c r="JR30" s="72">
        <v>0</v>
      </c>
      <c r="JS30" s="73">
        <v>0</v>
      </c>
      <c r="JT30" s="274"/>
      <c r="JU30" s="72">
        <v>0</v>
      </c>
      <c r="JV30" s="72">
        <v>0</v>
      </c>
      <c r="JW30" s="72">
        <v>0</v>
      </c>
      <c r="JX30" s="72">
        <v>0</v>
      </c>
      <c r="JY30" s="72">
        <v>0</v>
      </c>
      <c r="JZ30" s="73">
        <v>0</v>
      </c>
      <c r="KA30" s="74">
        <v>0</v>
      </c>
      <c r="KB30" s="71">
        <v>17</v>
      </c>
      <c r="KC30" s="72">
        <v>18</v>
      </c>
      <c r="KD30" s="73">
        <v>35</v>
      </c>
      <c r="KE30" s="274"/>
      <c r="KF30" s="72">
        <v>19</v>
      </c>
      <c r="KG30" s="72">
        <v>6</v>
      </c>
      <c r="KH30" s="72">
        <v>18</v>
      </c>
      <c r="KI30" s="72">
        <v>6</v>
      </c>
      <c r="KJ30" s="72">
        <v>4</v>
      </c>
      <c r="KK30" s="73">
        <v>53</v>
      </c>
      <c r="KL30" s="74">
        <v>88</v>
      </c>
    </row>
    <row r="31" spans="1:298" ht="19.5" customHeight="1" x14ac:dyDescent="0.2">
      <c r="A31" s="130" t="s">
        <v>28</v>
      </c>
      <c r="B31" s="347">
        <v>1</v>
      </c>
      <c r="C31" s="83">
        <v>1</v>
      </c>
      <c r="D31" s="84">
        <v>2</v>
      </c>
      <c r="E31" s="274"/>
      <c r="F31" s="83">
        <v>8</v>
      </c>
      <c r="G31" s="83">
        <v>5</v>
      </c>
      <c r="H31" s="83">
        <v>3</v>
      </c>
      <c r="I31" s="83">
        <v>2</v>
      </c>
      <c r="J31" s="83">
        <v>3</v>
      </c>
      <c r="K31" s="85">
        <v>21</v>
      </c>
      <c r="L31" s="86">
        <v>23</v>
      </c>
      <c r="M31" s="71">
        <v>0</v>
      </c>
      <c r="N31" s="72">
        <v>0</v>
      </c>
      <c r="O31" s="73">
        <v>0</v>
      </c>
      <c r="P31" s="277"/>
      <c r="Q31" s="72">
        <v>0</v>
      </c>
      <c r="R31" s="72">
        <v>0</v>
      </c>
      <c r="S31" s="72">
        <v>1</v>
      </c>
      <c r="T31" s="72">
        <v>0</v>
      </c>
      <c r="U31" s="72">
        <v>0</v>
      </c>
      <c r="V31" s="73">
        <v>1</v>
      </c>
      <c r="W31" s="74">
        <v>1</v>
      </c>
      <c r="X31" s="71">
        <v>0</v>
      </c>
      <c r="Y31" s="72">
        <v>1</v>
      </c>
      <c r="Z31" s="73">
        <v>1</v>
      </c>
      <c r="AA31" s="277"/>
      <c r="AB31" s="72">
        <v>1</v>
      </c>
      <c r="AC31" s="72">
        <v>1</v>
      </c>
      <c r="AD31" s="72">
        <v>0</v>
      </c>
      <c r="AE31" s="72">
        <v>0</v>
      </c>
      <c r="AF31" s="72">
        <v>0</v>
      </c>
      <c r="AG31" s="73">
        <v>2</v>
      </c>
      <c r="AH31" s="74">
        <v>3</v>
      </c>
      <c r="AI31" s="71">
        <v>0</v>
      </c>
      <c r="AJ31" s="72">
        <v>0</v>
      </c>
      <c r="AK31" s="73">
        <v>0</v>
      </c>
      <c r="AL31" s="277"/>
      <c r="AM31" s="72">
        <v>1</v>
      </c>
      <c r="AN31" s="72">
        <v>0</v>
      </c>
      <c r="AO31" s="72">
        <v>0</v>
      </c>
      <c r="AP31" s="72">
        <v>0</v>
      </c>
      <c r="AQ31" s="72">
        <v>0</v>
      </c>
      <c r="AR31" s="73">
        <v>1</v>
      </c>
      <c r="AS31" s="74">
        <v>1</v>
      </c>
      <c r="AT31" s="71">
        <v>1</v>
      </c>
      <c r="AU31" s="72">
        <v>0</v>
      </c>
      <c r="AV31" s="73">
        <v>1</v>
      </c>
      <c r="AW31" s="277"/>
      <c r="AX31" s="72">
        <v>2</v>
      </c>
      <c r="AY31" s="72">
        <v>0</v>
      </c>
      <c r="AZ31" s="72">
        <v>0</v>
      </c>
      <c r="BA31" s="72">
        <v>0</v>
      </c>
      <c r="BB31" s="72">
        <v>2</v>
      </c>
      <c r="BC31" s="73">
        <v>4</v>
      </c>
      <c r="BD31" s="74">
        <v>5</v>
      </c>
      <c r="BE31" s="71">
        <v>0</v>
      </c>
      <c r="BF31" s="72">
        <v>0</v>
      </c>
      <c r="BG31" s="73">
        <v>0</v>
      </c>
      <c r="BH31" s="277"/>
      <c r="BI31" s="72">
        <v>2</v>
      </c>
      <c r="BJ31" s="72">
        <v>1</v>
      </c>
      <c r="BK31" s="72">
        <v>0</v>
      </c>
      <c r="BL31" s="72">
        <v>1</v>
      </c>
      <c r="BM31" s="72">
        <v>1</v>
      </c>
      <c r="BN31" s="73">
        <v>5</v>
      </c>
      <c r="BO31" s="74">
        <v>5</v>
      </c>
      <c r="BP31" s="71">
        <v>0</v>
      </c>
      <c r="BQ31" s="72">
        <v>0</v>
      </c>
      <c r="BR31" s="73">
        <v>0</v>
      </c>
      <c r="BS31" s="277"/>
      <c r="BT31" s="72">
        <v>2</v>
      </c>
      <c r="BU31" s="72">
        <v>3</v>
      </c>
      <c r="BV31" s="72">
        <v>2</v>
      </c>
      <c r="BW31" s="72">
        <v>1</v>
      </c>
      <c r="BX31" s="72">
        <v>0</v>
      </c>
      <c r="BY31" s="73">
        <v>8</v>
      </c>
      <c r="BZ31" s="74">
        <v>8</v>
      </c>
      <c r="CA31" s="71">
        <v>0</v>
      </c>
      <c r="CB31" s="72">
        <v>0</v>
      </c>
      <c r="CC31" s="73">
        <v>0</v>
      </c>
      <c r="CD31" s="277"/>
      <c r="CE31" s="72">
        <v>0</v>
      </c>
      <c r="CF31" s="72">
        <v>0</v>
      </c>
      <c r="CG31" s="72">
        <v>0</v>
      </c>
      <c r="CH31" s="72">
        <v>0</v>
      </c>
      <c r="CI31" s="72">
        <v>0</v>
      </c>
      <c r="CJ31" s="73">
        <v>0</v>
      </c>
      <c r="CK31" s="74">
        <v>0</v>
      </c>
      <c r="CL31" s="71">
        <v>1</v>
      </c>
      <c r="CM31" s="72">
        <v>1</v>
      </c>
      <c r="CN31" s="73">
        <v>2</v>
      </c>
      <c r="CO31" s="277"/>
      <c r="CP31" s="72">
        <v>8</v>
      </c>
      <c r="CQ31" s="72">
        <v>5</v>
      </c>
      <c r="CR31" s="72">
        <v>3</v>
      </c>
      <c r="CS31" s="72">
        <v>2</v>
      </c>
      <c r="CT31" s="72">
        <v>3</v>
      </c>
      <c r="CU31" s="73">
        <v>21</v>
      </c>
      <c r="CV31" s="74">
        <v>23</v>
      </c>
      <c r="CW31" s="127">
        <v>0</v>
      </c>
      <c r="CX31" s="83">
        <v>1</v>
      </c>
      <c r="CY31" s="84">
        <v>1</v>
      </c>
      <c r="CZ31" s="274"/>
      <c r="DA31" s="83">
        <v>1</v>
      </c>
      <c r="DB31" s="83">
        <v>4</v>
      </c>
      <c r="DC31" s="83">
        <v>1</v>
      </c>
      <c r="DD31" s="83">
        <v>1</v>
      </c>
      <c r="DE31" s="83">
        <v>0</v>
      </c>
      <c r="DF31" s="85">
        <v>7</v>
      </c>
      <c r="DG31" s="86">
        <v>8</v>
      </c>
      <c r="DH31" s="71">
        <v>0</v>
      </c>
      <c r="DI31" s="72">
        <v>0</v>
      </c>
      <c r="DJ31" s="73">
        <v>0</v>
      </c>
      <c r="DK31" s="277"/>
      <c r="DL31" s="72">
        <v>0</v>
      </c>
      <c r="DM31" s="72">
        <v>0</v>
      </c>
      <c r="DN31" s="72">
        <v>1</v>
      </c>
      <c r="DO31" s="72">
        <v>0</v>
      </c>
      <c r="DP31" s="72">
        <v>0</v>
      </c>
      <c r="DQ31" s="73">
        <v>1</v>
      </c>
      <c r="DR31" s="74">
        <v>1</v>
      </c>
      <c r="DS31" s="71">
        <v>0</v>
      </c>
      <c r="DT31" s="72">
        <v>0</v>
      </c>
      <c r="DU31" s="73">
        <v>0</v>
      </c>
      <c r="DV31" s="277"/>
      <c r="DW31" s="72">
        <v>0</v>
      </c>
      <c r="DX31" s="72">
        <v>1</v>
      </c>
      <c r="DY31" s="72">
        <v>0</v>
      </c>
      <c r="DZ31" s="72">
        <v>0</v>
      </c>
      <c r="EA31" s="72">
        <v>0</v>
      </c>
      <c r="EB31" s="73">
        <v>1</v>
      </c>
      <c r="EC31" s="74">
        <v>1</v>
      </c>
      <c r="ED31" s="71">
        <v>0</v>
      </c>
      <c r="EE31" s="72">
        <v>0</v>
      </c>
      <c r="EF31" s="73">
        <v>0</v>
      </c>
      <c r="EG31" s="277"/>
      <c r="EH31" s="72">
        <v>0</v>
      </c>
      <c r="EI31" s="72">
        <v>0</v>
      </c>
      <c r="EJ31" s="72">
        <v>0</v>
      </c>
      <c r="EK31" s="72">
        <v>0</v>
      </c>
      <c r="EL31" s="72">
        <v>0</v>
      </c>
      <c r="EM31" s="73">
        <v>0</v>
      </c>
      <c r="EN31" s="74">
        <v>0</v>
      </c>
      <c r="EO31" s="71">
        <v>0</v>
      </c>
      <c r="EP31" s="72">
        <v>0</v>
      </c>
      <c r="EQ31" s="73">
        <v>0</v>
      </c>
      <c r="ER31" s="277"/>
      <c r="ES31" s="72">
        <v>0</v>
      </c>
      <c r="ET31" s="72">
        <v>1</v>
      </c>
      <c r="EU31" s="72">
        <v>0</v>
      </c>
      <c r="EV31" s="72">
        <v>1</v>
      </c>
      <c r="EW31" s="72">
        <v>0</v>
      </c>
      <c r="EX31" s="73">
        <v>2</v>
      </c>
      <c r="EY31" s="74">
        <v>2</v>
      </c>
      <c r="EZ31" s="71">
        <v>0</v>
      </c>
      <c r="FA31" s="72">
        <v>1</v>
      </c>
      <c r="FB31" s="73">
        <v>1</v>
      </c>
      <c r="FC31" s="277"/>
      <c r="FD31" s="72">
        <v>1</v>
      </c>
      <c r="FE31" s="72">
        <v>0</v>
      </c>
      <c r="FF31" s="72">
        <v>0</v>
      </c>
      <c r="FG31" s="72">
        <v>0</v>
      </c>
      <c r="FH31" s="72">
        <v>0</v>
      </c>
      <c r="FI31" s="73">
        <v>1</v>
      </c>
      <c r="FJ31" s="74">
        <v>2</v>
      </c>
      <c r="FK31" s="71">
        <v>0</v>
      </c>
      <c r="FL31" s="72">
        <v>0</v>
      </c>
      <c r="FM31" s="73">
        <v>0</v>
      </c>
      <c r="FN31" s="277"/>
      <c r="FO31" s="72">
        <v>0</v>
      </c>
      <c r="FP31" s="72">
        <v>2</v>
      </c>
      <c r="FQ31" s="72">
        <v>0</v>
      </c>
      <c r="FR31" s="72">
        <v>0</v>
      </c>
      <c r="FS31" s="72">
        <v>0</v>
      </c>
      <c r="FT31" s="73">
        <v>2</v>
      </c>
      <c r="FU31" s="74">
        <v>2</v>
      </c>
      <c r="FV31" s="71">
        <v>0</v>
      </c>
      <c r="FW31" s="72">
        <v>0</v>
      </c>
      <c r="FX31" s="73">
        <v>0</v>
      </c>
      <c r="FY31" s="277"/>
      <c r="FZ31" s="72">
        <v>0</v>
      </c>
      <c r="GA31" s="72">
        <v>0</v>
      </c>
      <c r="GB31" s="72">
        <v>0</v>
      </c>
      <c r="GC31" s="72">
        <v>0</v>
      </c>
      <c r="GD31" s="72">
        <v>0</v>
      </c>
      <c r="GE31" s="73">
        <v>0</v>
      </c>
      <c r="GF31" s="74">
        <v>0</v>
      </c>
      <c r="GG31" s="71">
        <v>0</v>
      </c>
      <c r="GH31" s="72">
        <v>1</v>
      </c>
      <c r="GI31" s="73">
        <v>1</v>
      </c>
      <c r="GJ31" s="277"/>
      <c r="GK31" s="72">
        <v>1</v>
      </c>
      <c r="GL31" s="72">
        <v>4</v>
      </c>
      <c r="GM31" s="72">
        <v>1</v>
      </c>
      <c r="GN31" s="72">
        <v>1</v>
      </c>
      <c r="GO31" s="72">
        <v>0</v>
      </c>
      <c r="GP31" s="73">
        <v>7</v>
      </c>
      <c r="GQ31" s="74">
        <v>8</v>
      </c>
      <c r="GR31" s="127">
        <v>1</v>
      </c>
      <c r="GS31" s="83">
        <v>2</v>
      </c>
      <c r="GT31" s="84">
        <v>3</v>
      </c>
      <c r="GU31" s="274"/>
      <c r="GV31" s="83">
        <v>9</v>
      </c>
      <c r="GW31" s="83">
        <v>9</v>
      </c>
      <c r="GX31" s="83">
        <v>4</v>
      </c>
      <c r="GY31" s="83">
        <v>3</v>
      </c>
      <c r="GZ31" s="83">
        <v>3</v>
      </c>
      <c r="HA31" s="85">
        <v>28</v>
      </c>
      <c r="HB31" s="86">
        <v>31</v>
      </c>
      <c r="HC31" s="71">
        <v>0</v>
      </c>
      <c r="HD31" s="72">
        <v>0</v>
      </c>
      <c r="HE31" s="73">
        <v>0</v>
      </c>
      <c r="HF31" s="274"/>
      <c r="HG31" s="72">
        <v>0</v>
      </c>
      <c r="HH31" s="72">
        <v>0</v>
      </c>
      <c r="HI31" s="72">
        <v>2</v>
      </c>
      <c r="HJ31" s="72">
        <v>0</v>
      </c>
      <c r="HK31" s="72">
        <v>0</v>
      </c>
      <c r="HL31" s="73">
        <v>2</v>
      </c>
      <c r="HM31" s="74">
        <v>2</v>
      </c>
      <c r="HN31" s="71">
        <v>0</v>
      </c>
      <c r="HO31" s="72">
        <v>1</v>
      </c>
      <c r="HP31" s="73">
        <v>1</v>
      </c>
      <c r="HQ31" s="277"/>
      <c r="HR31" s="72">
        <v>1</v>
      </c>
      <c r="HS31" s="72">
        <v>2</v>
      </c>
      <c r="HT31" s="72">
        <v>0</v>
      </c>
      <c r="HU31" s="72">
        <v>0</v>
      </c>
      <c r="HV31" s="72">
        <v>0</v>
      </c>
      <c r="HW31" s="73">
        <v>3</v>
      </c>
      <c r="HX31" s="74">
        <v>4</v>
      </c>
      <c r="HY31" s="71">
        <v>0</v>
      </c>
      <c r="HZ31" s="72">
        <v>0</v>
      </c>
      <c r="IA31" s="73">
        <v>0</v>
      </c>
      <c r="IB31" s="277"/>
      <c r="IC31" s="72">
        <v>1</v>
      </c>
      <c r="ID31" s="72">
        <v>0</v>
      </c>
      <c r="IE31" s="72">
        <v>0</v>
      </c>
      <c r="IF31" s="72">
        <v>0</v>
      </c>
      <c r="IG31" s="72">
        <v>0</v>
      </c>
      <c r="IH31" s="73">
        <v>1</v>
      </c>
      <c r="II31" s="74">
        <v>1</v>
      </c>
      <c r="IJ31" s="71">
        <v>1</v>
      </c>
      <c r="IK31" s="72">
        <v>0</v>
      </c>
      <c r="IL31" s="73">
        <v>1</v>
      </c>
      <c r="IM31" s="277"/>
      <c r="IN31" s="72">
        <v>2</v>
      </c>
      <c r="IO31" s="72">
        <v>1</v>
      </c>
      <c r="IP31" s="72">
        <v>0</v>
      </c>
      <c r="IQ31" s="72">
        <v>1</v>
      </c>
      <c r="IR31" s="72">
        <v>2</v>
      </c>
      <c r="IS31" s="73">
        <v>6</v>
      </c>
      <c r="IT31" s="74">
        <v>7</v>
      </c>
      <c r="IU31" s="71">
        <v>0</v>
      </c>
      <c r="IV31" s="72">
        <v>1</v>
      </c>
      <c r="IW31" s="73">
        <v>1</v>
      </c>
      <c r="IX31" s="274"/>
      <c r="IY31" s="72">
        <v>3</v>
      </c>
      <c r="IZ31" s="72">
        <v>1</v>
      </c>
      <c r="JA31" s="72">
        <v>0</v>
      </c>
      <c r="JB31" s="72">
        <v>1</v>
      </c>
      <c r="JC31" s="72">
        <v>1</v>
      </c>
      <c r="JD31" s="73">
        <v>6</v>
      </c>
      <c r="JE31" s="74">
        <v>7</v>
      </c>
      <c r="JF31" s="71">
        <v>0</v>
      </c>
      <c r="JG31" s="72">
        <v>0</v>
      </c>
      <c r="JH31" s="73">
        <v>0</v>
      </c>
      <c r="JI31" s="274"/>
      <c r="JJ31" s="72">
        <v>2</v>
      </c>
      <c r="JK31" s="72">
        <v>5</v>
      </c>
      <c r="JL31" s="72">
        <v>2</v>
      </c>
      <c r="JM31" s="72">
        <v>1</v>
      </c>
      <c r="JN31" s="72">
        <v>0</v>
      </c>
      <c r="JO31" s="73">
        <v>10</v>
      </c>
      <c r="JP31" s="74">
        <v>10</v>
      </c>
      <c r="JQ31" s="71">
        <v>0</v>
      </c>
      <c r="JR31" s="72">
        <v>0</v>
      </c>
      <c r="JS31" s="73">
        <v>0</v>
      </c>
      <c r="JT31" s="274"/>
      <c r="JU31" s="72">
        <v>0</v>
      </c>
      <c r="JV31" s="72">
        <v>0</v>
      </c>
      <c r="JW31" s="72">
        <v>0</v>
      </c>
      <c r="JX31" s="72">
        <v>0</v>
      </c>
      <c r="JY31" s="72">
        <v>0</v>
      </c>
      <c r="JZ31" s="73">
        <v>0</v>
      </c>
      <c r="KA31" s="74">
        <v>0</v>
      </c>
      <c r="KB31" s="71">
        <v>1</v>
      </c>
      <c r="KC31" s="72">
        <v>2</v>
      </c>
      <c r="KD31" s="73">
        <v>3</v>
      </c>
      <c r="KE31" s="274"/>
      <c r="KF31" s="72">
        <v>9</v>
      </c>
      <c r="KG31" s="72">
        <v>9</v>
      </c>
      <c r="KH31" s="72">
        <v>4</v>
      </c>
      <c r="KI31" s="72">
        <v>3</v>
      </c>
      <c r="KJ31" s="72">
        <v>3</v>
      </c>
      <c r="KK31" s="73">
        <v>28</v>
      </c>
      <c r="KL31" s="74">
        <v>31</v>
      </c>
    </row>
    <row r="32" spans="1:298" ht="19.5" customHeight="1" x14ac:dyDescent="0.2">
      <c r="A32" s="130" t="s">
        <v>29</v>
      </c>
      <c r="B32" s="347">
        <v>4</v>
      </c>
      <c r="C32" s="83">
        <v>2</v>
      </c>
      <c r="D32" s="84">
        <v>6</v>
      </c>
      <c r="E32" s="274"/>
      <c r="F32" s="83">
        <v>2</v>
      </c>
      <c r="G32" s="83">
        <v>4</v>
      </c>
      <c r="H32" s="83">
        <v>9</v>
      </c>
      <c r="I32" s="83">
        <v>1</v>
      </c>
      <c r="J32" s="83">
        <v>1</v>
      </c>
      <c r="K32" s="85">
        <v>17</v>
      </c>
      <c r="L32" s="86">
        <v>23</v>
      </c>
      <c r="M32" s="71">
        <v>0</v>
      </c>
      <c r="N32" s="72">
        <v>0</v>
      </c>
      <c r="O32" s="73">
        <v>0</v>
      </c>
      <c r="P32" s="277"/>
      <c r="Q32" s="72">
        <v>0</v>
      </c>
      <c r="R32" s="72">
        <v>0</v>
      </c>
      <c r="S32" s="72">
        <v>0</v>
      </c>
      <c r="T32" s="72">
        <v>0</v>
      </c>
      <c r="U32" s="72">
        <v>1</v>
      </c>
      <c r="V32" s="73">
        <v>1</v>
      </c>
      <c r="W32" s="74">
        <v>1</v>
      </c>
      <c r="X32" s="71">
        <v>0</v>
      </c>
      <c r="Y32" s="72">
        <v>1</v>
      </c>
      <c r="Z32" s="73">
        <v>1</v>
      </c>
      <c r="AA32" s="277"/>
      <c r="AB32" s="72">
        <v>0</v>
      </c>
      <c r="AC32" s="72">
        <v>1</v>
      </c>
      <c r="AD32" s="72">
        <v>0</v>
      </c>
      <c r="AE32" s="72">
        <v>0</v>
      </c>
      <c r="AF32" s="72">
        <v>0</v>
      </c>
      <c r="AG32" s="73">
        <v>1</v>
      </c>
      <c r="AH32" s="74">
        <v>2</v>
      </c>
      <c r="AI32" s="71">
        <v>1</v>
      </c>
      <c r="AJ32" s="72">
        <v>1</v>
      </c>
      <c r="AK32" s="73">
        <v>2</v>
      </c>
      <c r="AL32" s="277"/>
      <c r="AM32" s="72">
        <v>0</v>
      </c>
      <c r="AN32" s="72">
        <v>1</v>
      </c>
      <c r="AO32" s="72">
        <v>1</v>
      </c>
      <c r="AP32" s="72">
        <v>0</v>
      </c>
      <c r="AQ32" s="72">
        <v>0</v>
      </c>
      <c r="AR32" s="73">
        <v>2</v>
      </c>
      <c r="AS32" s="74">
        <v>4</v>
      </c>
      <c r="AT32" s="71">
        <v>2</v>
      </c>
      <c r="AU32" s="72">
        <v>0</v>
      </c>
      <c r="AV32" s="73">
        <v>2</v>
      </c>
      <c r="AW32" s="277"/>
      <c r="AX32" s="72">
        <v>1</v>
      </c>
      <c r="AY32" s="72">
        <v>0</v>
      </c>
      <c r="AZ32" s="72">
        <v>5</v>
      </c>
      <c r="BA32" s="72">
        <v>0</v>
      </c>
      <c r="BB32" s="72">
        <v>0</v>
      </c>
      <c r="BC32" s="73">
        <v>6</v>
      </c>
      <c r="BD32" s="74">
        <v>8</v>
      </c>
      <c r="BE32" s="71">
        <v>1</v>
      </c>
      <c r="BF32" s="72">
        <v>0</v>
      </c>
      <c r="BG32" s="73">
        <v>1</v>
      </c>
      <c r="BH32" s="277"/>
      <c r="BI32" s="72">
        <v>0</v>
      </c>
      <c r="BJ32" s="72">
        <v>0</v>
      </c>
      <c r="BK32" s="72">
        <v>2</v>
      </c>
      <c r="BL32" s="72">
        <v>1</v>
      </c>
      <c r="BM32" s="72">
        <v>0</v>
      </c>
      <c r="BN32" s="73">
        <v>3</v>
      </c>
      <c r="BO32" s="74">
        <v>4</v>
      </c>
      <c r="BP32" s="71">
        <v>0</v>
      </c>
      <c r="BQ32" s="72">
        <v>0</v>
      </c>
      <c r="BR32" s="73">
        <v>0</v>
      </c>
      <c r="BS32" s="277"/>
      <c r="BT32" s="72">
        <v>1</v>
      </c>
      <c r="BU32" s="72">
        <v>2</v>
      </c>
      <c r="BV32" s="72">
        <v>1</v>
      </c>
      <c r="BW32" s="72">
        <v>0</v>
      </c>
      <c r="BX32" s="72">
        <v>0</v>
      </c>
      <c r="BY32" s="73">
        <v>4</v>
      </c>
      <c r="BZ32" s="74">
        <v>4</v>
      </c>
      <c r="CA32" s="71">
        <v>0</v>
      </c>
      <c r="CB32" s="72">
        <v>0</v>
      </c>
      <c r="CC32" s="73">
        <v>0</v>
      </c>
      <c r="CD32" s="277"/>
      <c r="CE32" s="72">
        <v>0</v>
      </c>
      <c r="CF32" s="72">
        <v>0</v>
      </c>
      <c r="CG32" s="72">
        <v>0</v>
      </c>
      <c r="CH32" s="72">
        <v>0</v>
      </c>
      <c r="CI32" s="72">
        <v>0</v>
      </c>
      <c r="CJ32" s="73">
        <v>0</v>
      </c>
      <c r="CK32" s="74">
        <v>0</v>
      </c>
      <c r="CL32" s="71">
        <v>4</v>
      </c>
      <c r="CM32" s="72">
        <v>2</v>
      </c>
      <c r="CN32" s="73">
        <v>6</v>
      </c>
      <c r="CO32" s="277"/>
      <c r="CP32" s="72">
        <v>2</v>
      </c>
      <c r="CQ32" s="72">
        <v>4</v>
      </c>
      <c r="CR32" s="72">
        <v>9</v>
      </c>
      <c r="CS32" s="72">
        <v>1</v>
      </c>
      <c r="CT32" s="72">
        <v>1</v>
      </c>
      <c r="CU32" s="73">
        <v>17</v>
      </c>
      <c r="CV32" s="74">
        <v>23</v>
      </c>
      <c r="CW32" s="127">
        <v>2</v>
      </c>
      <c r="CX32" s="83">
        <v>5</v>
      </c>
      <c r="CY32" s="84">
        <v>7</v>
      </c>
      <c r="CZ32" s="274"/>
      <c r="DA32" s="83">
        <v>4</v>
      </c>
      <c r="DB32" s="83">
        <v>1</v>
      </c>
      <c r="DC32" s="83">
        <v>0</v>
      </c>
      <c r="DD32" s="83">
        <v>1</v>
      </c>
      <c r="DE32" s="83">
        <v>0</v>
      </c>
      <c r="DF32" s="85">
        <v>6</v>
      </c>
      <c r="DG32" s="86">
        <v>13</v>
      </c>
      <c r="DH32" s="71">
        <v>0</v>
      </c>
      <c r="DI32" s="72">
        <v>0</v>
      </c>
      <c r="DJ32" s="73">
        <v>0</v>
      </c>
      <c r="DK32" s="277"/>
      <c r="DL32" s="72">
        <v>0</v>
      </c>
      <c r="DM32" s="72">
        <v>0</v>
      </c>
      <c r="DN32" s="72">
        <v>0</v>
      </c>
      <c r="DO32" s="72">
        <v>0</v>
      </c>
      <c r="DP32" s="72">
        <v>0</v>
      </c>
      <c r="DQ32" s="73">
        <v>0</v>
      </c>
      <c r="DR32" s="74">
        <v>0</v>
      </c>
      <c r="DS32" s="71">
        <v>0</v>
      </c>
      <c r="DT32" s="72">
        <v>0</v>
      </c>
      <c r="DU32" s="73">
        <v>0</v>
      </c>
      <c r="DV32" s="277"/>
      <c r="DW32" s="72">
        <v>0</v>
      </c>
      <c r="DX32" s="72">
        <v>0</v>
      </c>
      <c r="DY32" s="72">
        <v>0</v>
      </c>
      <c r="DZ32" s="72">
        <v>0</v>
      </c>
      <c r="EA32" s="72">
        <v>0</v>
      </c>
      <c r="EB32" s="73">
        <v>0</v>
      </c>
      <c r="EC32" s="74">
        <v>0</v>
      </c>
      <c r="ED32" s="71">
        <v>1</v>
      </c>
      <c r="EE32" s="72">
        <v>0</v>
      </c>
      <c r="EF32" s="73">
        <v>1</v>
      </c>
      <c r="EG32" s="277"/>
      <c r="EH32" s="72">
        <v>0</v>
      </c>
      <c r="EI32" s="72">
        <v>0</v>
      </c>
      <c r="EJ32" s="72">
        <v>0</v>
      </c>
      <c r="EK32" s="72">
        <v>1</v>
      </c>
      <c r="EL32" s="72">
        <v>0</v>
      </c>
      <c r="EM32" s="73">
        <v>1</v>
      </c>
      <c r="EN32" s="74">
        <v>2</v>
      </c>
      <c r="EO32" s="71">
        <v>1</v>
      </c>
      <c r="EP32" s="72">
        <v>2</v>
      </c>
      <c r="EQ32" s="73">
        <v>3</v>
      </c>
      <c r="ER32" s="277"/>
      <c r="ES32" s="72">
        <v>2</v>
      </c>
      <c r="ET32" s="72">
        <v>0</v>
      </c>
      <c r="EU32" s="72">
        <v>0</v>
      </c>
      <c r="EV32" s="72">
        <v>0</v>
      </c>
      <c r="EW32" s="72">
        <v>0</v>
      </c>
      <c r="EX32" s="73">
        <v>2</v>
      </c>
      <c r="EY32" s="74">
        <v>5</v>
      </c>
      <c r="EZ32" s="71">
        <v>0</v>
      </c>
      <c r="FA32" s="72">
        <v>2</v>
      </c>
      <c r="FB32" s="73">
        <v>2</v>
      </c>
      <c r="FC32" s="277"/>
      <c r="FD32" s="72">
        <v>1</v>
      </c>
      <c r="FE32" s="72">
        <v>0</v>
      </c>
      <c r="FF32" s="72">
        <v>0</v>
      </c>
      <c r="FG32" s="72">
        <v>0</v>
      </c>
      <c r="FH32" s="72">
        <v>0</v>
      </c>
      <c r="FI32" s="73">
        <v>1</v>
      </c>
      <c r="FJ32" s="74">
        <v>3</v>
      </c>
      <c r="FK32" s="71">
        <v>0</v>
      </c>
      <c r="FL32" s="72">
        <v>1</v>
      </c>
      <c r="FM32" s="73">
        <v>1</v>
      </c>
      <c r="FN32" s="277"/>
      <c r="FO32" s="72">
        <v>1</v>
      </c>
      <c r="FP32" s="72">
        <v>1</v>
      </c>
      <c r="FQ32" s="72">
        <v>0</v>
      </c>
      <c r="FR32" s="72">
        <v>0</v>
      </c>
      <c r="FS32" s="72">
        <v>0</v>
      </c>
      <c r="FT32" s="73">
        <v>2</v>
      </c>
      <c r="FU32" s="74">
        <v>3</v>
      </c>
      <c r="FV32" s="71">
        <v>0</v>
      </c>
      <c r="FW32" s="72">
        <v>0</v>
      </c>
      <c r="FX32" s="73">
        <v>0</v>
      </c>
      <c r="FY32" s="277"/>
      <c r="FZ32" s="72">
        <v>0</v>
      </c>
      <c r="GA32" s="72">
        <v>0</v>
      </c>
      <c r="GB32" s="72">
        <v>0</v>
      </c>
      <c r="GC32" s="72">
        <v>0</v>
      </c>
      <c r="GD32" s="72">
        <v>0</v>
      </c>
      <c r="GE32" s="73">
        <v>0</v>
      </c>
      <c r="GF32" s="74">
        <v>0</v>
      </c>
      <c r="GG32" s="71">
        <v>2</v>
      </c>
      <c r="GH32" s="72">
        <v>5</v>
      </c>
      <c r="GI32" s="73">
        <v>7</v>
      </c>
      <c r="GJ32" s="277"/>
      <c r="GK32" s="72">
        <v>4</v>
      </c>
      <c r="GL32" s="72">
        <v>1</v>
      </c>
      <c r="GM32" s="72">
        <v>0</v>
      </c>
      <c r="GN32" s="72">
        <v>1</v>
      </c>
      <c r="GO32" s="72">
        <v>0</v>
      </c>
      <c r="GP32" s="73">
        <v>6</v>
      </c>
      <c r="GQ32" s="74">
        <v>13</v>
      </c>
      <c r="GR32" s="127">
        <v>6</v>
      </c>
      <c r="GS32" s="83">
        <v>7</v>
      </c>
      <c r="GT32" s="84">
        <v>13</v>
      </c>
      <c r="GU32" s="274"/>
      <c r="GV32" s="83">
        <v>6</v>
      </c>
      <c r="GW32" s="83">
        <v>5</v>
      </c>
      <c r="GX32" s="83">
        <v>9</v>
      </c>
      <c r="GY32" s="83">
        <v>2</v>
      </c>
      <c r="GZ32" s="83">
        <v>1</v>
      </c>
      <c r="HA32" s="85">
        <v>23</v>
      </c>
      <c r="HB32" s="86">
        <v>36</v>
      </c>
      <c r="HC32" s="71">
        <v>0</v>
      </c>
      <c r="HD32" s="72">
        <v>0</v>
      </c>
      <c r="HE32" s="73">
        <v>0</v>
      </c>
      <c r="HF32" s="274"/>
      <c r="HG32" s="72">
        <v>0</v>
      </c>
      <c r="HH32" s="72">
        <v>0</v>
      </c>
      <c r="HI32" s="72">
        <v>0</v>
      </c>
      <c r="HJ32" s="72">
        <v>0</v>
      </c>
      <c r="HK32" s="72">
        <v>1</v>
      </c>
      <c r="HL32" s="73">
        <v>1</v>
      </c>
      <c r="HM32" s="74">
        <v>1</v>
      </c>
      <c r="HN32" s="71">
        <v>0</v>
      </c>
      <c r="HO32" s="72">
        <v>1</v>
      </c>
      <c r="HP32" s="73">
        <v>1</v>
      </c>
      <c r="HQ32" s="277"/>
      <c r="HR32" s="72">
        <v>0</v>
      </c>
      <c r="HS32" s="72">
        <v>1</v>
      </c>
      <c r="HT32" s="72">
        <v>0</v>
      </c>
      <c r="HU32" s="72">
        <v>0</v>
      </c>
      <c r="HV32" s="72">
        <v>0</v>
      </c>
      <c r="HW32" s="73">
        <v>1</v>
      </c>
      <c r="HX32" s="74">
        <v>2</v>
      </c>
      <c r="HY32" s="71">
        <v>2</v>
      </c>
      <c r="HZ32" s="72">
        <v>1</v>
      </c>
      <c r="IA32" s="73">
        <v>3</v>
      </c>
      <c r="IB32" s="277"/>
      <c r="IC32" s="72">
        <v>0</v>
      </c>
      <c r="ID32" s="72">
        <v>1</v>
      </c>
      <c r="IE32" s="72">
        <v>1</v>
      </c>
      <c r="IF32" s="72">
        <v>1</v>
      </c>
      <c r="IG32" s="72">
        <v>0</v>
      </c>
      <c r="IH32" s="73">
        <v>3</v>
      </c>
      <c r="II32" s="74">
        <v>6</v>
      </c>
      <c r="IJ32" s="71">
        <v>3</v>
      </c>
      <c r="IK32" s="72">
        <v>2</v>
      </c>
      <c r="IL32" s="73">
        <v>5</v>
      </c>
      <c r="IM32" s="277"/>
      <c r="IN32" s="72">
        <v>3</v>
      </c>
      <c r="IO32" s="72">
        <v>0</v>
      </c>
      <c r="IP32" s="72">
        <v>5</v>
      </c>
      <c r="IQ32" s="72">
        <v>0</v>
      </c>
      <c r="IR32" s="72">
        <v>0</v>
      </c>
      <c r="IS32" s="73">
        <v>8</v>
      </c>
      <c r="IT32" s="74">
        <v>13</v>
      </c>
      <c r="IU32" s="71">
        <v>1</v>
      </c>
      <c r="IV32" s="72">
        <v>2</v>
      </c>
      <c r="IW32" s="73">
        <v>3</v>
      </c>
      <c r="IX32" s="274"/>
      <c r="IY32" s="72">
        <v>1</v>
      </c>
      <c r="IZ32" s="72">
        <v>0</v>
      </c>
      <c r="JA32" s="72">
        <v>2</v>
      </c>
      <c r="JB32" s="72">
        <v>1</v>
      </c>
      <c r="JC32" s="72">
        <v>0</v>
      </c>
      <c r="JD32" s="73">
        <v>4</v>
      </c>
      <c r="JE32" s="74">
        <v>7</v>
      </c>
      <c r="JF32" s="71">
        <v>0</v>
      </c>
      <c r="JG32" s="72">
        <v>1</v>
      </c>
      <c r="JH32" s="73">
        <v>1</v>
      </c>
      <c r="JI32" s="274"/>
      <c r="JJ32" s="72">
        <v>2</v>
      </c>
      <c r="JK32" s="72">
        <v>3</v>
      </c>
      <c r="JL32" s="72">
        <v>1</v>
      </c>
      <c r="JM32" s="72">
        <v>0</v>
      </c>
      <c r="JN32" s="72">
        <v>0</v>
      </c>
      <c r="JO32" s="73">
        <v>6</v>
      </c>
      <c r="JP32" s="74">
        <v>7</v>
      </c>
      <c r="JQ32" s="71">
        <v>0</v>
      </c>
      <c r="JR32" s="72">
        <v>0</v>
      </c>
      <c r="JS32" s="73">
        <v>0</v>
      </c>
      <c r="JT32" s="274"/>
      <c r="JU32" s="72">
        <v>0</v>
      </c>
      <c r="JV32" s="72">
        <v>0</v>
      </c>
      <c r="JW32" s="72">
        <v>0</v>
      </c>
      <c r="JX32" s="72">
        <v>0</v>
      </c>
      <c r="JY32" s="72">
        <v>0</v>
      </c>
      <c r="JZ32" s="73">
        <v>0</v>
      </c>
      <c r="KA32" s="74">
        <v>0</v>
      </c>
      <c r="KB32" s="71">
        <v>6</v>
      </c>
      <c r="KC32" s="72">
        <v>7</v>
      </c>
      <c r="KD32" s="73">
        <v>13</v>
      </c>
      <c r="KE32" s="274"/>
      <c r="KF32" s="72">
        <v>6</v>
      </c>
      <c r="KG32" s="72">
        <v>5</v>
      </c>
      <c r="KH32" s="72">
        <v>9</v>
      </c>
      <c r="KI32" s="72">
        <v>2</v>
      </c>
      <c r="KJ32" s="72">
        <v>1</v>
      </c>
      <c r="KK32" s="73">
        <v>23</v>
      </c>
      <c r="KL32" s="74">
        <v>36</v>
      </c>
    </row>
    <row r="33" spans="1:298" ht="19.5" customHeight="1" x14ac:dyDescent="0.2">
      <c r="A33" s="130" t="s">
        <v>30</v>
      </c>
      <c r="B33" s="347">
        <v>0</v>
      </c>
      <c r="C33" s="83">
        <v>2</v>
      </c>
      <c r="D33" s="84">
        <v>2</v>
      </c>
      <c r="E33" s="274"/>
      <c r="F33" s="83">
        <v>4</v>
      </c>
      <c r="G33" s="83">
        <v>6</v>
      </c>
      <c r="H33" s="83">
        <v>5</v>
      </c>
      <c r="I33" s="83">
        <v>4</v>
      </c>
      <c r="J33" s="83">
        <v>1</v>
      </c>
      <c r="K33" s="85">
        <v>20</v>
      </c>
      <c r="L33" s="86">
        <v>22</v>
      </c>
      <c r="M33" s="71">
        <v>0</v>
      </c>
      <c r="N33" s="72">
        <v>0</v>
      </c>
      <c r="O33" s="73">
        <v>0</v>
      </c>
      <c r="P33" s="277"/>
      <c r="Q33" s="72">
        <v>0</v>
      </c>
      <c r="R33" s="72">
        <v>0</v>
      </c>
      <c r="S33" s="72">
        <v>0</v>
      </c>
      <c r="T33" s="72">
        <v>0</v>
      </c>
      <c r="U33" s="72">
        <v>0</v>
      </c>
      <c r="V33" s="73">
        <v>0</v>
      </c>
      <c r="W33" s="74">
        <v>0</v>
      </c>
      <c r="X33" s="71">
        <v>0</v>
      </c>
      <c r="Y33" s="72">
        <v>0</v>
      </c>
      <c r="Z33" s="73">
        <v>0</v>
      </c>
      <c r="AA33" s="277"/>
      <c r="AB33" s="72">
        <v>1</v>
      </c>
      <c r="AC33" s="72">
        <v>0</v>
      </c>
      <c r="AD33" s="72">
        <v>0</v>
      </c>
      <c r="AE33" s="72">
        <v>1</v>
      </c>
      <c r="AF33" s="72">
        <v>0</v>
      </c>
      <c r="AG33" s="73">
        <v>2</v>
      </c>
      <c r="AH33" s="74">
        <v>2</v>
      </c>
      <c r="AI33" s="71">
        <v>0</v>
      </c>
      <c r="AJ33" s="72">
        <v>0</v>
      </c>
      <c r="AK33" s="73">
        <v>0</v>
      </c>
      <c r="AL33" s="277"/>
      <c r="AM33" s="72">
        <v>0</v>
      </c>
      <c r="AN33" s="72">
        <v>1</v>
      </c>
      <c r="AO33" s="72">
        <v>0</v>
      </c>
      <c r="AP33" s="72">
        <v>0</v>
      </c>
      <c r="AQ33" s="72">
        <v>0</v>
      </c>
      <c r="AR33" s="73">
        <v>1</v>
      </c>
      <c r="AS33" s="74">
        <v>1</v>
      </c>
      <c r="AT33" s="71">
        <v>0</v>
      </c>
      <c r="AU33" s="72">
        <v>1</v>
      </c>
      <c r="AV33" s="73">
        <v>1</v>
      </c>
      <c r="AW33" s="277"/>
      <c r="AX33" s="72">
        <v>1</v>
      </c>
      <c r="AY33" s="72">
        <v>2</v>
      </c>
      <c r="AZ33" s="72">
        <v>1</v>
      </c>
      <c r="BA33" s="72">
        <v>0</v>
      </c>
      <c r="BB33" s="72">
        <v>0</v>
      </c>
      <c r="BC33" s="73">
        <v>4</v>
      </c>
      <c r="BD33" s="74">
        <v>5</v>
      </c>
      <c r="BE33" s="71">
        <v>0</v>
      </c>
      <c r="BF33" s="72">
        <v>1</v>
      </c>
      <c r="BG33" s="73">
        <v>1</v>
      </c>
      <c r="BH33" s="277"/>
      <c r="BI33" s="72">
        <v>1</v>
      </c>
      <c r="BJ33" s="72">
        <v>3</v>
      </c>
      <c r="BK33" s="72">
        <v>1</v>
      </c>
      <c r="BL33" s="72">
        <v>3</v>
      </c>
      <c r="BM33" s="72">
        <v>1</v>
      </c>
      <c r="BN33" s="73">
        <v>9</v>
      </c>
      <c r="BO33" s="74">
        <v>10</v>
      </c>
      <c r="BP33" s="71">
        <v>0</v>
      </c>
      <c r="BQ33" s="72">
        <v>0</v>
      </c>
      <c r="BR33" s="73">
        <v>0</v>
      </c>
      <c r="BS33" s="277"/>
      <c r="BT33" s="72">
        <v>1</v>
      </c>
      <c r="BU33" s="72">
        <v>0</v>
      </c>
      <c r="BV33" s="72">
        <v>3</v>
      </c>
      <c r="BW33" s="72">
        <v>0</v>
      </c>
      <c r="BX33" s="72">
        <v>0</v>
      </c>
      <c r="BY33" s="73">
        <v>4</v>
      </c>
      <c r="BZ33" s="74">
        <v>4</v>
      </c>
      <c r="CA33" s="71">
        <v>0</v>
      </c>
      <c r="CB33" s="72">
        <v>0</v>
      </c>
      <c r="CC33" s="73">
        <v>0</v>
      </c>
      <c r="CD33" s="277"/>
      <c r="CE33" s="72">
        <v>0</v>
      </c>
      <c r="CF33" s="72">
        <v>0</v>
      </c>
      <c r="CG33" s="72">
        <v>0</v>
      </c>
      <c r="CH33" s="72">
        <v>0</v>
      </c>
      <c r="CI33" s="72">
        <v>0</v>
      </c>
      <c r="CJ33" s="73">
        <v>0</v>
      </c>
      <c r="CK33" s="74">
        <v>0</v>
      </c>
      <c r="CL33" s="71">
        <v>0</v>
      </c>
      <c r="CM33" s="72">
        <v>2</v>
      </c>
      <c r="CN33" s="73">
        <v>2</v>
      </c>
      <c r="CO33" s="277"/>
      <c r="CP33" s="72">
        <v>4</v>
      </c>
      <c r="CQ33" s="72">
        <v>6</v>
      </c>
      <c r="CR33" s="72">
        <v>5</v>
      </c>
      <c r="CS33" s="72">
        <v>4</v>
      </c>
      <c r="CT33" s="72">
        <v>1</v>
      </c>
      <c r="CU33" s="73">
        <v>20</v>
      </c>
      <c r="CV33" s="74">
        <v>22</v>
      </c>
      <c r="CW33" s="127">
        <v>1</v>
      </c>
      <c r="CX33" s="83">
        <v>2</v>
      </c>
      <c r="CY33" s="84">
        <v>3</v>
      </c>
      <c r="CZ33" s="274"/>
      <c r="DA33" s="83">
        <v>2</v>
      </c>
      <c r="DB33" s="83">
        <v>1</v>
      </c>
      <c r="DC33" s="83">
        <v>1</v>
      </c>
      <c r="DD33" s="83">
        <v>0</v>
      </c>
      <c r="DE33" s="83">
        <v>0</v>
      </c>
      <c r="DF33" s="85">
        <v>4</v>
      </c>
      <c r="DG33" s="86">
        <v>7</v>
      </c>
      <c r="DH33" s="71">
        <v>0</v>
      </c>
      <c r="DI33" s="72">
        <v>0</v>
      </c>
      <c r="DJ33" s="73">
        <v>0</v>
      </c>
      <c r="DK33" s="277"/>
      <c r="DL33" s="72">
        <v>0</v>
      </c>
      <c r="DM33" s="72">
        <v>0</v>
      </c>
      <c r="DN33" s="72">
        <v>0</v>
      </c>
      <c r="DO33" s="72">
        <v>0</v>
      </c>
      <c r="DP33" s="72">
        <v>0</v>
      </c>
      <c r="DQ33" s="73">
        <v>0</v>
      </c>
      <c r="DR33" s="74">
        <v>0</v>
      </c>
      <c r="DS33" s="71">
        <v>0</v>
      </c>
      <c r="DT33" s="72">
        <v>0</v>
      </c>
      <c r="DU33" s="73">
        <v>0</v>
      </c>
      <c r="DV33" s="277"/>
      <c r="DW33" s="72">
        <v>0</v>
      </c>
      <c r="DX33" s="72">
        <v>0</v>
      </c>
      <c r="DY33" s="72">
        <v>0</v>
      </c>
      <c r="DZ33" s="72">
        <v>0</v>
      </c>
      <c r="EA33" s="72">
        <v>0</v>
      </c>
      <c r="EB33" s="73">
        <v>0</v>
      </c>
      <c r="EC33" s="74">
        <v>0</v>
      </c>
      <c r="ED33" s="71">
        <v>0</v>
      </c>
      <c r="EE33" s="72">
        <v>0</v>
      </c>
      <c r="EF33" s="73">
        <v>0</v>
      </c>
      <c r="EG33" s="277"/>
      <c r="EH33" s="72">
        <v>0</v>
      </c>
      <c r="EI33" s="72">
        <v>0</v>
      </c>
      <c r="EJ33" s="72">
        <v>1</v>
      </c>
      <c r="EK33" s="72">
        <v>0</v>
      </c>
      <c r="EL33" s="72">
        <v>0</v>
      </c>
      <c r="EM33" s="73">
        <v>1</v>
      </c>
      <c r="EN33" s="74">
        <v>1</v>
      </c>
      <c r="EO33" s="71">
        <v>1</v>
      </c>
      <c r="EP33" s="72">
        <v>1</v>
      </c>
      <c r="EQ33" s="73">
        <v>2</v>
      </c>
      <c r="ER33" s="277"/>
      <c r="ES33" s="72">
        <v>0</v>
      </c>
      <c r="ET33" s="72">
        <v>0</v>
      </c>
      <c r="EU33" s="72">
        <v>0</v>
      </c>
      <c r="EV33" s="72">
        <v>0</v>
      </c>
      <c r="EW33" s="72">
        <v>0</v>
      </c>
      <c r="EX33" s="73">
        <v>0</v>
      </c>
      <c r="EY33" s="74">
        <v>2</v>
      </c>
      <c r="EZ33" s="71">
        <v>0</v>
      </c>
      <c r="FA33" s="72">
        <v>0</v>
      </c>
      <c r="FB33" s="73">
        <v>0</v>
      </c>
      <c r="FC33" s="277"/>
      <c r="FD33" s="72">
        <v>1</v>
      </c>
      <c r="FE33" s="72">
        <v>0</v>
      </c>
      <c r="FF33" s="72">
        <v>0</v>
      </c>
      <c r="FG33" s="72">
        <v>0</v>
      </c>
      <c r="FH33" s="72">
        <v>0</v>
      </c>
      <c r="FI33" s="73">
        <v>1</v>
      </c>
      <c r="FJ33" s="74">
        <v>1</v>
      </c>
      <c r="FK33" s="71">
        <v>0</v>
      </c>
      <c r="FL33" s="72">
        <v>1</v>
      </c>
      <c r="FM33" s="73">
        <v>1</v>
      </c>
      <c r="FN33" s="277"/>
      <c r="FO33" s="72">
        <v>1</v>
      </c>
      <c r="FP33" s="72">
        <v>1</v>
      </c>
      <c r="FQ33" s="72">
        <v>0</v>
      </c>
      <c r="FR33" s="72">
        <v>0</v>
      </c>
      <c r="FS33" s="72">
        <v>0</v>
      </c>
      <c r="FT33" s="73">
        <v>2</v>
      </c>
      <c r="FU33" s="74">
        <v>3</v>
      </c>
      <c r="FV33" s="71">
        <v>0</v>
      </c>
      <c r="FW33" s="72">
        <v>0</v>
      </c>
      <c r="FX33" s="73">
        <v>0</v>
      </c>
      <c r="FY33" s="277"/>
      <c r="FZ33" s="72">
        <v>0</v>
      </c>
      <c r="GA33" s="72">
        <v>0</v>
      </c>
      <c r="GB33" s="72">
        <v>0</v>
      </c>
      <c r="GC33" s="72">
        <v>0</v>
      </c>
      <c r="GD33" s="72">
        <v>0</v>
      </c>
      <c r="GE33" s="73">
        <v>0</v>
      </c>
      <c r="GF33" s="74">
        <v>0</v>
      </c>
      <c r="GG33" s="71">
        <v>1</v>
      </c>
      <c r="GH33" s="72">
        <v>2</v>
      </c>
      <c r="GI33" s="73">
        <v>3</v>
      </c>
      <c r="GJ33" s="277"/>
      <c r="GK33" s="72">
        <v>2</v>
      </c>
      <c r="GL33" s="72">
        <v>1</v>
      </c>
      <c r="GM33" s="72">
        <v>1</v>
      </c>
      <c r="GN33" s="72">
        <v>0</v>
      </c>
      <c r="GO33" s="72">
        <v>0</v>
      </c>
      <c r="GP33" s="73">
        <v>4</v>
      </c>
      <c r="GQ33" s="74">
        <v>7</v>
      </c>
      <c r="GR33" s="127">
        <v>1</v>
      </c>
      <c r="GS33" s="83">
        <v>4</v>
      </c>
      <c r="GT33" s="84">
        <v>5</v>
      </c>
      <c r="GU33" s="274"/>
      <c r="GV33" s="83">
        <v>6</v>
      </c>
      <c r="GW33" s="83">
        <v>7</v>
      </c>
      <c r="GX33" s="83">
        <v>6</v>
      </c>
      <c r="GY33" s="83">
        <v>4</v>
      </c>
      <c r="GZ33" s="83">
        <v>1</v>
      </c>
      <c r="HA33" s="85">
        <v>24</v>
      </c>
      <c r="HB33" s="86">
        <v>29</v>
      </c>
      <c r="HC33" s="71">
        <v>0</v>
      </c>
      <c r="HD33" s="72">
        <v>0</v>
      </c>
      <c r="HE33" s="73">
        <v>0</v>
      </c>
      <c r="HF33" s="274"/>
      <c r="HG33" s="72">
        <v>0</v>
      </c>
      <c r="HH33" s="72">
        <v>0</v>
      </c>
      <c r="HI33" s="72">
        <v>0</v>
      </c>
      <c r="HJ33" s="72">
        <v>0</v>
      </c>
      <c r="HK33" s="72">
        <v>0</v>
      </c>
      <c r="HL33" s="73">
        <v>0</v>
      </c>
      <c r="HM33" s="74">
        <v>0</v>
      </c>
      <c r="HN33" s="71">
        <v>0</v>
      </c>
      <c r="HO33" s="72">
        <v>0</v>
      </c>
      <c r="HP33" s="73">
        <v>0</v>
      </c>
      <c r="HQ33" s="277"/>
      <c r="HR33" s="72">
        <v>1</v>
      </c>
      <c r="HS33" s="72">
        <v>0</v>
      </c>
      <c r="HT33" s="72">
        <v>0</v>
      </c>
      <c r="HU33" s="72">
        <v>1</v>
      </c>
      <c r="HV33" s="72">
        <v>0</v>
      </c>
      <c r="HW33" s="73">
        <v>2</v>
      </c>
      <c r="HX33" s="74">
        <v>2</v>
      </c>
      <c r="HY33" s="71">
        <v>0</v>
      </c>
      <c r="HZ33" s="72">
        <v>0</v>
      </c>
      <c r="IA33" s="73">
        <v>0</v>
      </c>
      <c r="IB33" s="277"/>
      <c r="IC33" s="72">
        <v>0</v>
      </c>
      <c r="ID33" s="72">
        <v>1</v>
      </c>
      <c r="IE33" s="72">
        <v>1</v>
      </c>
      <c r="IF33" s="72">
        <v>0</v>
      </c>
      <c r="IG33" s="72">
        <v>0</v>
      </c>
      <c r="IH33" s="73">
        <v>2</v>
      </c>
      <c r="II33" s="74">
        <v>2</v>
      </c>
      <c r="IJ33" s="71">
        <v>1</v>
      </c>
      <c r="IK33" s="72">
        <v>2</v>
      </c>
      <c r="IL33" s="73">
        <v>3</v>
      </c>
      <c r="IM33" s="277"/>
      <c r="IN33" s="72">
        <v>1</v>
      </c>
      <c r="IO33" s="72">
        <v>2</v>
      </c>
      <c r="IP33" s="72">
        <v>1</v>
      </c>
      <c r="IQ33" s="72">
        <v>0</v>
      </c>
      <c r="IR33" s="72">
        <v>0</v>
      </c>
      <c r="IS33" s="73">
        <v>4</v>
      </c>
      <c r="IT33" s="74">
        <v>7</v>
      </c>
      <c r="IU33" s="71">
        <v>0</v>
      </c>
      <c r="IV33" s="72">
        <v>1</v>
      </c>
      <c r="IW33" s="73">
        <v>1</v>
      </c>
      <c r="IX33" s="274"/>
      <c r="IY33" s="72">
        <v>2</v>
      </c>
      <c r="IZ33" s="72">
        <v>3</v>
      </c>
      <c r="JA33" s="72">
        <v>1</v>
      </c>
      <c r="JB33" s="72">
        <v>3</v>
      </c>
      <c r="JC33" s="72">
        <v>1</v>
      </c>
      <c r="JD33" s="73">
        <v>10</v>
      </c>
      <c r="JE33" s="74">
        <v>11</v>
      </c>
      <c r="JF33" s="71">
        <v>0</v>
      </c>
      <c r="JG33" s="72">
        <v>1</v>
      </c>
      <c r="JH33" s="73">
        <v>1</v>
      </c>
      <c r="JI33" s="274"/>
      <c r="JJ33" s="72">
        <v>2</v>
      </c>
      <c r="JK33" s="72">
        <v>1</v>
      </c>
      <c r="JL33" s="72">
        <v>3</v>
      </c>
      <c r="JM33" s="72">
        <v>0</v>
      </c>
      <c r="JN33" s="72">
        <v>0</v>
      </c>
      <c r="JO33" s="73">
        <v>6</v>
      </c>
      <c r="JP33" s="74">
        <v>7</v>
      </c>
      <c r="JQ33" s="71">
        <v>0</v>
      </c>
      <c r="JR33" s="72">
        <v>0</v>
      </c>
      <c r="JS33" s="73">
        <v>0</v>
      </c>
      <c r="JT33" s="274"/>
      <c r="JU33" s="72">
        <v>0</v>
      </c>
      <c r="JV33" s="72">
        <v>0</v>
      </c>
      <c r="JW33" s="72">
        <v>0</v>
      </c>
      <c r="JX33" s="72">
        <v>0</v>
      </c>
      <c r="JY33" s="72">
        <v>0</v>
      </c>
      <c r="JZ33" s="73">
        <v>0</v>
      </c>
      <c r="KA33" s="74">
        <v>0</v>
      </c>
      <c r="KB33" s="71">
        <v>1</v>
      </c>
      <c r="KC33" s="72">
        <v>4</v>
      </c>
      <c r="KD33" s="73">
        <v>5</v>
      </c>
      <c r="KE33" s="274"/>
      <c r="KF33" s="72">
        <v>6</v>
      </c>
      <c r="KG33" s="72">
        <v>7</v>
      </c>
      <c r="KH33" s="72">
        <v>6</v>
      </c>
      <c r="KI33" s="72">
        <v>4</v>
      </c>
      <c r="KJ33" s="72">
        <v>1</v>
      </c>
      <c r="KK33" s="73">
        <v>24</v>
      </c>
      <c r="KL33" s="74">
        <v>29</v>
      </c>
    </row>
    <row r="34" spans="1:298" ht="19.5" customHeight="1" x14ac:dyDescent="0.2">
      <c r="A34" s="130" t="s">
        <v>31</v>
      </c>
      <c r="B34" s="347">
        <v>3</v>
      </c>
      <c r="C34" s="83">
        <v>1</v>
      </c>
      <c r="D34" s="84">
        <v>4</v>
      </c>
      <c r="E34" s="274"/>
      <c r="F34" s="83">
        <v>9</v>
      </c>
      <c r="G34" s="83">
        <v>4</v>
      </c>
      <c r="H34" s="83">
        <v>3</v>
      </c>
      <c r="I34" s="83">
        <v>1</v>
      </c>
      <c r="J34" s="83">
        <v>2</v>
      </c>
      <c r="K34" s="85">
        <v>19</v>
      </c>
      <c r="L34" s="86">
        <v>23</v>
      </c>
      <c r="M34" s="71">
        <v>0</v>
      </c>
      <c r="N34" s="72">
        <v>0</v>
      </c>
      <c r="O34" s="73">
        <v>0</v>
      </c>
      <c r="P34" s="277"/>
      <c r="Q34" s="72">
        <v>1</v>
      </c>
      <c r="R34" s="72">
        <v>0</v>
      </c>
      <c r="S34" s="72">
        <v>1</v>
      </c>
      <c r="T34" s="72">
        <v>0</v>
      </c>
      <c r="U34" s="72">
        <v>0</v>
      </c>
      <c r="V34" s="73">
        <v>2</v>
      </c>
      <c r="W34" s="74">
        <v>2</v>
      </c>
      <c r="X34" s="71">
        <v>0</v>
      </c>
      <c r="Y34" s="72">
        <v>0</v>
      </c>
      <c r="Z34" s="73">
        <v>0</v>
      </c>
      <c r="AA34" s="277"/>
      <c r="AB34" s="72">
        <v>1</v>
      </c>
      <c r="AC34" s="72">
        <v>0</v>
      </c>
      <c r="AD34" s="72">
        <v>1</v>
      </c>
      <c r="AE34" s="72">
        <v>0</v>
      </c>
      <c r="AF34" s="72">
        <v>1</v>
      </c>
      <c r="AG34" s="73">
        <v>3</v>
      </c>
      <c r="AH34" s="74">
        <v>3</v>
      </c>
      <c r="AI34" s="71">
        <v>0</v>
      </c>
      <c r="AJ34" s="72">
        <v>0</v>
      </c>
      <c r="AK34" s="73">
        <v>0</v>
      </c>
      <c r="AL34" s="277"/>
      <c r="AM34" s="72">
        <v>1</v>
      </c>
      <c r="AN34" s="72">
        <v>0</v>
      </c>
      <c r="AO34" s="72">
        <v>0</v>
      </c>
      <c r="AP34" s="72">
        <v>0</v>
      </c>
      <c r="AQ34" s="72">
        <v>0</v>
      </c>
      <c r="AR34" s="73">
        <v>1</v>
      </c>
      <c r="AS34" s="74">
        <v>1</v>
      </c>
      <c r="AT34" s="71">
        <v>0</v>
      </c>
      <c r="AU34" s="72">
        <v>1</v>
      </c>
      <c r="AV34" s="73">
        <v>1</v>
      </c>
      <c r="AW34" s="277"/>
      <c r="AX34" s="72">
        <v>1</v>
      </c>
      <c r="AY34" s="72">
        <v>1</v>
      </c>
      <c r="AZ34" s="72">
        <v>0</v>
      </c>
      <c r="BA34" s="72">
        <v>0</v>
      </c>
      <c r="BB34" s="72">
        <v>1</v>
      </c>
      <c r="BC34" s="73">
        <v>3</v>
      </c>
      <c r="BD34" s="74">
        <v>4</v>
      </c>
      <c r="BE34" s="71">
        <v>3</v>
      </c>
      <c r="BF34" s="72">
        <v>0</v>
      </c>
      <c r="BG34" s="73">
        <v>3</v>
      </c>
      <c r="BH34" s="277"/>
      <c r="BI34" s="72">
        <v>1</v>
      </c>
      <c r="BJ34" s="72">
        <v>1</v>
      </c>
      <c r="BK34" s="72">
        <v>0</v>
      </c>
      <c r="BL34" s="72">
        <v>0</v>
      </c>
      <c r="BM34" s="72">
        <v>0</v>
      </c>
      <c r="BN34" s="73">
        <v>2</v>
      </c>
      <c r="BO34" s="74">
        <v>5</v>
      </c>
      <c r="BP34" s="71">
        <v>0</v>
      </c>
      <c r="BQ34" s="72">
        <v>0</v>
      </c>
      <c r="BR34" s="73">
        <v>0</v>
      </c>
      <c r="BS34" s="277"/>
      <c r="BT34" s="72">
        <v>4</v>
      </c>
      <c r="BU34" s="72">
        <v>2</v>
      </c>
      <c r="BV34" s="72">
        <v>1</v>
      </c>
      <c r="BW34" s="72">
        <v>1</v>
      </c>
      <c r="BX34" s="72">
        <v>0</v>
      </c>
      <c r="BY34" s="73">
        <v>8</v>
      </c>
      <c r="BZ34" s="74">
        <v>8</v>
      </c>
      <c r="CA34" s="71">
        <v>0</v>
      </c>
      <c r="CB34" s="72">
        <v>0</v>
      </c>
      <c r="CC34" s="73">
        <v>0</v>
      </c>
      <c r="CD34" s="277"/>
      <c r="CE34" s="72">
        <v>0</v>
      </c>
      <c r="CF34" s="72">
        <v>0</v>
      </c>
      <c r="CG34" s="72">
        <v>0</v>
      </c>
      <c r="CH34" s="72">
        <v>0</v>
      </c>
      <c r="CI34" s="72">
        <v>0</v>
      </c>
      <c r="CJ34" s="73">
        <v>0</v>
      </c>
      <c r="CK34" s="74">
        <v>0</v>
      </c>
      <c r="CL34" s="71">
        <v>3</v>
      </c>
      <c r="CM34" s="72">
        <v>1</v>
      </c>
      <c r="CN34" s="73">
        <v>4</v>
      </c>
      <c r="CO34" s="277"/>
      <c r="CP34" s="72">
        <v>9</v>
      </c>
      <c r="CQ34" s="72">
        <v>4</v>
      </c>
      <c r="CR34" s="72">
        <v>3</v>
      </c>
      <c r="CS34" s="72">
        <v>1</v>
      </c>
      <c r="CT34" s="72">
        <v>2</v>
      </c>
      <c r="CU34" s="73">
        <v>19</v>
      </c>
      <c r="CV34" s="74">
        <v>23</v>
      </c>
      <c r="CW34" s="127">
        <v>1</v>
      </c>
      <c r="CX34" s="83">
        <v>1</v>
      </c>
      <c r="CY34" s="84">
        <v>2</v>
      </c>
      <c r="CZ34" s="274"/>
      <c r="DA34" s="83">
        <v>0</v>
      </c>
      <c r="DB34" s="83">
        <v>1</v>
      </c>
      <c r="DC34" s="83">
        <v>2</v>
      </c>
      <c r="DD34" s="83">
        <v>2</v>
      </c>
      <c r="DE34" s="83">
        <v>2</v>
      </c>
      <c r="DF34" s="85">
        <v>7</v>
      </c>
      <c r="DG34" s="86">
        <v>9</v>
      </c>
      <c r="DH34" s="71">
        <v>0</v>
      </c>
      <c r="DI34" s="72">
        <v>0</v>
      </c>
      <c r="DJ34" s="73">
        <v>0</v>
      </c>
      <c r="DK34" s="277"/>
      <c r="DL34" s="72">
        <v>0</v>
      </c>
      <c r="DM34" s="72">
        <v>0</v>
      </c>
      <c r="DN34" s="72">
        <v>0</v>
      </c>
      <c r="DO34" s="72">
        <v>0</v>
      </c>
      <c r="DP34" s="72">
        <v>0</v>
      </c>
      <c r="DQ34" s="73">
        <v>0</v>
      </c>
      <c r="DR34" s="74">
        <v>0</v>
      </c>
      <c r="DS34" s="71">
        <v>0</v>
      </c>
      <c r="DT34" s="72">
        <v>1</v>
      </c>
      <c r="DU34" s="73">
        <v>1</v>
      </c>
      <c r="DV34" s="277"/>
      <c r="DW34" s="72">
        <v>0</v>
      </c>
      <c r="DX34" s="72">
        <v>0</v>
      </c>
      <c r="DY34" s="72">
        <v>1</v>
      </c>
      <c r="DZ34" s="72">
        <v>0</v>
      </c>
      <c r="EA34" s="72">
        <v>0</v>
      </c>
      <c r="EB34" s="73">
        <v>1</v>
      </c>
      <c r="EC34" s="74">
        <v>2</v>
      </c>
      <c r="ED34" s="71">
        <v>0</v>
      </c>
      <c r="EE34" s="72">
        <v>0</v>
      </c>
      <c r="EF34" s="73">
        <v>0</v>
      </c>
      <c r="EG34" s="277"/>
      <c r="EH34" s="72">
        <v>0</v>
      </c>
      <c r="EI34" s="72">
        <v>0</v>
      </c>
      <c r="EJ34" s="72">
        <v>0</v>
      </c>
      <c r="EK34" s="72">
        <v>0</v>
      </c>
      <c r="EL34" s="72">
        <v>0</v>
      </c>
      <c r="EM34" s="73">
        <v>0</v>
      </c>
      <c r="EN34" s="74">
        <v>0</v>
      </c>
      <c r="EO34" s="71">
        <v>0</v>
      </c>
      <c r="EP34" s="72">
        <v>0</v>
      </c>
      <c r="EQ34" s="73">
        <v>0</v>
      </c>
      <c r="ER34" s="277"/>
      <c r="ES34" s="72">
        <v>0</v>
      </c>
      <c r="ET34" s="72">
        <v>1</v>
      </c>
      <c r="EU34" s="72">
        <v>0</v>
      </c>
      <c r="EV34" s="72">
        <v>1</v>
      </c>
      <c r="EW34" s="72">
        <v>0</v>
      </c>
      <c r="EX34" s="73">
        <v>2</v>
      </c>
      <c r="EY34" s="74">
        <v>2</v>
      </c>
      <c r="EZ34" s="71">
        <v>0</v>
      </c>
      <c r="FA34" s="72">
        <v>0</v>
      </c>
      <c r="FB34" s="73">
        <v>0</v>
      </c>
      <c r="FC34" s="277"/>
      <c r="FD34" s="72">
        <v>0</v>
      </c>
      <c r="FE34" s="72">
        <v>0</v>
      </c>
      <c r="FF34" s="72">
        <v>0</v>
      </c>
      <c r="FG34" s="72">
        <v>1</v>
      </c>
      <c r="FH34" s="72">
        <v>0</v>
      </c>
      <c r="FI34" s="73">
        <v>1</v>
      </c>
      <c r="FJ34" s="74">
        <v>1</v>
      </c>
      <c r="FK34" s="71">
        <v>1</v>
      </c>
      <c r="FL34" s="72">
        <v>0</v>
      </c>
      <c r="FM34" s="73">
        <v>1</v>
      </c>
      <c r="FN34" s="277"/>
      <c r="FO34" s="72">
        <v>0</v>
      </c>
      <c r="FP34" s="72">
        <v>0</v>
      </c>
      <c r="FQ34" s="72">
        <v>1</v>
      </c>
      <c r="FR34" s="72">
        <v>0</v>
      </c>
      <c r="FS34" s="72">
        <v>2</v>
      </c>
      <c r="FT34" s="73">
        <v>3</v>
      </c>
      <c r="FU34" s="74">
        <v>4</v>
      </c>
      <c r="FV34" s="71">
        <v>0</v>
      </c>
      <c r="FW34" s="72">
        <v>0</v>
      </c>
      <c r="FX34" s="73">
        <v>0</v>
      </c>
      <c r="FY34" s="277"/>
      <c r="FZ34" s="72">
        <v>0</v>
      </c>
      <c r="GA34" s="72">
        <v>0</v>
      </c>
      <c r="GB34" s="72">
        <v>0</v>
      </c>
      <c r="GC34" s="72">
        <v>0</v>
      </c>
      <c r="GD34" s="72">
        <v>0</v>
      </c>
      <c r="GE34" s="73">
        <v>0</v>
      </c>
      <c r="GF34" s="74">
        <v>0</v>
      </c>
      <c r="GG34" s="71">
        <v>1</v>
      </c>
      <c r="GH34" s="72">
        <v>1</v>
      </c>
      <c r="GI34" s="73">
        <v>2</v>
      </c>
      <c r="GJ34" s="277"/>
      <c r="GK34" s="72">
        <v>0</v>
      </c>
      <c r="GL34" s="72">
        <v>1</v>
      </c>
      <c r="GM34" s="72">
        <v>2</v>
      </c>
      <c r="GN34" s="72">
        <v>2</v>
      </c>
      <c r="GO34" s="72">
        <v>2</v>
      </c>
      <c r="GP34" s="73">
        <v>7</v>
      </c>
      <c r="GQ34" s="74">
        <v>9</v>
      </c>
      <c r="GR34" s="127">
        <v>4</v>
      </c>
      <c r="GS34" s="83">
        <v>2</v>
      </c>
      <c r="GT34" s="84">
        <v>6</v>
      </c>
      <c r="GU34" s="274"/>
      <c r="GV34" s="83">
        <v>9</v>
      </c>
      <c r="GW34" s="83">
        <v>5</v>
      </c>
      <c r="GX34" s="83">
        <v>5</v>
      </c>
      <c r="GY34" s="83">
        <v>3</v>
      </c>
      <c r="GZ34" s="83">
        <v>4</v>
      </c>
      <c r="HA34" s="85">
        <v>26</v>
      </c>
      <c r="HB34" s="86">
        <v>32</v>
      </c>
      <c r="HC34" s="71">
        <v>0</v>
      </c>
      <c r="HD34" s="72">
        <v>0</v>
      </c>
      <c r="HE34" s="73">
        <v>0</v>
      </c>
      <c r="HF34" s="274"/>
      <c r="HG34" s="72">
        <v>1</v>
      </c>
      <c r="HH34" s="72">
        <v>0</v>
      </c>
      <c r="HI34" s="72">
        <v>1</v>
      </c>
      <c r="HJ34" s="72">
        <v>0</v>
      </c>
      <c r="HK34" s="72">
        <v>0</v>
      </c>
      <c r="HL34" s="73">
        <v>2</v>
      </c>
      <c r="HM34" s="74">
        <v>2</v>
      </c>
      <c r="HN34" s="71">
        <v>0</v>
      </c>
      <c r="HO34" s="72">
        <v>1</v>
      </c>
      <c r="HP34" s="73">
        <v>1</v>
      </c>
      <c r="HQ34" s="277"/>
      <c r="HR34" s="72">
        <v>1</v>
      </c>
      <c r="HS34" s="72">
        <v>0</v>
      </c>
      <c r="HT34" s="72">
        <v>2</v>
      </c>
      <c r="HU34" s="72">
        <v>0</v>
      </c>
      <c r="HV34" s="72">
        <v>1</v>
      </c>
      <c r="HW34" s="73">
        <v>4</v>
      </c>
      <c r="HX34" s="74">
        <v>5</v>
      </c>
      <c r="HY34" s="71">
        <v>0</v>
      </c>
      <c r="HZ34" s="72">
        <v>0</v>
      </c>
      <c r="IA34" s="73">
        <v>0</v>
      </c>
      <c r="IB34" s="277"/>
      <c r="IC34" s="72">
        <v>1</v>
      </c>
      <c r="ID34" s="72">
        <v>0</v>
      </c>
      <c r="IE34" s="72">
        <v>0</v>
      </c>
      <c r="IF34" s="72">
        <v>0</v>
      </c>
      <c r="IG34" s="72">
        <v>0</v>
      </c>
      <c r="IH34" s="73">
        <v>1</v>
      </c>
      <c r="II34" s="74">
        <v>1</v>
      </c>
      <c r="IJ34" s="71">
        <v>0</v>
      </c>
      <c r="IK34" s="72">
        <v>1</v>
      </c>
      <c r="IL34" s="73">
        <v>1</v>
      </c>
      <c r="IM34" s="277"/>
      <c r="IN34" s="72">
        <v>1</v>
      </c>
      <c r="IO34" s="72">
        <v>2</v>
      </c>
      <c r="IP34" s="72">
        <v>0</v>
      </c>
      <c r="IQ34" s="72">
        <v>1</v>
      </c>
      <c r="IR34" s="72">
        <v>1</v>
      </c>
      <c r="IS34" s="73">
        <v>5</v>
      </c>
      <c r="IT34" s="74">
        <v>6</v>
      </c>
      <c r="IU34" s="71">
        <v>3</v>
      </c>
      <c r="IV34" s="72">
        <v>0</v>
      </c>
      <c r="IW34" s="73">
        <v>3</v>
      </c>
      <c r="IX34" s="274"/>
      <c r="IY34" s="72">
        <v>1</v>
      </c>
      <c r="IZ34" s="72">
        <v>1</v>
      </c>
      <c r="JA34" s="72">
        <v>0</v>
      </c>
      <c r="JB34" s="72">
        <v>1</v>
      </c>
      <c r="JC34" s="72">
        <v>0</v>
      </c>
      <c r="JD34" s="73">
        <v>3</v>
      </c>
      <c r="JE34" s="74">
        <v>6</v>
      </c>
      <c r="JF34" s="71">
        <v>1</v>
      </c>
      <c r="JG34" s="72">
        <v>0</v>
      </c>
      <c r="JH34" s="73">
        <v>1</v>
      </c>
      <c r="JI34" s="274"/>
      <c r="JJ34" s="72">
        <v>4</v>
      </c>
      <c r="JK34" s="72">
        <v>2</v>
      </c>
      <c r="JL34" s="72">
        <v>2</v>
      </c>
      <c r="JM34" s="72">
        <v>1</v>
      </c>
      <c r="JN34" s="72">
        <v>2</v>
      </c>
      <c r="JO34" s="73">
        <v>11</v>
      </c>
      <c r="JP34" s="74">
        <v>12</v>
      </c>
      <c r="JQ34" s="71">
        <v>0</v>
      </c>
      <c r="JR34" s="72">
        <v>0</v>
      </c>
      <c r="JS34" s="73">
        <v>0</v>
      </c>
      <c r="JT34" s="274"/>
      <c r="JU34" s="72">
        <v>0</v>
      </c>
      <c r="JV34" s="72">
        <v>0</v>
      </c>
      <c r="JW34" s="72">
        <v>0</v>
      </c>
      <c r="JX34" s="72">
        <v>0</v>
      </c>
      <c r="JY34" s="72">
        <v>0</v>
      </c>
      <c r="JZ34" s="73">
        <v>0</v>
      </c>
      <c r="KA34" s="74">
        <v>0</v>
      </c>
      <c r="KB34" s="71">
        <v>4</v>
      </c>
      <c r="KC34" s="72">
        <v>2</v>
      </c>
      <c r="KD34" s="73">
        <v>6</v>
      </c>
      <c r="KE34" s="274"/>
      <c r="KF34" s="72">
        <v>9</v>
      </c>
      <c r="KG34" s="72">
        <v>5</v>
      </c>
      <c r="KH34" s="72">
        <v>5</v>
      </c>
      <c r="KI34" s="72">
        <v>3</v>
      </c>
      <c r="KJ34" s="72">
        <v>4</v>
      </c>
      <c r="KK34" s="73">
        <v>26</v>
      </c>
      <c r="KL34" s="74">
        <v>32</v>
      </c>
    </row>
    <row r="35" spans="1:298" ht="19.5" customHeight="1" x14ac:dyDescent="0.2">
      <c r="A35" s="130" t="s">
        <v>32</v>
      </c>
      <c r="B35" s="347">
        <v>3</v>
      </c>
      <c r="C35" s="83">
        <v>1</v>
      </c>
      <c r="D35" s="84">
        <v>4</v>
      </c>
      <c r="E35" s="274"/>
      <c r="F35" s="83">
        <v>9</v>
      </c>
      <c r="G35" s="83">
        <v>6</v>
      </c>
      <c r="H35" s="83">
        <v>3</v>
      </c>
      <c r="I35" s="83">
        <v>3</v>
      </c>
      <c r="J35" s="83">
        <v>3</v>
      </c>
      <c r="K35" s="85">
        <v>24</v>
      </c>
      <c r="L35" s="86">
        <v>28</v>
      </c>
      <c r="M35" s="71">
        <v>0</v>
      </c>
      <c r="N35" s="72">
        <v>0</v>
      </c>
      <c r="O35" s="73">
        <v>0</v>
      </c>
      <c r="P35" s="277"/>
      <c r="Q35" s="72">
        <v>0</v>
      </c>
      <c r="R35" s="72">
        <v>0</v>
      </c>
      <c r="S35" s="72">
        <v>1</v>
      </c>
      <c r="T35" s="72">
        <v>0</v>
      </c>
      <c r="U35" s="72">
        <v>0</v>
      </c>
      <c r="V35" s="73">
        <v>1</v>
      </c>
      <c r="W35" s="74">
        <v>1</v>
      </c>
      <c r="X35" s="71">
        <v>1</v>
      </c>
      <c r="Y35" s="72">
        <v>0</v>
      </c>
      <c r="Z35" s="73">
        <v>1</v>
      </c>
      <c r="AA35" s="277"/>
      <c r="AB35" s="72">
        <v>1</v>
      </c>
      <c r="AC35" s="72">
        <v>0</v>
      </c>
      <c r="AD35" s="72">
        <v>1</v>
      </c>
      <c r="AE35" s="72">
        <v>0</v>
      </c>
      <c r="AF35" s="72">
        <v>0</v>
      </c>
      <c r="AG35" s="73">
        <v>2</v>
      </c>
      <c r="AH35" s="74">
        <v>3</v>
      </c>
      <c r="AI35" s="71">
        <v>2</v>
      </c>
      <c r="AJ35" s="72">
        <v>0</v>
      </c>
      <c r="AK35" s="73">
        <v>2</v>
      </c>
      <c r="AL35" s="277"/>
      <c r="AM35" s="72">
        <v>1</v>
      </c>
      <c r="AN35" s="72">
        <v>2</v>
      </c>
      <c r="AO35" s="72">
        <v>0</v>
      </c>
      <c r="AP35" s="72">
        <v>0</v>
      </c>
      <c r="AQ35" s="72">
        <v>2</v>
      </c>
      <c r="AR35" s="73">
        <v>5</v>
      </c>
      <c r="AS35" s="74">
        <v>7</v>
      </c>
      <c r="AT35" s="71">
        <v>0</v>
      </c>
      <c r="AU35" s="72">
        <v>0</v>
      </c>
      <c r="AV35" s="73">
        <v>0</v>
      </c>
      <c r="AW35" s="277"/>
      <c r="AX35" s="72">
        <v>1</v>
      </c>
      <c r="AY35" s="72">
        <v>0</v>
      </c>
      <c r="AZ35" s="72">
        <v>0</v>
      </c>
      <c r="BA35" s="72">
        <v>1</v>
      </c>
      <c r="BB35" s="72">
        <v>0</v>
      </c>
      <c r="BC35" s="73">
        <v>2</v>
      </c>
      <c r="BD35" s="74">
        <v>2</v>
      </c>
      <c r="BE35" s="71">
        <v>0</v>
      </c>
      <c r="BF35" s="72">
        <v>1</v>
      </c>
      <c r="BG35" s="73">
        <v>1</v>
      </c>
      <c r="BH35" s="277"/>
      <c r="BI35" s="72">
        <v>4</v>
      </c>
      <c r="BJ35" s="72">
        <v>3</v>
      </c>
      <c r="BK35" s="72">
        <v>0</v>
      </c>
      <c r="BL35" s="72">
        <v>1</v>
      </c>
      <c r="BM35" s="72">
        <v>0</v>
      </c>
      <c r="BN35" s="73">
        <v>8</v>
      </c>
      <c r="BO35" s="74">
        <v>9</v>
      </c>
      <c r="BP35" s="71">
        <v>0</v>
      </c>
      <c r="BQ35" s="72">
        <v>0</v>
      </c>
      <c r="BR35" s="73">
        <v>0</v>
      </c>
      <c r="BS35" s="277"/>
      <c r="BT35" s="72">
        <v>2</v>
      </c>
      <c r="BU35" s="72">
        <v>1</v>
      </c>
      <c r="BV35" s="72">
        <v>1</v>
      </c>
      <c r="BW35" s="72">
        <v>1</v>
      </c>
      <c r="BX35" s="72">
        <v>1</v>
      </c>
      <c r="BY35" s="73">
        <v>6</v>
      </c>
      <c r="BZ35" s="74">
        <v>6</v>
      </c>
      <c r="CA35" s="71">
        <v>0</v>
      </c>
      <c r="CB35" s="72">
        <v>0</v>
      </c>
      <c r="CC35" s="73">
        <v>0</v>
      </c>
      <c r="CD35" s="277"/>
      <c r="CE35" s="72">
        <v>0</v>
      </c>
      <c r="CF35" s="72">
        <v>0</v>
      </c>
      <c r="CG35" s="72">
        <v>0</v>
      </c>
      <c r="CH35" s="72">
        <v>0</v>
      </c>
      <c r="CI35" s="72">
        <v>0</v>
      </c>
      <c r="CJ35" s="73">
        <v>0</v>
      </c>
      <c r="CK35" s="74">
        <v>0</v>
      </c>
      <c r="CL35" s="71">
        <v>3</v>
      </c>
      <c r="CM35" s="72">
        <v>1</v>
      </c>
      <c r="CN35" s="73">
        <v>4</v>
      </c>
      <c r="CO35" s="277"/>
      <c r="CP35" s="72">
        <v>9</v>
      </c>
      <c r="CQ35" s="72">
        <v>6</v>
      </c>
      <c r="CR35" s="72">
        <v>3</v>
      </c>
      <c r="CS35" s="72">
        <v>3</v>
      </c>
      <c r="CT35" s="72">
        <v>3</v>
      </c>
      <c r="CU35" s="73">
        <v>24</v>
      </c>
      <c r="CV35" s="74">
        <v>28</v>
      </c>
      <c r="CW35" s="127">
        <v>0</v>
      </c>
      <c r="CX35" s="83">
        <v>2</v>
      </c>
      <c r="CY35" s="84">
        <v>2</v>
      </c>
      <c r="CZ35" s="274"/>
      <c r="DA35" s="83">
        <v>3</v>
      </c>
      <c r="DB35" s="83">
        <v>4</v>
      </c>
      <c r="DC35" s="83">
        <v>1</v>
      </c>
      <c r="DD35" s="83">
        <v>0</v>
      </c>
      <c r="DE35" s="83">
        <v>0</v>
      </c>
      <c r="DF35" s="85">
        <v>8</v>
      </c>
      <c r="DG35" s="86">
        <v>10</v>
      </c>
      <c r="DH35" s="71">
        <v>0</v>
      </c>
      <c r="DI35" s="72">
        <v>0</v>
      </c>
      <c r="DJ35" s="73">
        <v>0</v>
      </c>
      <c r="DK35" s="277"/>
      <c r="DL35" s="72">
        <v>1</v>
      </c>
      <c r="DM35" s="72">
        <v>0</v>
      </c>
      <c r="DN35" s="72">
        <v>0</v>
      </c>
      <c r="DO35" s="72">
        <v>0</v>
      </c>
      <c r="DP35" s="72">
        <v>0</v>
      </c>
      <c r="DQ35" s="73">
        <v>1</v>
      </c>
      <c r="DR35" s="74">
        <v>1</v>
      </c>
      <c r="DS35" s="71">
        <v>0</v>
      </c>
      <c r="DT35" s="72">
        <v>0</v>
      </c>
      <c r="DU35" s="73">
        <v>0</v>
      </c>
      <c r="DV35" s="277"/>
      <c r="DW35" s="72">
        <v>0</v>
      </c>
      <c r="DX35" s="72">
        <v>0</v>
      </c>
      <c r="DY35" s="72">
        <v>0</v>
      </c>
      <c r="DZ35" s="72">
        <v>0</v>
      </c>
      <c r="EA35" s="72">
        <v>0</v>
      </c>
      <c r="EB35" s="73">
        <v>0</v>
      </c>
      <c r="EC35" s="74">
        <v>0</v>
      </c>
      <c r="ED35" s="71">
        <v>0</v>
      </c>
      <c r="EE35" s="72">
        <v>1</v>
      </c>
      <c r="EF35" s="73">
        <v>1</v>
      </c>
      <c r="EG35" s="277"/>
      <c r="EH35" s="72">
        <v>0</v>
      </c>
      <c r="EI35" s="72">
        <v>1</v>
      </c>
      <c r="EJ35" s="72">
        <v>0</v>
      </c>
      <c r="EK35" s="72">
        <v>0</v>
      </c>
      <c r="EL35" s="72">
        <v>0</v>
      </c>
      <c r="EM35" s="73">
        <v>1</v>
      </c>
      <c r="EN35" s="74">
        <v>2</v>
      </c>
      <c r="EO35" s="71">
        <v>0</v>
      </c>
      <c r="EP35" s="72">
        <v>0</v>
      </c>
      <c r="EQ35" s="73">
        <v>0</v>
      </c>
      <c r="ER35" s="277"/>
      <c r="ES35" s="72">
        <v>1</v>
      </c>
      <c r="ET35" s="72">
        <v>0</v>
      </c>
      <c r="EU35" s="72">
        <v>0</v>
      </c>
      <c r="EV35" s="72">
        <v>0</v>
      </c>
      <c r="EW35" s="72">
        <v>0</v>
      </c>
      <c r="EX35" s="73">
        <v>1</v>
      </c>
      <c r="EY35" s="74">
        <v>1</v>
      </c>
      <c r="EZ35" s="71">
        <v>0</v>
      </c>
      <c r="FA35" s="72">
        <v>0</v>
      </c>
      <c r="FB35" s="73">
        <v>0</v>
      </c>
      <c r="FC35" s="277"/>
      <c r="FD35" s="72">
        <v>1</v>
      </c>
      <c r="FE35" s="72">
        <v>2</v>
      </c>
      <c r="FF35" s="72">
        <v>0</v>
      </c>
      <c r="FG35" s="72">
        <v>0</v>
      </c>
      <c r="FH35" s="72">
        <v>0</v>
      </c>
      <c r="FI35" s="73">
        <v>3</v>
      </c>
      <c r="FJ35" s="74">
        <v>3</v>
      </c>
      <c r="FK35" s="71">
        <v>0</v>
      </c>
      <c r="FL35" s="72">
        <v>1</v>
      </c>
      <c r="FM35" s="73">
        <v>1</v>
      </c>
      <c r="FN35" s="277"/>
      <c r="FO35" s="72">
        <v>0</v>
      </c>
      <c r="FP35" s="72">
        <v>1</v>
      </c>
      <c r="FQ35" s="72">
        <v>1</v>
      </c>
      <c r="FR35" s="72">
        <v>0</v>
      </c>
      <c r="FS35" s="72">
        <v>0</v>
      </c>
      <c r="FT35" s="73">
        <v>2</v>
      </c>
      <c r="FU35" s="74">
        <v>3</v>
      </c>
      <c r="FV35" s="71">
        <v>0</v>
      </c>
      <c r="FW35" s="72">
        <v>0</v>
      </c>
      <c r="FX35" s="73">
        <v>0</v>
      </c>
      <c r="FY35" s="277"/>
      <c r="FZ35" s="72">
        <v>0</v>
      </c>
      <c r="GA35" s="72">
        <v>0</v>
      </c>
      <c r="GB35" s="72">
        <v>0</v>
      </c>
      <c r="GC35" s="72">
        <v>0</v>
      </c>
      <c r="GD35" s="72">
        <v>0</v>
      </c>
      <c r="GE35" s="73">
        <v>0</v>
      </c>
      <c r="GF35" s="74">
        <v>0</v>
      </c>
      <c r="GG35" s="71">
        <v>0</v>
      </c>
      <c r="GH35" s="72">
        <v>2</v>
      </c>
      <c r="GI35" s="73">
        <v>2</v>
      </c>
      <c r="GJ35" s="277"/>
      <c r="GK35" s="72">
        <v>3</v>
      </c>
      <c r="GL35" s="72">
        <v>4</v>
      </c>
      <c r="GM35" s="72">
        <v>1</v>
      </c>
      <c r="GN35" s="72">
        <v>0</v>
      </c>
      <c r="GO35" s="72">
        <v>0</v>
      </c>
      <c r="GP35" s="73">
        <v>8</v>
      </c>
      <c r="GQ35" s="74">
        <v>10</v>
      </c>
      <c r="GR35" s="127">
        <v>3</v>
      </c>
      <c r="GS35" s="83">
        <v>3</v>
      </c>
      <c r="GT35" s="84">
        <v>6</v>
      </c>
      <c r="GU35" s="274"/>
      <c r="GV35" s="83">
        <v>12</v>
      </c>
      <c r="GW35" s="83">
        <v>10</v>
      </c>
      <c r="GX35" s="83">
        <v>4</v>
      </c>
      <c r="GY35" s="83">
        <v>3</v>
      </c>
      <c r="GZ35" s="83">
        <v>3</v>
      </c>
      <c r="HA35" s="85">
        <v>32</v>
      </c>
      <c r="HB35" s="86">
        <v>38</v>
      </c>
      <c r="HC35" s="71">
        <v>0</v>
      </c>
      <c r="HD35" s="72">
        <v>0</v>
      </c>
      <c r="HE35" s="73">
        <v>0</v>
      </c>
      <c r="HF35" s="274"/>
      <c r="HG35" s="72">
        <v>1</v>
      </c>
      <c r="HH35" s="72">
        <v>0</v>
      </c>
      <c r="HI35" s="72">
        <v>1</v>
      </c>
      <c r="HJ35" s="72">
        <v>0</v>
      </c>
      <c r="HK35" s="72">
        <v>0</v>
      </c>
      <c r="HL35" s="73">
        <v>2</v>
      </c>
      <c r="HM35" s="74">
        <v>2</v>
      </c>
      <c r="HN35" s="71">
        <v>1</v>
      </c>
      <c r="HO35" s="72">
        <v>0</v>
      </c>
      <c r="HP35" s="73">
        <v>1</v>
      </c>
      <c r="HQ35" s="277"/>
      <c r="HR35" s="72">
        <v>1</v>
      </c>
      <c r="HS35" s="72">
        <v>0</v>
      </c>
      <c r="HT35" s="72">
        <v>1</v>
      </c>
      <c r="HU35" s="72">
        <v>0</v>
      </c>
      <c r="HV35" s="72">
        <v>0</v>
      </c>
      <c r="HW35" s="73">
        <v>2</v>
      </c>
      <c r="HX35" s="74">
        <v>3</v>
      </c>
      <c r="HY35" s="71">
        <v>2</v>
      </c>
      <c r="HZ35" s="72">
        <v>1</v>
      </c>
      <c r="IA35" s="73">
        <v>3</v>
      </c>
      <c r="IB35" s="277"/>
      <c r="IC35" s="72">
        <v>1</v>
      </c>
      <c r="ID35" s="72">
        <v>3</v>
      </c>
      <c r="IE35" s="72">
        <v>0</v>
      </c>
      <c r="IF35" s="72">
        <v>0</v>
      </c>
      <c r="IG35" s="72">
        <v>2</v>
      </c>
      <c r="IH35" s="73">
        <v>6</v>
      </c>
      <c r="II35" s="74">
        <v>9</v>
      </c>
      <c r="IJ35" s="71">
        <v>0</v>
      </c>
      <c r="IK35" s="72">
        <v>0</v>
      </c>
      <c r="IL35" s="73">
        <v>0</v>
      </c>
      <c r="IM35" s="277"/>
      <c r="IN35" s="72">
        <v>2</v>
      </c>
      <c r="IO35" s="72">
        <v>0</v>
      </c>
      <c r="IP35" s="72">
        <v>0</v>
      </c>
      <c r="IQ35" s="72">
        <v>1</v>
      </c>
      <c r="IR35" s="72">
        <v>0</v>
      </c>
      <c r="IS35" s="73">
        <v>3</v>
      </c>
      <c r="IT35" s="74">
        <v>3</v>
      </c>
      <c r="IU35" s="71">
        <v>0</v>
      </c>
      <c r="IV35" s="72">
        <v>1</v>
      </c>
      <c r="IW35" s="73">
        <v>1</v>
      </c>
      <c r="IX35" s="274"/>
      <c r="IY35" s="72">
        <v>5</v>
      </c>
      <c r="IZ35" s="72">
        <v>5</v>
      </c>
      <c r="JA35" s="72">
        <v>0</v>
      </c>
      <c r="JB35" s="72">
        <v>1</v>
      </c>
      <c r="JC35" s="72">
        <v>0</v>
      </c>
      <c r="JD35" s="73">
        <v>11</v>
      </c>
      <c r="JE35" s="74">
        <v>12</v>
      </c>
      <c r="JF35" s="71">
        <v>0</v>
      </c>
      <c r="JG35" s="72">
        <v>1</v>
      </c>
      <c r="JH35" s="73">
        <v>1</v>
      </c>
      <c r="JI35" s="274"/>
      <c r="JJ35" s="72">
        <v>2</v>
      </c>
      <c r="JK35" s="72">
        <v>2</v>
      </c>
      <c r="JL35" s="72">
        <v>2</v>
      </c>
      <c r="JM35" s="72">
        <v>1</v>
      </c>
      <c r="JN35" s="72">
        <v>1</v>
      </c>
      <c r="JO35" s="73">
        <v>8</v>
      </c>
      <c r="JP35" s="74">
        <v>9</v>
      </c>
      <c r="JQ35" s="71">
        <v>0</v>
      </c>
      <c r="JR35" s="72">
        <v>0</v>
      </c>
      <c r="JS35" s="73">
        <v>0</v>
      </c>
      <c r="JT35" s="274"/>
      <c r="JU35" s="72">
        <v>0</v>
      </c>
      <c r="JV35" s="72">
        <v>0</v>
      </c>
      <c r="JW35" s="72">
        <v>0</v>
      </c>
      <c r="JX35" s="72">
        <v>0</v>
      </c>
      <c r="JY35" s="72">
        <v>0</v>
      </c>
      <c r="JZ35" s="73">
        <v>0</v>
      </c>
      <c r="KA35" s="74">
        <v>0</v>
      </c>
      <c r="KB35" s="71">
        <v>3</v>
      </c>
      <c r="KC35" s="72">
        <v>3</v>
      </c>
      <c r="KD35" s="73">
        <v>6</v>
      </c>
      <c r="KE35" s="274"/>
      <c r="KF35" s="72">
        <v>12</v>
      </c>
      <c r="KG35" s="72">
        <v>10</v>
      </c>
      <c r="KH35" s="72">
        <v>4</v>
      </c>
      <c r="KI35" s="72">
        <v>3</v>
      </c>
      <c r="KJ35" s="72">
        <v>3</v>
      </c>
      <c r="KK35" s="73">
        <v>32</v>
      </c>
      <c r="KL35" s="74">
        <v>38</v>
      </c>
    </row>
    <row r="36" spans="1:298" ht="19.5" customHeight="1" x14ac:dyDescent="0.2">
      <c r="A36" s="130" t="s">
        <v>33</v>
      </c>
      <c r="B36" s="347">
        <v>5</v>
      </c>
      <c r="C36" s="83">
        <v>0</v>
      </c>
      <c r="D36" s="84">
        <v>5</v>
      </c>
      <c r="E36" s="274"/>
      <c r="F36" s="83">
        <v>7</v>
      </c>
      <c r="G36" s="83">
        <v>2</v>
      </c>
      <c r="H36" s="83">
        <v>3</v>
      </c>
      <c r="I36" s="83">
        <v>1</v>
      </c>
      <c r="J36" s="83">
        <v>2</v>
      </c>
      <c r="K36" s="85">
        <v>15</v>
      </c>
      <c r="L36" s="86">
        <v>20</v>
      </c>
      <c r="M36" s="71">
        <v>0</v>
      </c>
      <c r="N36" s="72">
        <v>0</v>
      </c>
      <c r="O36" s="73">
        <v>0</v>
      </c>
      <c r="P36" s="277"/>
      <c r="Q36" s="72">
        <v>1</v>
      </c>
      <c r="R36" s="72">
        <v>2</v>
      </c>
      <c r="S36" s="72">
        <v>0</v>
      </c>
      <c r="T36" s="72">
        <v>0</v>
      </c>
      <c r="U36" s="72">
        <v>0</v>
      </c>
      <c r="V36" s="73">
        <v>3</v>
      </c>
      <c r="W36" s="74">
        <v>3</v>
      </c>
      <c r="X36" s="71">
        <v>0</v>
      </c>
      <c r="Y36" s="72">
        <v>0</v>
      </c>
      <c r="Z36" s="73">
        <v>0</v>
      </c>
      <c r="AA36" s="277"/>
      <c r="AB36" s="72">
        <v>0</v>
      </c>
      <c r="AC36" s="72">
        <v>0</v>
      </c>
      <c r="AD36" s="72">
        <v>1</v>
      </c>
      <c r="AE36" s="72">
        <v>0</v>
      </c>
      <c r="AF36" s="72">
        <v>0</v>
      </c>
      <c r="AG36" s="73">
        <v>1</v>
      </c>
      <c r="AH36" s="74">
        <v>1</v>
      </c>
      <c r="AI36" s="71">
        <v>1</v>
      </c>
      <c r="AJ36" s="72">
        <v>0</v>
      </c>
      <c r="AK36" s="73">
        <v>1</v>
      </c>
      <c r="AL36" s="277"/>
      <c r="AM36" s="72">
        <v>1</v>
      </c>
      <c r="AN36" s="72">
        <v>0</v>
      </c>
      <c r="AO36" s="72">
        <v>0</v>
      </c>
      <c r="AP36" s="72">
        <v>1</v>
      </c>
      <c r="AQ36" s="72">
        <v>1</v>
      </c>
      <c r="AR36" s="73">
        <v>3</v>
      </c>
      <c r="AS36" s="74">
        <v>4</v>
      </c>
      <c r="AT36" s="71">
        <v>1</v>
      </c>
      <c r="AU36" s="72">
        <v>0</v>
      </c>
      <c r="AV36" s="73">
        <v>1</v>
      </c>
      <c r="AW36" s="277"/>
      <c r="AX36" s="72">
        <v>0</v>
      </c>
      <c r="AY36" s="72">
        <v>0</v>
      </c>
      <c r="AZ36" s="72">
        <v>0</v>
      </c>
      <c r="BA36" s="72">
        <v>0</v>
      </c>
      <c r="BB36" s="72">
        <v>1</v>
      </c>
      <c r="BC36" s="73">
        <v>1</v>
      </c>
      <c r="BD36" s="74">
        <v>2</v>
      </c>
      <c r="BE36" s="71">
        <v>2</v>
      </c>
      <c r="BF36" s="72">
        <v>0</v>
      </c>
      <c r="BG36" s="73">
        <v>2</v>
      </c>
      <c r="BH36" s="277"/>
      <c r="BI36" s="72">
        <v>3</v>
      </c>
      <c r="BJ36" s="72">
        <v>0</v>
      </c>
      <c r="BK36" s="72">
        <v>2</v>
      </c>
      <c r="BL36" s="72">
        <v>0</v>
      </c>
      <c r="BM36" s="72">
        <v>0</v>
      </c>
      <c r="BN36" s="73">
        <v>5</v>
      </c>
      <c r="BO36" s="74">
        <v>7</v>
      </c>
      <c r="BP36" s="71">
        <v>1</v>
      </c>
      <c r="BQ36" s="72">
        <v>0</v>
      </c>
      <c r="BR36" s="73">
        <v>1</v>
      </c>
      <c r="BS36" s="277"/>
      <c r="BT36" s="72">
        <v>2</v>
      </c>
      <c r="BU36" s="72">
        <v>0</v>
      </c>
      <c r="BV36" s="72">
        <v>0</v>
      </c>
      <c r="BW36" s="72">
        <v>0</v>
      </c>
      <c r="BX36" s="72">
        <v>0</v>
      </c>
      <c r="BY36" s="73">
        <v>2</v>
      </c>
      <c r="BZ36" s="74">
        <v>3</v>
      </c>
      <c r="CA36" s="71">
        <v>0</v>
      </c>
      <c r="CB36" s="72">
        <v>0</v>
      </c>
      <c r="CC36" s="73">
        <v>0</v>
      </c>
      <c r="CD36" s="277"/>
      <c r="CE36" s="72">
        <v>0</v>
      </c>
      <c r="CF36" s="72">
        <v>0</v>
      </c>
      <c r="CG36" s="72">
        <v>0</v>
      </c>
      <c r="CH36" s="72">
        <v>0</v>
      </c>
      <c r="CI36" s="72">
        <v>0</v>
      </c>
      <c r="CJ36" s="73">
        <v>0</v>
      </c>
      <c r="CK36" s="74">
        <v>0</v>
      </c>
      <c r="CL36" s="71">
        <v>5</v>
      </c>
      <c r="CM36" s="72">
        <v>0</v>
      </c>
      <c r="CN36" s="73">
        <v>5</v>
      </c>
      <c r="CO36" s="277"/>
      <c r="CP36" s="72">
        <v>7</v>
      </c>
      <c r="CQ36" s="72">
        <v>2</v>
      </c>
      <c r="CR36" s="72">
        <v>3</v>
      </c>
      <c r="CS36" s="72">
        <v>1</v>
      </c>
      <c r="CT36" s="72">
        <v>2</v>
      </c>
      <c r="CU36" s="73">
        <v>15</v>
      </c>
      <c r="CV36" s="74">
        <v>20</v>
      </c>
      <c r="CW36" s="127">
        <v>1</v>
      </c>
      <c r="CX36" s="83">
        <v>3</v>
      </c>
      <c r="CY36" s="84">
        <v>4</v>
      </c>
      <c r="CZ36" s="274"/>
      <c r="DA36" s="83">
        <v>2</v>
      </c>
      <c r="DB36" s="83">
        <v>4</v>
      </c>
      <c r="DC36" s="83">
        <v>3</v>
      </c>
      <c r="DD36" s="83">
        <v>3</v>
      </c>
      <c r="DE36" s="83">
        <v>2</v>
      </c>
      <c r="DF36" s="85">
        <v>14</v>
      </c>
      <c r="DG36" s="86">
        <v>18</v>
      </c>
      <c r="DH36" s="71">
        <v>0</v>
      </c>
      <c r="DI36" s="72">
        <v>0</v>
      </c>
      <c r="DJ36" s="73">
        <v>0</v>
      </c>
      <c r="DK36" s="277"/>
      <c r="DL36" s="72">
        <v>0</v>
      </c>
      <c r="DM36" s="72">
        <v>0</v>
      </c>
      <c r="DN36" s="72">
        <v>0</v>
      </c>
      <c r="DO36" s="72">
        <v>0</v>
      </c>
      <c r="DP36" s="72">
        <v>0</v>
      </c>
      <c r="DQ36" s="73">
        <v>0</v>
      </c>
      <c r="DR36" s="74">
        <v>0</v>
      </c>
      <c r="DS36" s="71">
        <v>0</v>
      </c>
      <c r="DT36" s="72">
        <v>0</v>
      </c>
      <c r="DU36" s="73">
        <v>0</v>
      </c>
      <c r="DV36" s="277"/>
      <c r="DW36" s="72">
        <v>0</v>
      </c>
      <c r="DX36" s="72">
        <v>0</v>
      </c>
      <c r="DY36" s="72">
        <v>0</v>
      </c>
      <c r="DZ36" s="72">
        <v>1</v>
      </c>
      <c r="EA36" s="72">
        <v>0</v>
      </c>
      <c r="EB36" s="73">
        <v>1</v>
      </c>
      <c r="EC36" s="74">
        <v>1</v>
      </c>
      <c r="ED36" s="71">
        <v>0</v>
      </c>
      <c r="EE36" s="72">
        <v>1</v>
      </c>
      <c r="EF36" s="73">
        <v>1</v>
      </c>
      <c r="EG36" s="277"/>
      <c r="EH36" s="72">
        <v>1</v>
      </c>
      <c r="EI36" s="72">
        <v>0</v>
      </c>
      <c r="EJ36" s="72">
        <v>0</v>
      </c>
      <c r="EK36" s="72">
        <v>0</v>
      </c>
      <c r="EL36" s="72">
        <v>0</v>
      </c>
      <c r="EM36" s="73">
        <v>1</v>
      </c>
      <c r="EN36" s="74">
        <v>2</v>
      </c>
      <c r="EO36" s="71">
        <v>1</v>
      </c>
      <c r="EP36" s="72">
        <v>0</v>
      </c>
      <c r="EQ36" s="73">
        <v>1</v>
      </c>
      <c r="ER36" s="277"/>
      <c r="ES36" s="72">
        <v>1</v>
      </c>
      <c r="ET36" s="72">
        <v>0</v>
      </c>
      <c r="EU36" s="72">
        <v>0</v>
      </c>
      <c r="EV36" s="72">
        <v>0</v>
      </c>
      <c r="EW36" s="72">
        <v>0</v>
      </c>
      <c r="EX36" s="73">
        <v>1</v>
      </c>
      <c r="EY36" s="74">
        <v>2</v>
      </c>
      <c r="EZ36" s="71">
        <v>0</v>
      </c>
      <c r="FA36" s="72">
        <v>2</v>
      </c>
      <c r="FB36" s="73">
        <v>2</v>
      </c>
      <c r="FC36" s="277"/>
      <c r="FD36" s="72">
        <v>0</v>
      </c>
      <c r="FE36" s="72">
        <v>1</v>
      </c>
      <c r="FF36" s="72">
        <v>0</v>
      </c>
      <c r="FG36" s="72">
        <v>0</v>
      </c>
      <c r="FH36" s="72">
        <v>2</v>
      </c>
      <c r="FI36" s="73">
        <v>3</v>
      </c>
      <c r="FJ36" s="74">
        <v>5</v>
      </c>
      <c r="FK36" s="71">
        <v>0</v>
      </c>
      <c r="FL36" s="72">
        <v>0</v>
      </c>
      <c r="FM36" s="73">
        <v>0</v>
      </c>
      <c r="FN36" s="277"/>
      <c r="FO36" s="72">
        <v>0</v>
      </c>
      <c r="FP36" s="72">
        <v>3</v>
      </c>
      <c r="FQ36" s="72">
        <v>3</v>
      </c>
      <c r="FR36" s="72">
        <v>2</v>
      </c>
      <c r="FS36" s="72">
        <v>0</v>
      </c>
      <c r="FT36" s="73">
        <v>8</v>
      </c>
      <c r="FU36" s="74">
        <v>8</v>
      </c>
      <c r="FV36" s="71">
        <v>0</v>
      </c>
      <c r="FW36" s="72">
        <v>0</v>
      </c>
      <c r="FX36" s="73">
        <v>0</v>
      </c>
      <c r="FY36" s="277"/>
      <c r="FZ36" s="72">
        <v>0</v>
      </c>
      <c r="GA36" s="72">
        <v>0</v>
      </c>
      <c r="GB36" s="72">
        <v>0</v>
      </c>
      <c r="GC36" s="72">
        <v>0</v>
      </c>
      <c r="GD36" s="72">
        <v>0</v>
      </c>
      <c r="GE36" s="73">
        <v>0</v>
      </c>
      <c r="GF36" s="74">
        <v>0</v>
      </c>
      <c r="GG36" s="71">
        <v>1</v>
      </c>
      <c r="GH36" s="72">
        <v>3</v>
      </c>
      <c r="GI36" s="73">
        <v>4</v>
      </c>
      <c r="GJ36" s="277"/>
      <c r="GK36" s="72">
        <v>2</v>
      </c>
      <c r="GL36" s="72">
        <v>4</v>
      </c>
      <c r="GM36" s="72">
        <v>3</v>
      </c>
      <c r="GN36" s="72">
        <v>3</v>
      </c>
      <c r="GO36" s="72">
        <v>2</v>
      </c>
      <c r="GP36" s="73">
        <v>14</v>
      </c>
      <c r="GQ36" s="74">
        <v>18</v>
      </c>
      <c r="GR36" s="127">
        <v>6</v>
      </c>
      <c r="GS36" s="83">
        <v>3</v>
      </c>
      <c r="GT36" s="84">
        <v>9</v>
      </c>
      <c r="GU36" s="274"/>
      <c r="GV36" s="83">
        <v>9</v>
      </c>
      <c r="GW36" s="83">
        <v>6</v>
      </c>
      <c r="GX36" s="83">
        <v>6</v>
      </c>
      <c r="GY36" s="83">
        <v>4</v>
      </c>
      <c r="GZ36" s="83">
        <v>4</v>
      </c>
      <c r="HA36" s="85">
        <v>29</v>
      </c>
      <c r="HB36" s="86">
        <v>38</v>
      </c>
      <c r="HC36" s="71">
        <v>0</v>
      </c>
      <c r="HD36" s="72">
        <v>0</v>
      </c>
      <c r="HE36" s="73">
        <v>0</v>
      </c>
      <c r="HF36" s="274"/>
      <c r="HG36" s="72">
        <v>1</v>
      </c>
      <c r="HH36" s="72">
        <v>2</v>
      </c>
      <c r="HI36" s="72">
        <v>0</v>
      </c>
      <c r="HJ36" s="72">
        <v>0</v>
      </c>
      <c r="HK36" s="72">
        <v>0</v>
      </c>
      <c r="HL36" s="73">
        <v>3</v>
      </c>
      <c r="HM36" s="74">
        <v>3</v>
      </c>
      <c r="HN36" s="71">
        <v>0</v>
      </c>
      <c r="HO36" s="72">
        <v>0</v>
      </c>
      <c r="HP36" s="73">
        <v>0</v>
      </c>
      <c r="HQ36" s="277"/>
      <c r="HR36" s="72">
        <v>0</v>
      </c>
      <c r="HS36" s="72">
        <v>0</v>
      </c>
      <c r="HT36" s="72">
        <v>1</v>
      </c>
      <c r="HU36" s="72">
        <v>1</v>
      </c>
      <c r="HV36" s="72">
        <v>0</v>
      </c>
      <c r="HW36" s="73">
        <v>2</v>
      </c>
      <c r="HX36" s="74">
        <v>2</v>
      </c>
      <c r="HY36" s="71">
        <v>1</v>
      </c>
      <c r="HZ36" s="72">
        <v>1</v>
      </c>
      <c r="IA36" s="73">
        <v>2</v>
      </c>
      <c r="IB36" s="277"/>
      <c r="IC36" s="72">
        <v>2</v>
      </c>
      <c r="ID36" s="72">
        <v>0</v>
      </c>
      <c r="IE36" s="72">
        <v>0</v>
      </c>
      <c r="IF36" s="72">
        <v>1</v>
      </c>
      <c r="IG36" s="72">
        <v>1</v>
      </c>
      <c r="IH36" s="73">
        <v>4</v>
      </c>
      <c r="II36" s="74">
        <v>6</v>
      </c>
      <c r="IJ36" s="71">
        <v>2</v>
      </c>
      <c r="IK36" s="72">
        <v>0</v>
      </c>
      <c r="IL36" s="73">
        <v>2</v>
      </c>
      <c r="IM36" s="277"/>
      <c r="IN36" s="72">
        <v>1</v>
      </c>
      <c r="IO36" s="72">
        <v>0</v>
      </c>
      <c r="IP36" s="72">
        <v>0</v>
      </c>
      <c r="IQ36" s="72">
        <v>0</v>
      </c>
      <c r="IR36" s="72">
        <v>1</v>
      </c>
      <c r="IS36" s="73">
        <v>2</v>
      </c>
      <c r="IT36" s="74">
        <v>4</v>
      </c>
      <c r="IU36" s="71">
        <v>2</v>
      </c>
      <c r="IV36" s="72">
        <v>2</v>
      </c>
      <c r="IW36" s="73">
        <v>4</v>
      </c>
      <c r="IX36" s="274"/>
      <c r="IY36" s="72">
        <v>3</v>
      </c>
      <c r="IZ36" s="72">
        <v>1</v>
      </c>
      <c r="JA36" s="72">
        <v>2</v>
      </c>
      <c r="JB36" s="72">
        <v>0</v>
      </c>
      <c r="JC36" s="72">
        <v>2</v>
      </c>
      <c r="JD36" s="73">
        <v>8</v>
      </c>
      <c r="JE36" s="74">
        <v>12</v>
      </c>
      <c r="JF36" s="71">
        <v>1</v>
      </c>
      <c r="JG36" s="72">
        <v>0</v>
      </c>
      <c r="JH36" s="73">
        <v>1</v>
      </c>
      <c r="JI36" s="274"/>
      <c r="JJ36" s="72">
        <v>2</v>
      </c>
      <c r="JK36" s="72">
        <v>3</v>
      </c>
      <c r="JL36" s="72">
        <v>3</v>
      </c>
      <c r="JM36" s="72">
        <v>2</v>
      </c>
      <c r="JN36" s="72">
        <v>0</v>
      </c>
      <c r="JO36" s="73">
        <v>10</v>
      </c>
      <c r="JP36" s="74">
        <v>11</v>
      </c>
      <c r="JQ36" s="71">
        <v>0</v>
      </c>
      <c r="JR36" s="72">
        <v>0</v>
      </c>
      <c r="JS36" s="73">
        <v>0</v>
      </c>
      <c r="JT36" s="274"/>
      <c r="JU36" s="72">
        <v>0</v>
      </c>
      <c r="JV36" s="72">
        <v>0</v>
      </c>
      <c r="JW36" s="72">
        <v>0</v>
      </c>
      <c r="JX36" s="72">
        <v>0</v>
      </c>
      <c r="JY36" s="72">
        <v>0</v>
      </c>
      <c r="JZ36" s="73">
        <v>0</v>
      </c>
      <c r="KA36" s="74">
        <v>0</v>
      </c>
      <c r="KB36" s="71">
        <v>6</v>
      </c>
      <c r="KC36" s="72">
        <v>3</v>
      </c>
      <c r="KD36" s="73">
        <v>9</v>
      </c>
      <c r="KE36" s="274"/>
      <c r="KF36" s="72">
        <v>9</v>
      </c>
      <c r="KG36" s="72">
        <v>6</v>
      </c>
      <c r="KH36" s="72">
        <v>6</v>
      </c>
      <c r="KI36" s="72">
        <v>4</v>
      </c>
      <c r="KJ36" s="72">
        <v>4</v>
      </c>
      <c r="KK36" s="73">
        <v>29</v>
      </c>
      <c r="KL36" s="74">
        <v>38</v>
      </c>
    </row>
    <row r="37" spans="1:298" ht="19.5" customHeight="1" x14ac:dyDescent="0.2">
      <c r="A37" s="130" t="s">
        <v>34</v>
      </c>
      <c r="B37" s="347">
        <v>0</v>
      </c>
      <c r="C37" s="83">
        <v>2</v>
      </c>
      <c r="D37" s="84">
        <v>2</v>
      </c>
      <c r="E37" s="274"/>
      <c r="F37" s="83">
        <v>1</v>
      </c>
      <c r="G37" s="83">
        <v>4</v>
      </c>
      <c r="H37" s="83">
        <v>2</v>
      </c>
      <c r="I37" s="83">
        <v>3</v>
      </c>
      <c r="J37" s="83">
        <v>0</v>
      </c>
      <c r="K37" s="85">
        <v>10</v>
      </c>
      <c r="L37" s="86">
        <v>12</v>
      </c>
      <c r="M37" s="71">
        <v>0</v>
      </c>
      <c r="N37" s="72">
        <v>0</v>
      </c>
      <c r="O37" s="73">
        <v>0</v>
      </c>
      <c r="P37" s="277"/>
      <c r="Q37" s="72">
        <v>0</v>
      </c>
      <c r="R37" s="72">
        <v>0</v>
      </c>
      <c r="S37" s="72">
        <v>0</v>
      </c>
      <c r="T37" s="72">
        <v>0</v>
      </c>
      <c r="U37" s="72">
        <v>0</v>
      </c>
      <c r="V37" s="73">
        <v>0</v>
      </c>
      <c r="W37" s="74">
        <v>0</v>
      </c>
      <c r="X37" s="71">
        <v>0</v>
      </c>
      <c r="Y37" s="72">
        <v>0</v>
      </c>
      <c r="Z37" s="73">
        <v>0</v>
      </c>
      <c r="AA37" s="277"/>
      <c r="AB37" s="72">
        <v>0</v>
      </c>
      <c r="AC37" s="72">
        <v>1</v>
      </c>
      <c r="AD37" s="72">
        <v>0</v>
      </c>
      <c r="AE37" s="72">
        <v>0</v>
      </c>
      <c r="AF37" s="72">
        <v>0</v>
      </c>
      <c r="AG37" s="73">
        <v>1</v>
      </c>
      <c r="AH37" s="74">
        <v>1</v>
      </c>
      <c r="AI37" s="71">
        <v>0</v>
      </c>
      <c r="AJ37" s="72">
        <v>1</v>
      </c>
      <c r="AK37" s="73">
        <v>1</v>
      </c>
      <c r="AL37" s="277"/>
      <c r="AM37" s="72">
        <v>0</v>
      </c>
      <c r="AN37" s="72">
        <v>0</v>
      </c>
      <c r="AO37" s="72">
        <v>1</v>
      </c>
      <c r="AP37" s="72">
        <v>1</v>
      </c>
      <c r="AQ37" s="72">
        <v>0</v>
      </c>
      <c r="AR37" s="73">
        <v>2</v>
      </c>
      <c r="AS37" s="74">
        <v>3</v>
      </c>
      <c r="AT37" s="71">
        <v>0</v>
      </c>
      <c r="AU37" s="72">
        <v>0</v>
      </c>
      <c r="AV37" s="73">
        <v>0</v>
      </c>
      <c r="AW37" s="277"/>
      <c r="AX37" s="72">
        <v>0</v>
      </c>
      <c r="AY37" s="72">
        <v>0</v>
      </c>
      <c r="AZ37" s="72">
        <v>0</v>
      </c>
      <c r="BA37" s="72">
        <v>0</v>
      </c>
      <c r="BB37" s="72">
        <v>0</v>
      </c>
      <c r="BC37" s="73">
        <v>0</v>
      </c>
      <c r="BD37" s="74">
        <v>0</v>
      </c>
      <c r="BE37" s="71">
        <v>0</v>
      </c>
      <c r="BF37" s="72">
        <v>0</v>
      </c>
      <c r="BG37" s="73">
        <v>0</v>
      </c>
      <c r="BH37" s="277"/>
      <c r="BI37" s="72">
        <v>1</v>
      </c>
      <c r="BJ37" s="72">
        <v>1</v>
      </c>
      <c r="BK37" s="72">
        <v>0</v>
      </c>
      <c r="BL37" s="72">
        <v>1</v>
      </c>
      <c r="BM37" s="72">
        <v>0</v>
      </c>
      <c r="BN37" s="73">
        <v>3</v>
      </c>
      <c r="BO37" s="74">
        <v>3</v>
      </c>
      <c r="BP37" s="71">
        <v>0</v>
      </c>
      <c r="BQ37" s="72">
        <v>1</v>
      </c>
      <c r="BR37" s="73">
        <v>1</v>
      </c>
      <c r="BS37" s="277"/>
      <c r="BT37" s="72">
        <v>0</v>
      </c>
      <c r="BU37" s="72">
        <v>2</v>
      </c>
      <c r="BV37" s="72">
        <v>1</v>
      </c>
      <c r="BW37" s="72">
        <v>1</v>
      </c>
      <c r="BX37" s="72">
        <v>0</v>
      </c>
      <c r="BY37" s="73">
        <v>4</v>
      </c>
      <c r="BZ37" s="74">
        <v>5</v>
      </c>
      <c r="CA37" s="71">
        <v>0</v>
      </c>
      <c r="CB37" s="72">
        <v>0</v>
      </c>
      <c r="CC37" s="73">
        <v>0</v>
      </c>
      <c r="CD37" s="277"/>
      <c r="CE37" s="72">
        <v>0</v>
      </c>
      <c r="CF37" s="72">
        <v>0</v>
      </c>
      <c r="CG37" s="72">
        <v>0</v>
      </c>
      <c r="CH37" s="72">
        <v>0</v>
      </c>
      <c r="CI37" s="72">
        <v>0</v>
      </c>
      <c r="CJ37" s="73">
        <v>0</v>
      </c>
      <c r="CK37" s="74">
        <v>0</v>
      </c>
      <c r="CL37" s="71">
        <v>0</v>
      </c>
      <c r="CM37" s="72">
        <v>2</v>
      </c>
      <c r="CN37" s="73">
        <v>2</v>
      </c>
      <c r="CO37" s="277"/>
      <c r="CP37" s="72">
        <v>1</v>
      </c>
      <c r="CQ37" s="72">
        <v>4</v>
      </c>
      <c r="CR37" s="72">
        <v>2</v>
      </c>
      <c r="CS37" s="72">
        <v>3</v>
      </c>
      <c r="CT37" s="72">
        <v>0</v>
      </c>
      <c r="CU37" s="73">
        <v>10</v>
      </c>
      <c r="CV37" s="74">
        <v>12</v>
      </c>
      <c r="CW37" s="127">
        <v>1</v>
      </c>
      <c r="CX37" s="83">
        <v>1</v>
      </c>
      <c r="CY37" s="84">
        <v>2</v>
      </c>
      <c r="CZ37" s="274"/>
      <c r="DA37" s="83">
        <v>1</v>
      </c>
      <c r="DB37" s="83">
        <v>0</v>
      </c>
      <c r="DC37" s="83">
        <v>2</v>
      </c>
      <c r="DD37" s="83">
        <v>0</v>
      </c>
      <c r="DE37" s="83">
        <v>0</v>
      </c>
      <c r="DF37" s="85">
        <v>3</v>
      </c>
      <c r="DG37" s="86">
        <v>5</v>
      </c>
      <c r="DH37" s="71">
        <v>0</v>
      </c>
      <c r="DI37" s="72">
        <v>0</v>
      </c>
      <c r="DJ37" s="73">
        <v>0</v>
      </c>
      <c r="DK37" s="277"/>
      <c r="DL37" s="72">
        <v>0</v>
      </c>
      <c r="DM37" s="72">
        <v>0</v>
      </c>
      <c r="DN37" s="72">
        <v>1</v>
      </c>
      <c r="DO37" s="72">
        <v>0</v>
      </c>
      <c r="DP37" s="72">
        <v>0</v>
      </c>
      <c r="DQ37" s="73">
        <v>1</v>
      </c>
      <c r="DR37" s="74">
        <v>1</v>
      </c>
      <c r="DS37" s="71">
        <v>0</v>
      </c>
      <c r="DT37" s="72">
        <v>0</v>
      </c>
      <c r="DU37" s="73">
        <v>0</v>
      </c>
      <c r="DV37" s="277"/>
      <c r="DW37" s="72">
        <v>0</v>
      </c>
      <c r="DX37" s="72">
        <v>0</v>
      </c>
      <c r="DY37" s="72">
        <v>0</v>
      </c>
      <c r="DZ37" s="72">
        <v>0</v>
      </c>
      <c r="EA37" s="72">
        <v>0</v>
      </c>
      <c r="EB37" s="73">
        <v>0</v>
      </c>
      <c r="EC37" s="74">
        <v>0</v>
      </c>
      <c r="ED37" s="71">
        <v>0</v>
      </c>
      <c r="EE37" s="72">
        <v>0</v>
      </c>
      <c r="EF37" s="73">
        <v>0</v>
      </c>
      <c r="EG37" s="277"/>
      <c r="EH37" s="72">
        <v>0</v>
      </c>
      <c r="EI37" s="72">
        <v>0</v>
      </c>
      <c r="EJ37" s="72">
        <v>1</v>
      </c>
      <c r="EK37" s="72">
        <v>0</v>
      </c>
      <c r="EL37" s="72">
        <v>0</v>
      </c>
      <c r="EM37" s="73">
        <v>1</v>
      </c>
      <c r="EN37" s="74">
        <v>1</v>
      </c>
      <c r="EO37" s="71">
        <v>1</v>
      </c>
      <c r="EP37" s="72">
        <v>0</v>
      </c>
      <c r="EQ37" s="73">
        <v>1</v>
      </c>
      <c r="ER37" s="277"/>
      <c r="ES37" s="72">
        <v>0</v>
      </c>
      <c r="ET37" s="72">
        <v>0</v>
      </c>
      <c r="EU37" s="72">
        <v>0</v>
      </c>
      <c r="EV37" s="72">
        <v>0</v>
      </c>
      <c r="EW37" s="72">
        <v>0</v>
      </c>
      <c r="EX37" s="73">
        <v>0</v>
      </c>
      <c r="EY37" s="74">
        <v>1</v>
      </c>
      <c r="EZ37" s="71">
        <v>0</v>
      </c>
      <c r="FA37" s="72">
        <v>0</v>
      </c>
      <c r="FB37" s="73">
        <v>0</v>
      </c>
      <c r="FC37" s="277"/>
      <c r="FD37" s="72">
        <v>1</v>
      </c>
      <c r="FE37" s="72">
        <v>0</v>
      </c>
      <c r="FF37" s="72">
        <v>0</v>
      </c>
      <c r="FG37" s="72">
        <v>0</v>
      </c>
      <c r="FH37" s="72">
        <v>0</v>
      </c>
      <c r="FI37" s="73">
        <v>1</v>
      </c>
      <c r="FJ37" s="74">
        <v>1</v>
      </c>
      <c r="FK37" s="71">
        <v>0</v>
      </c>
      <c r="FL37" s="72">
        <v>1</v>
      </c>
      <c r="FM37" s="73">
        <v>1</v>
      </c>
      <c r="FN37" s="277"/>
      <c r="FO37" s="72">
        <v>0</v>
      </c>
      <c r="FP37" s="72">
        <v>0</v>
      </c>
      <c r="FQ37" s="72">
        <v>0</v>
      </c>
      <c r="FR37" s="72">
        <v>0</v>
      </c>
      <c r="FS37" s="72">
        <v>0</v>
      </c>
      <c r="FT37" s="73">
        <v>0</v>
      </c>
      <c r="FU37" s="74">
        <v>1</v>
      </c>
      <c r="FV37" s="71">
        <v>0</v>
      </c>
      <c r="FW37" s="72">
        <v>0</v>
      </c>
      <c r="FX37" s="73">
        <v>0</v>
      </c>
      <c r="FY37" s="277"/>
      <c r="FZ37" s="72">
        <v>0</v>
      </c>
      <c r="GA37" s="72">
        <v>0</v>
      </c>
      <c r="GB37" s="72">
        <v>0</v>
      </c>
      <c r="GC37" s="72">
        <v>0</v>
      </c>
      <c r="GD37" s="72">
        <v>0</v>
      </c>
      <c r="GE37" s="73">
        <v>0</v>
      </c>
      <c r="GF37" s="74">
        <v>0</v>
      </c>
      <c r="GG37" s="71">
        <v>1</v>
      </c>
      <c r="GH37" s="72">
        <v>1</v>
      </c>
      <c r="GI37" s="73">
        <v>2</v>
      </c>
      <c r="GJ37" s="277"/>
      <c r="GK37" s="72">
        <v>1</v>
      </c>
      <c r="GL37" s="72">
        <v>0</v>
      </c>
      <c r="GM37" s="72">
        <v>2</v>
      </c>
      <c r="GN37" s="72">
        <v>0</v>
      </c>
      <c r="GO37" s="72">
        <v>0</v>
      </c>
      <c r="GP37" s="73">
        <v>3</v>
      </c>
      <c r="GQ37" s="74">
        <v>5</v>
      </c>
      <c r="GR37" s="127">
        <v>1</v>
      </c>
      <c r="GS37" s="83">
        <v>3</v>
      </c>
      <c r="GT37" s="84">
        <v>4</v>
      </c>
      <c r="GU37" s="274"/>
      <c r="GV37" s="83">
        <v>2</v>
      </c>
      <c r="GW37" s="83">
        <v>4</v>
      </c>
      <c r="GX37" s="83">
        <v>4</v>
      </c>
      <c r="GY37" s="83">
        <v>3</v>
      </c>
      <c r="GZ37" s="83">
        <v>0</v>
      </c>
      <c r="HA37" s="85">
        <v>13</v>
      </c>
      <c r="HB37" s="86">
        <v>17</v>
      </c>
      <c r="HC37" s="71">
        <v>0</v>
      </c>
      <c r="HD37" s="72">
        <v>0</v>
      </c>
      <c r="HE37" s="73">
        <v>0</v>
      </c>
      <c r="HF37" s="274"/>
      <c r="HG37" s="72">
        <v>0</v>
      </c>
      <c r="HH37" s="72">
        <v>0</v>
      </c>
      <c r="HI37" s="72">
        <v>1</v>
      </c>
      <c r="HJ37" s="72">
        <v>0</v>
      </c>
      <c r="HK37" s="72">
        <v>0</v>
      </c>
      <c r="HL37" s="73">
        <v>1</v>
      </c>
      <c r="HM37" s="74">
        <v>1</v>
      </c>
      <c r="HN37" s="71">
        <v>0</v>
      </c>
      <c r="HO37" s="72">
        <v>0</v>
      </c>
      <c r="HP37" s="73">
        <v>0</v>
      </c>
      <c r="HQ37" s="277"/>
      <c r="HR37" s="72">
        <v>0</v>
      </c>
      <c r="HS37" s="72">
        <v>1</v>
      </c>
      <c r="HT37" s="72">
        <v>0</v>
      </c>
      <c r="HU37" s="72">
        <v>0</v>
      </c>
      <c r="HV37" s="72">
        <v>0</v>
      </c>
      <c r="HW37" s="73">
        <v>1</v>
      </c>
      <c r="HX37" s="74">
        <v>1</v>
      </c>
      <c r="HY37" s="71">
        <v>0</v>
      </c>
      <c r="HZ37" s="72">
        <v>1</v>
      </c>
      <c r="IA37" s="73">
        <v>1</v>
      </c>
      <c r="IB37" s="277"/>
      <c r="IC37" s="72">
        <v>0</v>
      </c>
      <c r="ID37" s="72">
        <v>0</v>
      </c>
      <c r="IE37" s="72">
        <v>2</v>
      </c>
      <c r="IF37" s="72">
        <v>1</v>
      </c>
      <c r="IG37" s="72">
        <v>0</v>
      </c>
      <c r="IH37" s="73">
        <v>3</v>
      </c>
      <c r="II37" s="74">
        <v>4</v>
      </c>
      <c r="IJ37" s="71">
        <v>1</v>
      </c>
      <c r="IK37" s="72">
        <v>0</v>
      </c>
      <c r="IL37" s="73">
        <v>1</v>
      </c>
      <c r="IM37" s="277"/>
      <c r="IN37" s="72">
        <v>0</v>
      </c>
      <c r="IO37" s="72">
        <v>0</v>
      </c>
      <c r="IP37" s="72">
        <v>0</v>
      </c>
      <c r="IQ37" s="72">
        <v>0</v>
      </c>
      <c r="IR37" s="72">
        <v>0</v>
      </c>
      <c r="IS37" s="73">
        <v>0</v>
      </c>
      <c r="IT37" s="74">
        <v>1</v>
      </c>
      <c r="IU37" s="71">
        <v>0</v>
      </c>
      <c r="IV37" s="72">
        <v>0</v>
      </c>
      <c r="IW37" s="73">
        <v>0</v>
      </c>
      <c r="IX37" s="274"/>
      <c r="IY37" s="72">
        <v>2</v>
      </c>
      <c r="IZ37" s="72">
        <v>1</v>
      </c>
      <c r="JA37" s="72">
        <v>0</v>
      </c>
      <c r="JB37" s="72">
        <v>1</v>
      </c>
      <c r="JC37" s="72">
        <v>0</v>
      </c>
      <c r="JD37" s="73">
        <v>4</v>
      </c>
      <c r="JE37" s="74">
        <v>4</v>
      </c>
      <c r="JF37" s="71">
        <v>0</v>
      </c>
      <c r="JG37" s="72">
        <v>2</v>
      </c>
      <c r="JH37" s="73">
        <v>2</v>
      </c>
      <c r="JI37" s="274"/>
      <c r="JJ37" s="72">
        <v>0</v>
      </c>
      <c r="JK37" s="72">
        <v>2</v>
      </c>
      <c r="JL37" s="72">
        <v>1</v>
      </c>
      <c r="JM37" s="72">
        <v>1</v>
      </c>
      <c r="JN37" s="72">
        <v>0</v>
      </c>
      <c r="JO37" s="73">
        <v>4</v>
      </c>
      <c r="JP37" s="74">
        <v>6</v>
      </c>
      <c r="JQ37" s="71">
        <v>0</v>
      </c>
      <c r="JR37" s="72">
        <v>0</v>
      </c>
      <c r="JS37" s="73">
        <v>0</v>
      </c>
      <c r="JT37" s="274"/>
      <c r="JU37" s="72">
        <v>0</v>
      </c>
      <c r="JV37" s="72">
        <v>0</v>
      </c>
      <c r="JW37" s="72">
        <v>0</v>
      </c>
      <c r="JX37" s="72">
        <v>0</v>
      </c>
      <c r="JY37" s="72">
        <v>0</v>
      </c>
      <c r="JZ37" s="73">
        <v>0</v>
      </c>
      <c r="KA37" s="74">
        <v>0</v>
      </c>
      <c r="KB37" s="71">
        <v>1</v>
      </c>
      <c r="KC37" s="72">
        <v>3</v>
      </c>
      <c r="KD37" s="73">
        <v>4</v>
      </c>
      <c r="KE37" s="274"/>
      <c r="KF37" s="72">
        <v>2</v>
      </c>
      <c r="KG37" s="72">
        <v>4</v>
      </c>
      <c r="KH37" s="72">
        <v>4</v>
      </c>
      <c r="KI37" s="72">
        <v>3</v>
      </c>
      <c r="KJ37" s="72">
        <v>0</v>
      </c>
      <c r="KK37" s="73">
        <v>13</v>
      </c>
      <c r="KL37" s="74">
        <v>17</v>
      </c>
    </row>
    <row r="38" spans="1:298" ht="19.5" customHeight="1" x14ac:dyDescent="0.2">
      <c r="A38" s="130" t="s">
        <v>35</v>
      </c>
      <c r="B38" s="347">
        <v>8</v>
      </c>
      <c r="C38" s="83">
        <v>4</v>
      </c>
      <c r="D38" s="84">
        <v>12</v>
      </c>
      <c r="E38" s="274"/>
      <c r="F38" s="83">
        <v>16</v>
      </c>
      <c r="G38" s="83">
        <v>6</v>
      </c>
      <c r="H38" s="83">
        <v>2</v>
      </c>
      <c r="I38" s="83">
        <v>5</v>
      </c>
      <c r="J38" s="83">
        <v>1</v>
      </c>
      <c r="K38" s="85">
        <v>30</v>
      </c>
      <c r="L38" s="86">
        <v>42</v>
      </c>
      <c r="M38" s="71">
        <v>0</v>
      </c>
      <c r="N38" s="72">
        <v>0</v>
      </c>
      <c r="O38" s="73">
        <v>0</v>
      </c>
      <c r="P38" s="277"/>
      <c r="Q38" s="72">
        <v>0</v>
      </c>
      <c r="R38" s="72">
        <v>0</v>
      </c>
      <c r="S38" s="72">
        <v>0</v>
      </c>
      <c r="T38" s="72">
        <v>0</v>
      </c>
      <c r="U38" s="72">
        <v>0</v>
      </c>
      <c r="V38" s="73">
        <v>0</v>
      </c>
      <c r="W38" s="74">
        <v>0</v>
      </c>
      <c r="X38" s="71">
        <v>0</v>
      </c>
      <c r="Y38" s="72">
        <v>0</v>
      </c>
      <c r="Z38" s="73">
        <v>0</v>
      </c>
      <c r="AA38" s="277"/>
      <c r="AB38" s="72">
        <v>1</v>
      </c>
      <c r="AC38" s="72">
        <v>1</v>
      </c>
      <c r="AD38" s="72">
        <v>0</v>
      </c>
      <c r="AE38" s="72">
        <v>0</v>
      </c>
      <c r="AF38" s="72">
        <v>0</v>
      </c>
      <c r="AG38" s="73">
        <v>2</v>
      </c>
      <c r="AH38" s="74">
        <v>2</v>
      </c>
      <c r="AI38" s="71">
        <v>2</v>
      </c>
      <c r="AJ38" s="72">
        <v>1</v>
      </c>
      <c r="AK38" s="73">
        <v>3</v>
      </c>
      <c r="AL38" s="277"/>
      <c r="AM38" s="72">
        <v>2</v>
      </c>
      <c r="AN38" s="72">
        <v>1</v>
      </c>
      <c r="AO38" s="72">
        <v>1</v>
      </c>
      <c r="AP38" s="72">
        <v>2</v>
      </c>
      <c r="AQ38" s="72">
        <v>0</v>
      </c>
      <c r="AR38" s="73">
        <v>6</v>
      </c>
      <c r="AS38" s="74">
        <v>9</v>
      </c>
      <c r="AT38" s="71">
        <v>3</v>
      </c>
      <c r="AU38" s="72">
        <v>2</v>
      </c>
      <c r="AV38" s="73">
        <v>5</v>
      </c>
      <c r="AW38" s="277"/>
      <c r="AX38" s="72">
        <v>2</v>
      </c>
      <c r="AY38" s="72">
        <v>2</v>
      </c>
      <c r="AZ38" s="72">
        <v>0</v>
      </c>
      <c r="BA38" s="72">
        <v>1</v>
      </c>
      <c r="BB38" s="72">
        <v>1</v>
      </c>
      <c r="BC38" s="73">
        <v>6</v>
      </c>
      <c r="BD38" s="74">
        <v>11</v>
      </c>
      <c r="BE38" s="71">
        <v>0</v>
      </c>
      <c r="BF38" s="72">
        <v>1</v>
      </c>
      <c r="BG38" s="73">
        <v>1</v>
      </c>
      <c r="BH38" s="277"/>
      <c r="BI38" s="72">
        <v>6</v>
      </c>
      <c r="BJ38" s="72">
        <v>1</v>
      </c>
      <c r="BK38" s="72">
        <v>1</v>
      </c>
      <c r="BL38" s="72">
        <v>0</v>
      </c>
      <c r="BM38" s="72">
        <v>0</v>
      </c>
      <c r="BN38" s="73">
        <v>8</v>
      </c>
      <c r="BO38" s="74">
        <v>9</v>
      </c>
      <c r="BP38" s="71">
        <v>3</v>
      </c>
      <c r="BQ38" s="72">
        <v>0</v>
      </c>
      <c r="BR38" s="73">
        <v>3</v>
      </c>
      <c r="BS38" s="277"/>
      <c r="BT38" s="72">
        <v>5</v>
      </c>
      <c r="BU38" s="72">
        <v>1</v>
      </c>
      <c r="BV38" s="72">
        <v>0</v>
      </c>
      <c r="BW38" s="72">
        <v>2</v>
      </c>
      <c r="BX38" s="72">
        <v>0</v>
      </c>
      <c r="BY38" s="73">
        <v>8</v>
      </c>
      <c r="BZ38" s="74">
        <v>11</v>
      </c>
      <c r="CA38" s="71">
        <v>0</v>
      </c>
      <c r="CB38" s="72">
        <v>0</v>
      </c>
      <c r="CC38" s="73">
        <v>0</v>
      </c>
      <c r="CD38" s="277"/>
      <c r="CE38" s="72">
        <v>0</v>
      </c>
      <c r="CF38" s="72">
        <v>0</v>
      </c>
      <c r="CG38" s="72">
        <v>0</v>
      </c>
      <c r="CH38" s="72">
        <v>0</v>
      </c>
      <c r="CI38" s="72">
        <v>0</v>
      </c>
      <c r="CJ38" s="73">
        <v>0</v>
      </c>
      <c r="CK38" s="74">
        <v>0</v>
      </c>
      <c r="CL38" s="71">
        <v>8</v>
      </c>
      <c r="CM38" s="72">
        <v>4</v>
      </c>
      <c r="CN38" s="73">
        <v>12</v>
      </c>
      <c r="CO38" s="277"/>
      <c r="CP38" s="72">
        <v>16</v>
      </c>
      <c r="CQ38" s="72">
        <v>6</v>
      </c>
      <c r="CR38" s="72">
        <v>2</v>
      </c>
      <c r="CS38" s="72">
        <v>5</v>
      </c>
      <c r="CT38" s="72">
        <v>1</v>
      </c>
      <c r="CU38" s="73">
        <v>30</v>
      </c>
      <c r="CV38" s="74">
        <v>42</v>
      </c>
      <c r="CW38" s="127">
        <v>1</v>
      </c>
      <c r="CX38" s="83">
        <v>3</v>
      </c>
      <c r="CY38" s="84">
        <v>4</v>
      </c>
      <c r="CZ38" s="274"/>
      <c r="DA38" s="83">
        <v>5</v>
      </c>
      <c r="DB38" s="83">
        <v>2</v>
      </c>
      <c r="DC38" s="83">
        <v>8</v>
      </c>
      <c r="DD38" s="83">
        <v>2</v>
      </c>
      <c r="DE38" s="83">
        <v>1</v>
      </c>
      <c r="DF38" s="85">
        <v>18</v>
      </c>
      <c r="DG38" s="86">
        <v>22</v>
      </c>
      <c r="DH38" s="71">
        <v>0</v>
      </c>
      <c r="DI38" s="72">
        <v>0</v>
      </c>
      <c r="DJ38" s="73">
        <v>0</v>
      </c>
      <c r="DK38" s="277"/>
      <c r="DL38" s="72">
        <v>0</v>
      </c>
      <c r="DM38" s="72">
        <v>0</v>
      </c>
      <c r="DN38" s="72">
        <v>0</v>
      </c>
      <c r="DO38" s="72">
        <v>0</v>
      </c>
      <c r="DP38" s="72">
        <v>0</v>
      </c>
      <c r="DQ38" s="73">
        <v>0</v>
      </c>
      <c r="DR38" s="74">
        <v>0</v>
      </c>
      <c r="DS38" s="71">
        <v>0</v>
      </c>
      <c r="DT38" s="72">
        <v>0</v>
      </c>
      <c r="DU38" s="73">
        <v>0</v>
      </c>
      <c r="DV38" s="277"/>
      <c r="DW38" s="72">
        <v>1</v>
      </c>
      <c r="DX38" s="72">
        <v>0</v>
      </c>
      <c r="DY38" s="72">
        <v>1</v>
      </c>
      <c r="DZ38" s="72">
        <v>0</v>
      </c>
      <c r="EA38" s="72">
        <v>0</v>
      </c>
      <c r="EB38" s="73">
        <v>2</v>
      </c>
      <c r="EC38" s="74">
        <v>2</v>
      </c>
      <c r="ED38" s="71">
        <v>0</v>
      </c>
      <c r="EE38" s="72">
        <v>0</v>
      </c>
      <c r="EF38" s="73">
        <v>0</v>
      </c>
      <c r="EG38" s="277"/>
      <c r="EH38" s="72">
        <v>0</v>
      </c>
      <c r="EI38" s="72">
        <v>0</v>
      </c>
      <c r="EJ38" s="72">
        <v>0</v>
      </c>
      <c r="EK38" s="72">
        <v>0</v>
      </c>
      <c r="EL38" s="72">
        <v>0</v>
      </c>
      <c r="EM38" s="73">
        <v>0</v>
      </c>
      <c r="EN38" s="74">
        <v>0</v>
      </c>
      <c r="EO38" s="71">
        <v>0</v>
      </c>
      <c r="EP38" s="72">
        <v>1</v>
      </c>
      <c r="EQ38" s="73">
        <v>1</v>
      </c>
      <c r="ER38" s="277"/>
      <c r="ES38" s="72">
        <v>1</v>
      </c>
      <c r="ET38" s="72">
        <v>1</v>
      </c>
      <c r="EU38" s="72">
        <v>1</v>
      </c>
      <c r="EV38" s="72">
        <v>0</v>
      </c>
      <c r="EW38" s="72">
        <v>0</v>
      </c>
      <c r="EX38" s="73">
        <v>3</v>
      </c>
      <c r="EY38" s="74">
        <v>4</v>
      </c>
      <c r="EZ38" s="71">
        <v>0</v>
      </c>
      <c r="FA38" s="72">
        <v>1</v>
      </c>
      <c r="FB38" s="73">
        <v>1</v>
      </c>
      <c r="FC38" s="277"/>
      <c r="FD38" s="72">
        <v>3</v>
      </c>
      <c r="FE38" s="72">
        <v>1</v>
      </c>
      <c r="FF38" s="72">
        <v>1</v>
      </c>
      <c r="FG38" s="72">
        <v>0</v>
      </c>
      <c r="FH38" s="72">
        <v>0</v>
      </c>
      <c r="FI38" s="73">
        <v>5</v>
      </c>
      <c r="FJ38" s="74">
        <v>6</v>
      </c>
      <c r="FK38" s="71">
        <v>1</v>
      </c>
      <c r="FL38" s="72">
        <v>1</v>
      </c>
      <c r="FM38" s="73">
        <v>2</v>
      </c>
      <c r="FN38" s="277"/>
      <c r="FO38" s="72">
        <v>0</v>
      </c>
      <c r="FP38" s="72">
        <v>0</v>
      </c>
      <c r="FQ38" s="72">
        <v>5</v>
      </c>
      <c r="FR38" s="72">
        <v>2</v>
      </c>
      <c r="FS38" s="72">
        <v>1</v>
      </c>
      <c r="FT38" s="73">
        <v>8</v>
      </c>
      <c r="FU38" s="74">
        <v>10</v>
      </c>
      <c r="FV38" s="71">
        <v>0</v>
      </c>
      <c r="FW38" s="72">
        <v>0</v>
      </c>
      <c r="FX38" s="73">
        <v>0</v>
      </c>
      <c r="FY38" s="277"/>
      <c r="FZ38" s="72">
        <v>0</v>
      </c>
      <c r="GA38" s="72">
        <v>0</v>
      </c>
      <c r="GB38" s="72">
        <v>0</v>
      </c>
      <c r="GC38" s="72">
        <v>0</v>
      </c>
      <c r="GD38" s="72">
        <v>0</v>
      </c>
      <c r="GE38" s="73">
        <v>0</v>
      </c>
      <c r="GF38" s="74">
        <v>0</v>
      </c>
      <c r="GG38" s="71">
        <v>1</v>
      </c>
      <c r="GH38" s="72">
        <v>3</v>
      </c>
      <c r="GI38" s="73">
        <v>4</v>
      </c>
      <c r="GJ38" s="277"/>
      <c r="GK38" s="72">
        <v>5</v>
      </c>
      <c r="GL38" s="72">
        <v>2</v>
      </c>
      <c r="GM38" s="72">
        <v>8</v>
      </c>
      <c r="GN38" s="72">
        <v>2</v>
      </c>
      <c r="GO38" s="72">
        <v>1</v>
      </c>
      <c r="GP38" s="73">
        <v>18</v>
      </c>
      <c r="GQ38" s="74">
        <v>22</v>
      </c>
      <c r="GR38" s="127">
        <v>9</v>
      </c>
      <c r="GS38" s="83">
        <v>7</v>
      </c>
      <c r="GT38" s="84">
        <v>16</v>
      </c>
      <c r="GU38" s="274"/>
      <c r="GV38" s="83">
        <v>21</v>
      </c>
      <c r="GW38" s="83">
        <v>8</v>
      </c>
      <c r="GX38" s="83">
        <v>10</v>
      </c>
      <c r="GY38" s="83">
        <v>7</v>
      </c>
      <c r="GZ38" s="83">
        <v>2</v>
      </c>
      <c r="HA38" s="85">
        <v>48</v>
      </c>
      <c r="HB38" s="86">
        <v>64</v>
      </c>
      <c r="HC38" s="71">
        <v>0</v>
      </c>
      <c r="HD38" s="72">
        <v>0</v>
      </c>
      <c r="HE38" s="73">
        <v>0</v>
      </c>
      <c r="HF38" s="274"/>
      <c r="HG38" s="72">
        <v>0</v>
      </c>
      <c r="HH38" s="72">
        <v>0</v>
      </c>
      <c r="HI38" s="72">
        <v>0</v>
      </c>
      <c r="HJ38" s="72">
        <v>0</v>
      </c>
      <c r="HK38" s="72">
        <v>0</v>
      </c>
      <c r="HL38" s="73">
        <v>0</v>
      </c>
      <c r="HM38" s="74">
        <v>0</v>
      </c>
      <c r="HN38" s="71">
        <v>0</v>
      </c>
      <c r="HO38" s="72">
        <v>0</v>
      </c>
      <c r="HP38" s="73">
        <v>0</v>
      </c>
      <c r="HQ38" s="277"/>
      <c r="HR38" s="72">
        <v>2</v>
      </c>
      <c r="HS38" s="72">
        <v>1</v>
      </c>
      <c r="HT38" s="72">
        <v>1</v>
      </c>
      <c r="HU38" s="72">
        <v>0</v>
      </c>
      <c r="HV38" s="72">
        <v>0</v>
      </c>
      <c r="HW38" s="73">
        <v>4</v>
      </c>
      <c r="HX38" s="74">
        <v>4</v>
      </c>
      <c r="HY38" s="71">
        <v>2</v>
      </c>
      <c r="HZ38" s="72">
        <v>1</v>
      </c>
      <c r="IA38" s="73">
        <v>3</v>
      </c>
      <c r="IB38" s="277"/>
      <c r="IC38" s="72">
        <v>2</v>
      </c>
      <c r="ID38" s="72">
        <v>1</v>
      </c>
      <c r="IE38" s="72">
        <v>1</v>
      </c>
      <c r="IF38" s="72">
        <v>2</v>
      </c>
      <c r="IG38" s="72">
        <v>0</v>
      </c>
      <c r="IH38" s="73">
        <v>6</v>
      </c>
      <c r="II38" s="74">
        <v>9</v>
      </c>
      <c r="IJ38" s="71">
        <v>3</v>
      </c>
      <c r="IK38" s="72">
        <v>3</v>
      </c>
      <c r="IL38" s="73">
        <v>6</v>
      </c>
      <c r="IM38" s="277"/>
      <c r="IN38" s="72">
        <v>3</v>
      </c>
      <c r="IO38" s="72">
        <v>3</v>
      </c>
      <c r="IP38" s="72">
        <v>1</v>
      </c>
      <c r="IQ38" s="72">
        <v>1</v>
      </c>
      <c r="IR38" s="72">
        <v>1</v>
      </c>
      <c r="IS38" s="73">
        <v>9</v>
      </c>
      <c r="IT38" s="74">
        <v>15</v>
      </c>
      <c r="IU38" s="71">
        <v>0</v>
      </c>
      <c r="IV38" s="72">
        <v>2</v>
      </c>
      <c r="IW38" s="73">
        <v>2</v>
      </c>
      <c r="IX38" s="274"/>
      <c r="IY38" s="72">
        <v>9</v>
      </c>
      <c r="IZ38" s="72">
        <v>2</v>
      </c>
      <c r="JA38" s="72">
        <v>2</v>
      </c>
      <c r="JB38" s="72">
        <v>0</v>
      </c>
      <c r="JC38" s="72">
        <v>0</v>
      </c>
      <c r="JD38" s="73">
        <v>13</v>
      </c>
      <c r="JE38" s="74">
        <v>15</v>
      </c>
      <c r="JF38" s="71">
        <v>4</v>
      </c>
      <c r="JG38" s="72">
        <v>1</v>
      </c>
      <c r="JH38" s="73">
        <v>5</v>
      </c>
      <c r="JI38" s="274"/>
      <c r="JJ38" s="72">
        <v>5</v>
      </c>
      <c r="JK38" s="72">
        <v>1</v>
      </c>
      <c r="JL38" s="72">
        <v>5</v>
      </c>
      <c r="JM38" s="72">
        <v>4</v>
      </c>
      <c r="JN38" s="72">
        <v>1</v>
      </c>
      <c r="JO38" s="73">
        <v>16</v>
      </c>
      <c r="JP38" s="74">
        <v>21</v>
      </c>
      <c r="JQ38" s="71">
        <v>0</v>
      </c>
      <c r="JR38" s="72">
        <v>0</v>
      </c>
      <c r="JS38" s="73">
        <v>0</v>
      </c>
      <c r="JT38" s="274"/>
      <c r="JU38" s="72">
        <v>0</v>
      </c>
      <c r="JV38" s="72">
        <v>0</v>
      </c>
      <c r="JW38" s="72">
        <v>0</v>
      </c>
      <c r="JX38" s="72">
        <v>0</v>
      </c>
      <c r="JY38" s="72">
        <v>0</v>
      </c>
      <c r="JZ38" s="73">
        <v>0</v>
      </c>
      <c r="KA38" s="74">
        <v>0</v>
      </c>
      <c r="KB38" s="71">
        <v>9</v>
      </c>
      <c r="KC38" s="72">
        <v>7</v>
      </c>
      <c r="KD38" s="73">
        <v>16</v>
      </c>
      <c r="KE38" s="274"/>
      <c r="KF38" s="72">
        <v>21</v>
      </c>
      <c r="KG38" s="72">
        <v>8</v>
      </c>
      <c r="KH38" s="72">
        <v>10</v>
      </c>
      <c r="KI38" s="72">
        <v>7</v>
      </c>
      <c r="KJ38" s="72">
        <v>2</v>
      </c>
      <c r="KK38" s="73">
        <v>48</v>
      </c>
      <c r="KL38" s="74">
        <v>64</v>
      </c>
    </row>
    <row r="39" spans="1:298" ht="19.5" customHeight="1" x14ac:dyDescent="0.2">
      <c r="A39" s="130" t="s">
        <v>36</v>
      </c>
      <c r="B39" s="347">
        <v>1</v>
      </c>
      <c r="C39" s="83">
        <v>6</v>
      </c>
      <c r="D39" s="84">
        <v>7</v>
      </c>
      <c r="E39" s="274"/>
      <c r="F39" s="83">
        <v>8</v>
      </c>
      <c r="G39" s="83">
        <v>5</v>
      </c>
      <c r="H39" s="83">
        <v>4</v>
      </c>
      <c r="I39" s="83">
        <v>5</v>
      </c>
      <c r="J39" s="83">
        <v>3</v>
      </c>
      <c r="K39" s="85">
        <v>25</v>
      </c>
      <c r="L39" s="86">
        <v>32</v>
      </c>
      <c r="M39" s="71">
        <v>0</v>
      </c>
      <c r="N39" s="72">
        <v>0</v>
      </c>
      <c r="O39" s="73">
        <v>0</v>
      </c>
      <c r="P39" s="277"/>
      <c r="Q39" s="72">
        <v>1</v>
      </c>
      <c r="R39" s="72">
        <v>0</v>
      </c>
      <c r="S39" s="72">
        <v>0</v>
      </c>
      <c r="T39" s="72">
        <v>0</v>
      </c>
      <c r="U39" s="72">
        <v>0</v>
      </c>
      <c r="V39" s="73">
        <v>1</v>
      </c>
      <c r="W39" s="74">
        <v>1</v>
      </c>
      <c r="X39" s="71">
        <v>1</v>
      </c>
      <c r="Y39" s="72">
        <v>0</v>
      </c>
      <c r="Z39" s="73">
        <v>1</v>
      </c>
      <c r="AA39" s="277"/>
      <c r="AB39" s="72">
        <v>0</v>
      </c>
      <c r="AC39" s="72">
        <v>2</v>
      </c>
      <c r="AD39" s="72">
        <v>0</v>
      </c>
      <c r="AE39" s="72">
        <v>1</v>
      </c>
      <c r="AF39" s="72">
        <v>0</v>
      </c>
      <c r="AG39" s="73">
        <v>3</v>
      </c>
      <c r="AH39" s="74">
        <v>4</v>
      </c>
      <c r="AI39" s="71">
        <v>0</v>
      </c>
      <c r="AJ39" s="72">
        <v>0</v>
      </c>
      <c r="AK39" s="73">
        <v>0</v>
      </c>
      <c r="AL39" s="277"/>
      <c r="AM39" s="72">
        <v>3</v>
      </c>
      <c r="AN39" s="72">
        <v>0</v>
      </c>
      <c r="AO39" s="72">
        <v>0</v>
      </c>
      <c r="AP39" s="72">
        <v>0</v>
      </c>
      <c r="AQ39" s="72">
        <v>1</v>
      </c>
      <c r="AR39" s="73">
        <v>4</v>
      </c>
      <c r="AS39" s="74">
        <v>4</v>
      </c>
      <c r="AT39" s="71">
        <v>0</v>
      </c>
      <c r="AU39" s="72">
        <v>3</v>
      </c>
      <c r="AV39" s="73">
        <v>3</v>
      </c>
      <c r="AW39" s="277"/>
      <c r="AX39" s="72">
        <v>1</v>
      </c>
      <c r="AY39" s="72">
        <v>2</v>
      </c>
      <c r="AZ39" s="72">
        <v>1</v>
      </c>
      <c r="BA39" s="72">
        <v>1</v>
      </c>
      <c r="BB39" s="72">
        <v>1</v>
      </c>
      <c r="BC39" s="73">
        <v>6</v>
      </c>
      <c r="BD39" s="74">
        <v>9</v>
      </c>
      <c r="BE39" s="71">
        <v>0</v>
      </c>
      <c r="BF39" s="72">
        <v>3</v>
      </c>
      <c r="BG39" s="73">
        <v>3</v>
      </c>
      <c r="BH39" s="277"/>
      <c r="BI39" s="72">
        <v>0</v>
      </c>
      <c r="BJ39" s="72">
        <v>0</v>
      </c>
      <c r="BK39" s="72">
        <v>2</v>
      </c>
      <c r="BL39" s="72">
        <v>2</v>
      </c>
      <c r="BM39" s="72">
        <v>1</v>
      </c>
      <c r="BN39" s="73">
        <v>5</v>
      </c>
      <c r="BO39" s="74">
        <v>8</v>
      </c>
      <c r="BP39" s="71">
        <v>0</v>
      </c>
      <c r="BQ39" s="72">
        <v>0</v>
      </c>
      <c r="BR39" s="73">
        <v>0</v>
      </c>
      <c r="BS39" s="277"/>
      <c r="BT39" s="72">
        <v>3</v>
      </c>
      <c r="BU39" s="72">
        <v>1</v>
      </c>
      <c r="BV39" s="72">
        <v>1</v>
      </c>
      <c r="BW39" s="72">
        <v>1</v>
      </c>
      <c r="BX39" s="72">
        <v>0</v>
      </c>
      <c r="BY39" s="73">
        <v>6</v>
      </c>
      <c r="BZ39" s="74">
        <v>6</v>
      </c>
      <c r="CA39" s="71">
        <v>0</v>
      </c>
      <c r="CB39" s="72">
        <v>0</v>
      </c>
      <c r="CC39" s="73">
        <v>0</v>
      </c>
      <c r="CD39" s="277"/>
      <c r="CE39" s="72">
        <v>0</v>
      </c>
      <c r="CF39" s="72">
        <v>0</v>
      </c>
      <c r="CG39" s="72">
        <v>0</v>
      </c>
      <c r="CH39" s="72">
        <v>0</v>
      </c>
      <c r="CI39" s="72">
        <v>0</v>
      </c>
      <c r="CJ39" s="73">
        <v>0</v>
      </c>
      <c r="CK39" s="74">
        <v>0</v>
      </c>
      <c r="CL39" s="71">
        <v>1</v>
      </c>
      <c r="CM39" s="72">
        <v>6</v>
      </c>
      <c r="CN39" s="73">
        <v>7</v>
      </c>
      <c r="CO39" s="277"/>
      <c r="CP39" s="72">
        <v>8</v>
      </c>
      <c r="CQ39" s="72">
        <v>5</v>
      </c>
      <c r="CR39" s="72">
        <v>4</v>
      </c>
      <c r="CS39" s="72">
        <v>5</v>
      </c>
      <c r="CT39" s="72">
        <v>3</v>
      </c>
      <c r="CU39" s="73">
        <v>25</v>
      </c>
      <c r="CV39" s="74">
        <v>32</v>
      </c>
      <c r="CW39" s="127">
        <v>2</v>
      </c>
      <c r="CX39" s="83">
        <v>3</v>
      </c>
      <c r="CY39" s="84">
        <v>5</v>
      </c>
      <c r="CZ39" s="274"/>
      <c r="DA39" s="83">
        <v>6</v>
      </c>
      <c r="DB39" s="83">
        <v>8</v>
      </c>
      <c r="DC39" s="83">
        <v>1</v>
      </c>
      <c r="DD39" s="83">
        <v>5</v>
      </c>
      <c r="DE39" s="83">
        <v>1</v>
      </c>
      <c r="DF39" s="85">
        <v>21</v>
      </c>
      <c r="DG39" s="86">
        <v>26</v>
      </c>
      <c r="DH39" s="71">
        <v>0</v>
      </c>
      <c r="DI39" s="72">
        <v>0</v>
      </c>
      <c r="DJ39" s="73">
        <v>0</v>
      </c>
      <c r="DK39" s="277"/>
      <c r="DL39" s="72">
        <v>0</v>
      </c>
      <c r="DM39" s="72">
        <v>0</v>
      </c>
      <c r="DN39" s="72">
        <v>0</v>
      </c>
      <c r="DO39" s="72">
        <v>0</v>
      </c>
      <c r="DP39" s="72">
        <v>0</v>
      </c>
      <c r="DQ39" s="73">
        <v>0</v>
      </c>
      <c r="DR39" s="74">
        <v>0</v>
      </c>
      <c r="DS39" s="71">
        <v>0</v>
      </c>
      <c r="DT39" s="72">
        <v>0</v>
      </c>
      <c r="DU39" s="73">
        <v>0</v>
      </c>
      <c r="DV39" s="277"/>
      <c r="DW39" s="72">
        <v>0</v>
      </c>
      <c r="DX39" s="72">
        <v>0</v>
      </c>
      <c r="DY39" s="72">
        <v>0</v>
      </c>
      <c r="DZ39" s="72">
        <v>0</v>
      </c>
      <c r="EA39" s="72">
        <v>0</v>
      </c>
      <c r="EB39" s="73">
        <v>0</v>
      </c>
      <c r="EC39" s="74">
        <v>0</v>
      </c>
      <c r="ED39" s="71">
        <v>0</v>
      </c>
      <c r="EE39" s="72">
        <v>0</v>
      </c>
      <c r="EF39" s="73">
        <v>0</v>
      </c>
      <c r="EG39" s="277"/>
      <c r="EH39" s="72">
        <v>1</v>
      </c>
      <c r="EI39" s="72">
        <v>1</v>
      </c>
      <c r="EJ39" s="72">
        <v>0</v>
      </c>
      <c r="EK39" s="72">
        <v>0</v>
      </c>
      <c r="EL39" s="72">
        <v>0</v>
      </c>
      <c r="EM39" s="73">
        <v>2</v>
      </c>
      <c r="EN39" s="74">
        <v>2</v>
      </c>
      <c r="EO39" s="71">
        <v>0</v>
      </c>
      <c r="EP39" s="72">
        <v>2</v>
      </c>
      <c r="EQ39" s="73">
        <v>2</v>
      </c>
      <c r="ER39" s="277"/>
      <c r="ES39" s="72">
        <v>1</v>
      </c>
      <c r="ET39" s="72">
        <v>1</v>
      </c>
      <c r="EU39" s="72">
        <v>1</v>
      </c>
      <c r="EV39" s="72">
        <v>0</v>
      </c>
      <c r="EW39" s="72">
        <v>0</v>
      </c>
      <c r="EX39" s="73">
        <v>3</v>
      </c>
      <c r="EY39" s="74">
        <v>5</v>
      </c>
      <c r="EZ39" s="71">
        <v>2</v>
      </c>
      <c r="FA39" s="72">
        <v>1</v>
      </c>
      <c r="FB39" s="73">
        <v>3</v>
      </c>
      <c r="FC39" s="277"/>
      <c r="FD39" s="72">
        <v>3</v>
      </c>
      <c r="FE39" s="72">
        <v>3</v>
      </c>
      <c r="FF39" s="72">
        <v>0</v>
      </c>
      <c r="FG39" s="72">
        <v>1</v>
      </c>
      <c r="FH39" s="72">
        <v>0</v>
      </c>
      <c r="FI39" s="73">
        <v>7</v>
      </c>
      <c r="FJ39" s="74">
        <v>10</v>
      </c>
      <c r="FK39" s="71">
        <v>0</v>
      </c>
      <c r="FL39" s="72">
        <v>0</v>
      </c>
      <c r="FM39" s="73">
        <v>0</v>
      </c>
      <c r="FN39" s="277"/>
      <c r="FO39" s="72">
        <v>1</v>
      </c>
      <c r="FP39" s="72">
        <v>3</v>
      </c>
      <c r="FQ39" s="72">
        <v>0</v>
      </c>
      <c r="FR39" s="72">
        <v>4</v>
      </c>
      <c r="FS39" s="72">
        <v>1</v>
      </c>
      <c r="FT39" s="73">
        <v>9</v>
      </c>
      <c r="FU39" s="74">
        <v>9</v>
      </c>
      <c r="FV39" s="71">
        <v>0</v>
      </c>
      <c r="FW39" s="72">
        <v>0</v>
      </c>
      <c r="FX39" s="73">
        <v>0</v>
      </c>
      <c r="FY39" s="277"/>
      <c r="FZ39" s="72">
        <v>0</v>
      </c>
      <c r="GA39" s="72">
        <v>0</v>
      </c>
      <c r="GB39" s="72">
        <v>0</v>
      </c>
      <c r="GC39" s="72">
        <v>0</v>
      </c>
      <c r="GD39" s="72">
        <v>0</v>
      </c>
      <c r="GE39" s="73">
        <v>0</v>
      </c>
      <c r="GF39" s="74">
        <v>0</v>
      </c>
      <c r="GG39" s="71">
        <v>2</v>
      </c>
      <c r="GH39" s="72">
        <v>3</v>
      </c>
      <c r="GI39" s="73">
        <v>5</v>
      </c>
      <c r="GJ39" s="277"/>
      <c r="GK39" s="72">
        <v>6</v>
      </c>
      <c r="GL39" s="72">
        <v>8</v>
      </c>
      <c r="GM39" s="72">
        <v>1</v>
      </c>
      <c r="GN39" s="72">
        <v>5</v>
      </c>
      <c r="GO39" s="72">
        <v>1</v>
      </c>
      <c r="GP39" s="73">
        <v>21</v>
      </c>
      <c r="GQ39" s="74">
        <v>26</v>
      </c>
      <c r="GR39" s="127">
        <v>3</v>
      </c>
      <c r="GS39" s="83">
        <v>9</v>
      </c>
      <c r="GT39" s="84">
        <v>12</v>
      </c>
      <c r="GU39" s="274"/>
      <c r="GV39" s="83">
        <v>14</v>
      </c>
      <c r="GW39" s="83">
        <v>13</v>
      </c>
      <c r="GX39" s="83">
        <v>5</v>
      </c>
      <c r="GY39" s="83">
        <v>10</v>
      </c>
      <c r="GZ39" s="83">
        <v>4</v>
      </c>
      <c r="HA39" s="85">
        <v>46</v>
      </c>
      <c r="HB39" s="86">
        <v>58</v>
      </c>
      <c r="HC39" s="71">
        <v>0</v>
      </c>
      <c r="HD39" s="72">
        <v>0</v>
      </c>
      <c r="HE39" s="73">
        <v>0</v>
      </c>
      <c r="HF39" s="274"/>
      <c r="HG39" s="72">
        <v>1</v>
      </c>
      <c r="HH39" s="72">
        <v>0</v>
      </c>
      <c r="HI39" s="72">
        <v>0</v>
      </c>
      <c r="HJ39" s="72">
        <v>0</v>
      </c>
      <c r="HK39" s="72">
        <v>0</v>
      </c>
      <c r="HL39" s="73">
        <v>1</v>
      </c>
      <c r="HM39" s="74">
        <v>1</v>
      </c>
      <c r="HN39" s="71">
        <v>1</v>
      </c>
      <c r="HO39" s="72">
        <v>0</v>
      </c>
      <c r="HP39" s="73">
        <v>1</v>
      </c>
      <c r="HQ39" s="277"/>
      <c r="HR39" s="72">
        <v>0</v>
      </c>
      <c r="HS39" s="72">
        <v>2</v>
      </c>
      <c r="HT39" s="72">
        <v>0</v>
      </c>
      <c r="HU39" s="72">
        <v>1</v>
      </c>
      <c r="HV39" s="72">
        <v>0</v>
      </c>
      <c r="HW39" s="73">
        <v>3</v>
      </c>
      <c r="HX39" s="74">
        <v>4</v>
      </c>
      <c r="HY39" s="71">
        <v>0</v>
      </c>
      <c r="HZ39" s="72">
        <v>0</v>
      </c>
      <c r="IA39" s="73">
        <v>0</v>
      </c>
      <c r="IB39" s="277"/>
      <c r="IC39" s="72">
        <v>4</v>
      </c>
      <c r="ID39" s="72">
        <v>1</v>
      </c>
      <c r="IE39" s="72">
        <v>0</v>
      </c>
      <c r="IF39" s="72">
        <v>0</v>
      </c>
      <c r="IG39" s="72">
        <v>1</v>
      </c>
      <c r="IH39" s="73">
        <v>6</v>
      </c>
      <c r="II39" s="74">
        <v>6</v>
      </c>
      <c r="IJ39" s="71">
        <v>0</v>
      </c>
      <c r="IK39" s="72">
        <v>5</v>
      </c>
      <c r="IL39" s="73">
        <v>5</v>
      </c>
      <c r="IM39" s="277"/>
      <c r="IN39" s="72">
        <v>2</v>
      </c>
      <c r="IO39" s="72">
        <v>3</v>
      </c>
      <c r="IP39" s="72">
        <v>2</v>
      </c>
      <c r="IQ39" s="72">
        <v>1</v>
      </c>
      <c r="IR39" s="72">
        <v>1</v>
      </c>
      <c r="IS39" s="73">
        <v>9</v>
      </c>
      <c r="IT39" s="74">
        <v>14</v>
      </c>
      <c r="IU39" s="71">
        <v>2</v>
      </c>
      <c r="IV39" s="72">
        <v>4</v>
      </c>
      <c r="IW39" s="73">
        <v>6</v>
      </c>
      <c r="IX39" s="274"/>
      <c r="IY39" s="72">
        <v>3</v>
      </c>
      <c r="IZ39" s="72">
        <v>3</v>
      </c>
      <c r="JA39" s="72">
        <v>2</v>
      </c>
      <c r="JB39" s="72">
        <v>3</v>
      </c>
      <c r="JC39" s="72">
        <v>1</v>
      </c>
      <c r="JD39" s="73">
        <v>12</v>
      </c>
      <c r="JE39" s="74">
        <v>18</v>
      </c>
      <c r="JF39" s="71">
        <v>0</v>
      </c>
      <c r="JG39" s="72">
        <v>0</v>
      </c>
      <c r="JH39" s="73">
        <v>0</v>
      </c>
      <c r="JI39" s="274"/>
      <c r="JJ39" s="72">
        <v>4</v>
      </c>
      <c r="JK39" s="72">
        <v>4</v>
      </c>
      <c r="JL39" s="72">
        <v>1</v>
      </c>
      <c r="JM39" s="72">
        <v>5</v>
      </c>
      <c r="JN39" s="72">
        <v>1</v>
      </c>
      <c r="JO39" s="73">
        <v>15</v>
      </c>
      <c r="JP39" s="74">
        <v>15</v>
      </c>
      <c r="JQ39" s="71">
        <v>0</v>
      </c>
      <c r="JR39" s="72">
        <v>0</v>
      </c>
      <c r="JS39" s="73">
        <v>0</v>
      </c>
      <c r="JT39" s="274"/>
      <c r="JU39" s="72">
        <v>0</v>
      </c>
      <c r="JV39" s="72">
        <v>0</v>
      </c>
      <c r="JW39" s="72">
        <v>0</v>
      </c>
      <c r="JX39" s="72">
        <v>0</v>
      </c>
      <c r="JY39" s="72">
        <v>0</v>
      </c>
      <c r="JZ39" s="73">
        <v>0</v>
      </c>
      <c r="KA39" s="74">
        <v>0</v>
      </c>
      <c r="KB39" s="71">
        <v>3</v>
      </c>
      <c r="KC39" s="72">
        <v>9</v>
      </c>
      <c r="KD39" s="73">
        <v>12</v>
      </c>
      <c r="KE39" s="274"/>
      <c r="KF39" s="72">
        <v>14</v>
      </c>
      <c r="KG39" s="72">
        <v>13</v>
      </c>
      <c r="KH39" s="72">
        <v>5</v>
      </c>
      <c r="KI39" s="72">
        <v>10</v>
      </c>
      <c r="KJ39" s="72">
        <v>4</v>
      </c>
      <c r="KK39" s="73">
        <v>46</v>
      </c>
      <c r="KL39" s="74">
        <v>58</v>
      </c>
    </row>
    <row r="40" spans="1:298" ht="19.5" customHeight="1" thickBot="1" x14ac:dyDescent="0.25">
      <c r="A40" s="131" t="s">
        <v>37</v>
      </c>
      <c r="B40" s="348">
        <v>0</v>
      </c>
      <c r="C40" s="88">
        <v>0</v>
      </c>
      <c r="D40" s="89">
        <v>0</v>
      </c>
      <c r="E40" s="275"/>
      <c r="F40" s="88">
        <v>0</v>
      </c>
      <c r="G40" s="88">
        <v>0</v>
      </c>
      <c r="H40" s="88">
        <v>0</v>
      </c>
      <c r="I40" s="88">
        <v>2</v>
      </c>
      <c r="J40" s="88">
        <v>1</v>
      </c>
      <c r="K40" s="90">
        <v>3</v>
      </c>
      <c r="L40" s="91">
        <v>3</v>
      </c>
      <c r="M40" s="75">
        <v>0</v>
      </c>
      <c r="N40" s="76">
        <v>0</v>
      </c>
      <c r="O40" s="77">
        <v>0</v>
      </c>
      <c r="P40" s="278"/>
      <c r="Q40" s="76">
        <v>0</v>
      </c>
      <c r="R40" s="76">
        <v>0</v>
      </c>
      <c r="S40" s="76">
        <v>0</v>
      </c>
      <c r="T40" s="76">
        <v>0</v>
      </c>
      <c r="U40" s="76">
        <v>0</v>
      </c>
      <c r="V40" s="77">
        <v>0</v>
      </c>
      <c r="W40" s="78">
        <v>0</v>
      </c>
      <c r="X40" s="75">
        <v>0</v>
      </c>
      <c r="Y40" s="76">
        <v>0</v>
      </c>
      <c r="Z40" s="77">
        <v>0</v>
      </c>
      <c r="AA40" s="278"/>
      <c r="AB40" s="76">
        <v>0</v>
      </c>
      <c r="AC40" s="76">
        <v>0</v>
      </c>
      <c r="AD40" s="76">
        <v>0</v>
      </c>
      <c r="AE40" s="76">
        <v>0</v>
      </c>
      <c r="AF40" s="76">
        <v>0</v>
      </c>
      <c r="AG40" s="77">
        <v>0</v>
      </c>
      <c r="AH40" s="78">
        <v>0</v>
      </c>
      <c r="AI40" s="75">
        <v>0</v>
      </c>
      <c r="AJ40" s="76">
        <v>0</v>
      </c>
      <c r="AK40" s="77">
        <v>0</v>
      </c>
      <c r="AL40" s="278"/>
      <c r="AM40" s="76">
        <v>0</v>
      </c>
      <c r="AN40" s="76">
        <v>0</v>
      </c>
      <c r="AO40" s="76">
        <v>0</v>
      </c>
      <c r="AP40" s="76">
        <v>0</v>
      </c>
      <c r="AQ40" s="76">
        <v>0</v>
      </c>
      <c r="AR40" s="77">
        <v>0</v>
      </c>
      <c r="AS40" s="78">
        <v>0</v>
      </c>
      <c r="AT40" s="75">
        <v>0</v>
      </c>
      <c r="AU40" s="76">
        <v>0</v>
      </c>
      <c r="AV40" s="77">
        <v>0</v>
      </c>
      <c r="AW40" s="278"/>
      <c r="AX40" s="76">
        <v>0</v>
      </c>
      <c r="AY40" s="76">
        <v>0</v>
      </c>
      <c r="AZ40" s="76">
        <v>0</v>
      </c>
      <c r="BA40" s="76">
        <v>1</v>
      </c>
      <c r="BB40" s="76">
        <v>1</v>
      </c>
      <c r="BC40" s="77">
        <v>2</v>
      </c>
      <c r="BD40" s="78">
        <v>2</v>
      </c>
      <c r="BE40" s="75">
        <v>0</v>
      </c>
      <c r="BF40" s="76">
        <v>0</v>
      </c>
      <c r="BG40" s="77">
        <v>0</v>
      </c>
      <c r="BH40" s="278"/>
      <c r="BI40" s="76">
        <v>0</v>
      </c>
      <c r="BJ40" s="76">
        <v>0</v>
      </c>
      <c r="BK40" s="76">
        <v>0</v>
      </c>
      <c r="BL40" s="76">
        <v>0</v>
      </c>
      <c r="BM40" s="76">
        <v>0</v>
      </c>
      <c r="BN40" s="77">
        <v>0</v>
      </c>
      <c r="BO40" s="78">
        <v>0</v>
      </c>
      <c r="BP40" s="75">
        <v>0</v>
      </c>
      <c r="BQ40" s="76">
        <v>0</v>
      </c>
      <c r="BR40" s="77">
        <v>0</v>
      </c>
      <c r="BS40" s="278"/>
      <c r="BT40" s="76">
        <v>0</v>
      </c>
      <c r="BU40" s="76">
        <v>0</v>
      </c>
      <c r="BV40" s="76">
        <v>0</v>
      </c>
      <c r="BW40" s="76">
        <v>1</v>
      </c>
      <c r="BX40" s="76">
        <v>0</v>
      </c>
      <c r="BY40" s="77">
        <v>1</v>
      </c>
      <c r="BZ40" s="78">
        <v>1</v>
      </c>
      <c r="CA40" s="75">
        <v>0</v>
      </c>
      <c r="CB40" s="76">
        <v>0</v>
      </c>
      <c r="CC40" s="77">
        <v>0</v>
      </c>
      <c r="CD40" s="278"/>
      <c r="CE40" s="76">
        <v>0</v>
      </c>
      <c r="CF40" s="76">
        <v>0</v>
      </c>
      <c r="CG40" s="76">
        <v>0</v>
      </c>
      <c r="CH40" s="76">
        <v>0</v>
      </c>
      <c r="CI40" s="76">
        <v>0</v>
      </c>
      <c r="CJ40" s="77">
        <v>0</v>
      </c>
      <c r="CK40" s="78">
        <v>0</v>
      </c>
      <c r="CL40" s="75">
        <v>0</v>
      </c>
      <c r="CM40" s="76">
        <v>0</v>
      </c>
      <c r="CN40" s="77">
        <v>0</v>
      </c>
      <c r="CO40" s="278"/>
      <c r="CP40" s="76">
        <v>0</v>
      </c>
      <c r="CQ40" s="76">
        <v>0</v>
      </c>
      <c r="CR40" s="76">
        <v>0</v>
      </c>
      <c r="CS40" s="76">
        <v>2</v>
      </c>
      <c r="CT40" s="76">
        <v>1</v>
      </c>
      <c r="CU40" s="77">
        <v>3</v>
      </c>
      <c r="CV40" s="78">
        <v>3</v>
      </c>
      <c r="CW40" s="128">
        <v>0</v>
      </c>
      <c r="CX40" s="88">
        <v>0</v>
      </c>
      <c r="CY40" s="89">
        <v>0</v>
      </c>
      <c r="CZ40" s="275"/>
      <c r="DA40" s="88">
        <v>0</v>
      </c>
      <c r="DB40" s="88">
        <v>0</v>
      </c>
      <c r="DC40" s="88">
        <v>0</v>
      </c>
      <c r="DD40" s="88">
        <v>0</v>
      </c>
      <c r="DE40" s="88">
        <v>1</v>
      </c>
      <c r="DF40" s="90">
        <v>1</v>
      </c>
      <c r="DG40" s="91">
        <v>1</v>
      </c>
      <c r="DH40" s="75">
        <v>0</v>
      </c>
      <c r="DI40" s="76">
        <v>0</v>
      </c>
      <c r="DJ40" s="77">
        <v>0</v>
      </c>
      <c r="DK40" s="278"/>
      <c r="DL40" s="76">
        <v>0</v>
      </c>
      <c r="DM40" s="76">
        <v>0</v>
      </c>
      <c r="DN40" s="76">
        <v>0</v>
      </c>
      <c r="DO40" s="76">
        <v>0</v>
      </c>
      <c r="DP40" s="76">
        <v>0</v>
      </c>
      <c r="DQ40" s="77">
        <v>0</v>
      </c>
      <c r="DR40" s="78">
        <v>0</v>
      </c>
      <c r="DS40" s="75">
        <v>0</v>
      </c>
      <c r="DT40" s="76">
        <v>0</v>
      </c>
      <c r="DU40" s="77">
        <v>0</v>
      </c>
      <c r="DV40" s="278"/>
      <c r="DW40" s="76">
        <v>0</v>
      </c>
      <c r="DX40" s="76">
        <v>0</v>
      </c>
      <c r="DY40" s="76">
        <v>0</v>
      </c>
      <c r="DZ40" s="76">
        <v>0</v>
      </c>
      <c r="EA40" s="76">
        <v>0</v>
      </c>
      <c r="EB40" s="77">
        <v>0</v>
      </c>
      <c r="EC40" s="78">
        <v>0</v>
      </c>
      <c r="ED40" s="75">
        <v>0</v>
      </c>
      <c r="EE40" s="76">
        <v>0</v>
      </c>
      <c r="EF40" s="77">
        <v>0</v>
      </c>
      <c r="EG40" s="278"/>
      <c r="EH40" s="76">
        <v>0</v>
      </c>
      <c r="EI40" s="76">
        <v>0</v>
      </c>
      <c r="EJ40" s="76">
        <v>0</v>
      </c>
      <c r="EK40" s="76">
        <v>0</v>
      </c>
      <c r="EL40" s="76">
        <v>0</v>
      </c>
      <c r="EM40" s="77">
        <v>0</v>
      </c>
      <c r="EN40" s="78">
        <v>0</v>
      </c>
      <c r="EO40" s="75">
        <v>0</v>
      </c>
      <c r="EP40" s="76">
        <v>0</v>
      </c>
      <c r="EQ40" s="77">
        <v>0</v>
      </c>
      <c r="ER40" s="278"/>
      <c r="ES40" s="76">
        <v>0</v>
      </c>
      <c r="ET40" s="76">
        <v>0</v>
      </c>
      <c r="EU40" s="76">
        <v>0</v>
      </c>
      <c r="EV40" s="76">
        <v>0</v>
      </c>
      <c r="EW40" s="76">
        <v>0</v>
      </c>
      <c r="EX40" s="77">
        <v>0</v>
      </c>
      <c r="EY40" s="78">
        <v>0</v>
      </c>
      <c r="EZ40" s="75">
        <v>0</v>
      </c>
      <c r="FA40" s="76">
        <v>0</v>
      </c>
      <c r="FB40" s="77">
        <v>0</v>
      </c>
      <c r="FC40" s="278"/>
      <c r="FD40" s="76">
        <v>0</v>
      </c>
      <c r="FE40" s="76">
        <v>0</v>
      </c>
      <c r="FF40" s="76">
        <v>0</v>
      </c>
      <c r="FG40" s="76">
        <v>0</v>
      </c>
      <c r="FH40" s="76">
        <v>0</v>
      </c>
      <c r="FI40" s="77">
        <v>0</v>
      </c>
      <c r="FJ40" s="78">
        <v>0</v>
      </c>
      <c r="FK40" s="75">
        <v>0</v>
      </c>
      <c r="FL40" s="76">
        <v>0</v>
      </c>
      <c r="FM40" s="77">
        <v>0</v>
      </c>
      <c r="FN40" s="278"/>
      <c r="FO40" s="76">
        <v>0</v>
      </c>
      <c r="FP40" s="76">
        <v>0</v>
      </c>
      <c r="FQ40" s="76">
        <v>0</v>
      </c>
      <c r="FR40" s="76">
        <v>0</v>
      </c>
      <c r="FS40" s="76">
        <v>1</v>
      </c>
      <c r="FT40" s="77">
        <v>1</v>
      </c>
      <c r="FU40" s="78">
        <v>1</v>
      </c>
      <c r="FV40" s="75">
        <v>0</v>
      </c>
      <c r="FW40" s="76">
        <v>0</v>
      </c>
      <c r="FX40" s="77">
        <v>0</v>
      </c>
      <c r="FY40" s="278"/>
      <c r="FZ40" s="76">
        <v>0</v>
      </c>
      <c r="GA40" s="76">
        <v>0</v>
      </c>
      <c r="GB40" s="76">
        <v>0</v>
      </c>
      <c r="GC40" s="76">
        <v>0</v>
      </c>
      <c r="GD40" s="76">
        <v>0</v>
      </c>
      <c r="GE40" s="77">
        <v>0</v>
      </c>
      <c r="GF40" s="78">
        <v>0</v>
      </c>
      <c r="GG40" s="75">
        <v>0</v>
      </c>
      <c r="GH40" s="76">
        <v>0</v>
      </c>
      <c r="GI40" s="77">
        <v>0</v>
      </c>
      <c r="GJ40" s="278"/>
      <c r="GK40" s="76">
        <v>0</v>
      </c>
      <c r="GL40" s="76">
        <v>0</v>
      </c>
      <c r="GM40" s="76">
        <v>0</v>
      </c>
      <c r="GN40" s="76">
        <v>0</v>
      </c>
      <c r="GO40" s="76">
        <v>1</v>
      </c>
      <c r="GP40" s="77">
        <v>1</v>
      </c>
      <c r="GQ40" s="78">
        <v>1</v>
      </c>
      <c r="GR40" s="128">
        <v>0</v>
      </c>
      <c r="GS40" s="88">
        <v>0</v>
      </c>
      <c r="GT40" s="89">
        <v>0</v>
      </c>
      <c r="GU40" s="275"/>
      <c r="GV40" s="88">
        <v>0</v>
      </c>
      <c r="GW40" s="88">
        <v>0</v>
      </c>
      <c r="GX40" s="88">
        <v>0</v>
      </c>
      <c r="GY40" s="88">
        <v>2</v>
      </c>
      <c r="GZ40" s="88">
        <v>2</v>
      </c>
      <c r="HA40" s="90">
        <v>4</v>
      </c>
      <c r="HB40" s="91">
        <v>4</v>
      </c>
      <c r="HC40" s="75">
        <v>0</v>
      </c>
      <c r="HD40" s="76">
        <v>0</v>
      </c>
      <c r="HE40" s="77">
        <v>0</v>
      </c>
      <c r="HF40" s="275"/>
      <c r="HG40" s="76">
        <v>0</v>
      </c>
      <c r="HH40" s="76">
        <v>0</v>
      </c>
      <c r="HI40" s="76">
        <v>0</v>
      </c>
      <c r="HJ40" s="76">
        <v>0</v>
      </c>
      <c r="HK40" s="76">
        <v>0</v>
      </c>
      <c r="HL40" s="77">
        <v>0</v>
      </c>
      <c r="HM40" s="78">
        <v>0</v>
      </c>
      <c r="HN40" s="75">
        <v>0</v>
      </c>
      <c r="HO40" s="76">
        <v>0</v>
      </c>
      <c r="HP40" s="77">
        <v>0</v>
      </c>
      <c r="HQ40" s="278"/>
      <c r="HR40" s="76">
        <v>0</v>
      </c>
      <c r="HS40" s="76">
        <v>0</v>
      </c>
      <c r="HT40" s="76">
        <v>0</v>
      </c>
      <c r="HU40" s="76">
        <v>0</v>
      </c>
      <c r="HV40" s="76">
        <v>0</v>
      </c>
      <c r="HW40" s="77">
        <v>0</v>
      </c>
      <c r="HX40" s="78">
        <v>0</v>
      </c>
      <c r="HY40" s="75">
        <v>0</v>
      </c>
      <c r="HZ40" s="76">
        <v>0</v>
      </c>
      <c r="IA40" s="77">
        <v>0</v>
      </c>
      <c r="IB40" s="278"/>
      <c r="IC40" s="76">
        <v>0</v>
      </c>
      <c r="ID40" s="76">
        <v>0</v>
      </c>
      <c r="IE40" s="76">
        <v>0</v>
      </c>
      <c r="IF40" s="76">
        <v>0</v>
      </c>
      <c r="IG40" s="76">
        <v>0</v>
      </c>
      <c r="IH40" s="77">
        <v>0</v>
      </c>
      <c r="II40" s="78">
        <v>0</v>
      </c>
      <c r="IJ40" s="75">
        <v>0</v>
      </c>
      <c r="IK40" s="76">
        <v>0</v>
      </c>
      <c r="IL40" s="77">
        <v>0</v>
      </c>
      <c r="IM40" s="278"/>
      <c r="IN40" s="76">
        <v>0</v>
      </c>
      <c r="IO40" s="76">
        <v>0</v>
      </c>
      <c r="IP40" s="76">
        <v>0</v>
      </c>
      <c r="IQ40" s="76">
        <v>1</v>
      </c>
      <c r="IR40" s="76">
        <v>1</v>
      </c>
      <c r="IS40" s="77">
        <v>2</v>
      </c>
      <c r="IT40" s="78">
        <v>2</v>
      </c>
      <c r="IU40" s="75">
        <v>0</v>
      </c>
      <c r="IV40" s="76">
        <v>0</v>
      </c>
      <c r="IW40" s="77">
        <v>0</v>
      </c>
      <c r="IX40" s="275"/>
      <c r="IY40" s="76">
        <v>0</v>
      </c>
      <c r="IZ40" s="76">
        <v>0</v>
      </c>
      <c r="JA40" s="76">
        <v>0</v>
      </c>
      <c r="JB40" s="76">
        <v>0</v>
      </c>
      <c r="JC40" s="76">
        <v>0</v>
      </c>
      <c r="JD40" s="77">
        <v>0</v>
      </c>
      <c r="JE40" s="78">
        <v>0</v>
      </c>
      <c r="JF40" s="75">
        <v>0</v>
      </c>
      <c r="JG40" s="76">
        <v>0</v>
      </c>
      <c r="JH40" s="77">
        <v>0</v>
      </c>
      <c r="JI40" s="275"/>
      <c r="JJ40" s="76">
        <v>0</v>
      </c>
      <c r="JK40" s="76">
        <v>0</v>
      </c>
      <c r="JL40" s="76">
        <v>0</v>
      </c>
      <c r="JM40" s="76">
        <v>1</v>
      </c>
      <c r="JN40" s="76">
        <v>1</v>
      </c>
      <c r="JO40" s="77">
        <v>2</v>
      </c>
      <c r="JP40" s="78">
        <v>2</v>
      </c>
      <c r="JQ40" s="75">
        <v>0</v>
      </c>
      <c r="JR40" s="76">
        <v>0</v>
      </c>
      <c r="JS40" s="77">
        <v>0</v>
      </c>
      <c r="JT40" s="275"/>
      <c r="JU40" s="76">
        <v>0</v>
      </c>
      <c r="JV40" s="76">
        <v>0</v>
      </c>
      <c r="JW40" s="76">
        <v>0</v>
      </c>
      <c r="JX40" s="76">
        <v>0</v>
      </c>
      <c r="JY40" s="76">
        <v>0</v>
      </c>
      <c r="JZ40" s="77">
        <v>0</v>
      </c>
      <c r="KA40" s="78">
        <v>0</v>
      </c>
      <c r="KB40" s="75">
        <v>0</v>
      </c>
      <c r="KC40" s="76">
        <v>0</v>
      </c>
      <c r="KD40" s="77">
        <v>0</v>
      </c>
      <c r="KE40" s="275"/>
      <c r="KF40" s="76">
        <v>0</v>
      </c>
      <c r="KG40" s="76">
        <v>0</v>
      </c>
      <c r="KH40" s="76">
        <v>0</v>
      </c>
      <c r="KI40" s="76">
        <v>2</v>
      </c>
      <c r="KJ40" s="76">
        <v>2</v>
      </c>
      <c r="KK40" s="77">
        <v>4</v>
      </c>
      <c r="KL40" s="78">
        <v>4</v>
      </c>
    </row>
    <row r="41" spans="1:298" ht="32.25" customHeight="1" x14ac:dyDescent="0.2">
      <c r="B41" s="342" t="s">
        <v>126</v>
      </c>
    </row>
  </sheetData>
  <mergeCells count="36">
    <mergeCell ref="E1:F1"/>
    <mergeCell ref="H1:I1"/>
    <mergeCell ref="GR3:KL3"/>
    <mergeCell ref="CL4:CV5"/>
    <mergeCell ref="CW4:FU4"/>
    <mergeCell ref="KB4:KL5"/>
    <mergeCell ref="GR4:JP4"/>
    <mergeCell ref="JQ4:KA5"/>
    <mergeCell ref="DH5:DR5"/>
    <mergeCell ref="DS5:EC5"/>
    <mergeCell ref="HY5:II5"/>
    <mergeCell ref="IJ5:IT5"/>
    <mergeCell ref="BP5:BZ5"/>
    <mergeCell ref="B4:BZ4"/>
    <mergeCell ref="CA4:CK5"/>
    <mergeCell ref="FK5:FU5"/>
    <mergeCell ref="IU5:JE5"/>
    <mergeCell ref="GR5:HB5"/>
    <mergeCell ref="HC5:HM5"/>
    <mergeCell ref="HN5:HX5"/>
    <mergeCell ref="JF5:JP5"/>
    <mergeCell ref="EO5:EY5"/>
    <mergeCell ref="EZ5:FJ5"/>
    <mergeCell ref="A3:A5"/>
    <mergeCell ref="B3:CV3"/>
    <mergeCell ref="CW3:GQ3"/>
    <mergeCell ref="B5:L5"/>
    <mergeCell ref="M5:W5"/>
    <mergeCell ref="X5:AH5"/>
    <mergeCell ref="AI5:AS5"/>
    <mergeCell ref="AT5:BD5"/>
    <mergeCell ref="ED5:EN5"/>
    <mergeCell ref="FV4:GF5"/>
    <mergeCell ref="GG4:GQ5"/>
    <mergeCell ref="BE5:BO5"/>
    <mergeCell ref="CW5:D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9.6" x14ac:dyDescent="0.2"/>
  <cols>
    <col min="1" max="1" width="8.77734375" style="23" customWidth="1"/>
    <col min="2" max="5" width="7.77734375" style="21" customWidth="1"/>
    <col min="6" max="6" width="8.109375" style="21" customWidth="1"/>
    <col min="7" max="7" width="7.44140625" style="21" customWidth="1"/>
    <col min="8" max="8" width="9.109375" style="21" customWidth="1"/>
    <col min="9" max="9" width="7.77734375" style="21" customWidth="1"/>
    <col min="10" max="10" width="8.6640625" style="21" customWidth="1"/>
    <col min="11" max="11" width="9.33203125" style="21" customWidth="1"/>
    <col min="12" max="12" width="8.33203125" style="21" customWidth="1"/>
    <col min="13" max="25" width="7.77734375" style="21" customWidth="1"/>
    <col min="26" max="32" width="7.77734375" style="23" customWidth="1"/>
    <col min="33" max="33" width="9" style="23"/>
    <col min="34" max="34" width="8.6640625" style="23" customWidth="1"/>
    <col min="35" max="16384" width="9" style="23"/>
  </cols>
  <sheetData>
    <row r="1" spans="1:34" ht="20.25" customHeight="1" x14ac:dyDescent="0.2">
      <c r="A1" s="20" t="s">
        <v>134</v>
      </c>
      <c r="E1" s="22"/>
      <c r="F1" s="470">
        <f>第１表!F2</f>
        <v>4</v>
      </c>
      <c r="G1" s="470"/>
      <c r="H1" s="283">
        <f>第１表!G2</f>
        <v>2</v>
      </c>
      <c r="I1" s="471">
        <f>IF(H1&lt;3,H1+12-2,H1-2)</f>
        <v>12</v>
      </c>
      <c r="J1" s="471"/>
    </row>
    <row r="2" spans="1:34" ht="17.25" customHeight="1" thickBot="1" x14ac:dyDescent="0.25">
      <c r="A2" s="323"/>
      <c r="I2" s="24"/>
      <c r="J2" s="24"/>
      <c r="K2" s="24"/>
      <c r="L2" s="24"/>
      <c r="M2" s="24"/>
      <c r="N2" s="24"/>
      <c r="O2" s="25"/>
      <c r="P2" s="25"/>
      <c r="Q2" s="25"/>
    </row>
    <row r="3" spans="1:34" s="44" customFormat="1" ht="19.5" customHeight="1" thickBot="1" x14ac:dyDescent="0.25">
      <c r="A3" s="54"/>
      <c r="B3" s="467" t="s">
        <v>53</v>
      </c>
      <c r="C3" s="468"/>
      <c r="D3" s="468"/>
      <c r="E3" s="468"/>
      <c r="F3" s="468"/>
      <c r="G3" s="468"/>
      <c r="H3" s="468"/>
      <c r="I3" s="468"/>
      <c r="J3" s="468"/>
      <c r="K3" s="468"/>
      <c r="L3" s="469"/>
      <c r="M3" s="467" t="s">
        <v>54</v>
      </c>
      <c r="N3" s="468"/>
      <c r="O3" s="468"/>
      <c r="P3" s="468"/>
      <c r="Q3" s="468"/>
      <c r="R3" s="468"/>
      <c r="S3" s="468"/>
      <c r="T3" s="468"/>
      <c r="U3" s="468"/>
      <c r="V3" s="468"/>
      <c r="W3" s="469"/>
      <c r="X3" s="467" t="s">
        <v>55</v>
      </c>
      <c r="Y3" s="468"/>
      <c r="Z3" s="468"/>
      <c r="AA3" s="468"/>
      <c r="AB3" s="468"/>
      <c r="AC3" s="468"/>
      <c r="AD3" s="468"/>
      <c r="AE3" s="468"/>
      <c r="AF3" s="468"/>
      <c r="AG3" s="468"/>
      <c r="AH3" s="469"/>
    </row>
    <row r="4" spans="1:34" s="44" customFormat="1" ht="29.25" customHeight="1" thickBot="1" x14ac:dyDescent="0.25">
      <c r="A4" s="54" t="s">
        <v>42</v>
      </c>
      <c r="B4" s="55" t="s">
        <v>43</v>
      </c>
      <c r="C4" s="56" t="s">
        <v>44</v>
      </c>
      <c r="D4" s="57" t="s">
        <v>45</v>
      </c>
      <c r="E4" s="58" t="s">
        <v>46</v>
      </c>
      <c r="F4" s="56" t="s">
        <v>47</v>
      </c>
      <c r="G4" s="56" t="s">
        <v>48</v>
      </c>
      <c r="H4" s="56" t="s">
        <v>49</v>
      </c>
      <c r="I4" s="56" t="s">
        <v>50</v>
      </c>
      <c r="J4" s="56" t="s">
        <v>51</v>
      </c>
      <c r="K4" s="57" t="s">
        <v>45</v>
      </c>
      <c r="L4" s="45" t="s">
        <v>52</v>
      </c>
      <c r="M4" s="55" t="s">
        <v>43</v>
      </c>
      <c r="N4" s="56" t="s">
        <v>44</v>
      </c>
      <c r="O4" s="57" t="s">
        <v>45</v>
      </c>
      <c r="P4" s="58" t="s">
        <v>46</v>
      </c>
      <c r="Q4" s="56" t="s">
        <v>47</v>
      </c>
      <c r="R4" s="56" t="s">
        <v>48</v>
      </c>
      <c r="S4" s="56" t="s">
        <v>49</v>
      </c>
      <c r="T4" s="56" t="s">
        <v>50</v>
      </c>
      <c r="U4" s="56" t="s">
        <v>51</v>
      </c>
      <c r="V4" s="57" t="s">
        <v>45</v>
      </c>
      <c r="W4" s="45" t="s">
        <v>52</v>
      </c>
      <c r="X4" s="55" t="s">
        <v>43</v>
      </c>
      <c r="Y4" s="56" t="s">
        <v>44</v>
      </c>
      <c r="Z4" s="57" t="s">
        <v>45</v>
      </c>
      <c r="AA4" s="58" t="s">
        <v>46</v>
      </c>
      <c r="AB4" s="56" t="s">
        <v>47</v>
      </c>
      <c r="AC4" s="56" t="s">
        <v>48</v>
      </c>
      <c r="AD4" s="56" t="s">
        <v>49</v>
      </c>
      <c r="AE4" s="56" t="s">
        <v>50</v>
      </c>
      <c r="AF4" s="56" t="s">
        <v>51</v>
      </c>
      <c r="AG4" s="57" t="s">
        <v>45</v>
      </c>
      <c r="AH4" s="45" t="s">
        <v>52</v>
      </c>
    </row>
    <row r="5" spans="1:34" ht="19.5" customHeight="1" x14ac:dyDescent="0.2">
      <c r="A5" s="46" t="s">
        <v>4</v>
      </c>
      <c r="B5" s="243">
        <v>15754</v>
      </c>
      <c r="C5" s="244">
        <v>28057</v>
      </c>
      <c r="D5" s="245">
        <v>43811</v>
      </c>
      <c r="E5" s="240">
        <v>0</v>
      </c>
      <c r="F5" s="244">
        <v>58522</v>
      </c>
      <c r="G5" s="244">
        <v>59095</v>
      </c>
      <c r="H5" s="244">
        <v>33958</v>
      </c>
      <c r="I5" s="244">
        <v>26335</v>
      </c>
      <c r="J5" s="244">
        <v>15836</v>
      </c>
      <c r="K5" s="245">
        <v>193746</v>
      </c>
      <c r="L5" s="246">
        <v>237557</v>
      </c>
      <c r="M5" s="247">
        <v>260</v>
      </c>
      <c r="N5" s="244">
        <v>806</v>
      </c>
      <c r="O5" s="245">
        <v>1066</v>
      </c>
      <c r="P5" s="240">
        <v>0</v>
      </c>
      <c r="Q5" s="244">
        <v>1025</v>
      </c>
      <c r="R5" s="244">
        <v>1810</v>
      </c>
      <c r="S5" s="244">
        <v>962</v>
      </c>
      <c r="T5" s="244">
        <v>786</v>
      </c>
      <c r="U5" s="244">
        <v>738</v>
      </c>
      <c r="V5" s="245">
        <v>5321</v>
      </c>
      <c r="W5" s="246">
        <v>6387</v>
      </c>
      <c r="X5" s="243">
        <v>16014</v>
      </c>
      <c r="Y5" s="244">
        <v>28863</v>
      </c>
      <c r="Z5" s="245">
        <v>44877</v>
      </c>
      <c r="AA5" s="240">
        <v>0</v>
      </c>
      <c r="AB5" s="244">
        <v>59547</v>
      </c>
      <c r="AC5" s="244">
        <v>60905</v>
      </c>
      <c r="AD5" s="244">
        <v>34920</v>
      </c>
      <c r="AE5" s="244">
        <v>27121</v>
      </c>
      <c r="AF5" s="244">
        <v>16574</v>
      </c>
      <c r="AG5" s="245">
        <v>199067</v>
      </c>
      <c r="AH5" s="246">
        <v>243944</v>
      </c>
    </row>
    <row r="6" spans="1:34" ht="19.5" customHeight="1" x14ac:dyDescent="0.2">
      <c r="A6" s="49" t="s">
        <v>5</v>
      </c>
      <c r="B6" s="248">
        <v>5805</v>
      </c>
      <c r="C6" s="249">
        <v>12260</v>
      </c>
      <c r="D6" s="250">
        <v>18065</v>
      </c>
      <c r="E6" s="241">
        <v>0</v>
      </c>
      <c r="F6" s="249">
        <v>15727</v>
      </c>
      <c r="G6" s="249">
        <v>22557</v>
      </c>
      <c r="H6" s="249">
        <v>11231</v>
      </c>
      <c r="I6" s="249">
        <v>8808</v>
      </c>
      <c r="J6" s="249">
        <v>5339</v>
      </c>
      <c r="K6" s="250">
        <v>63662</v>
      </c>
      <c r="L6" s="251">
        <v>81727</v>
      </c>
      <c r="M6" s="252">
        <v>116</v>
      </c>
      <c r="N6" s="249">
        <v>323</v>
      </c>
      <c r="O6" s="250">
        <v>439</v>
      </c>
      <c r="P6" s="241">
        <v>0</v>
      </c>
      <c r="Q6" s="249">
        <v>227</v>
      </c>
      <c r="R6" s="249">
        <v>737</v>
      </c>
      <c r="S6" s="249">
        <v>367</v>
      </c>
      <c r="T6" s="249">
        <v>298</v>
      </c>
      <c r="U6" s="249">
        <v>293</v>
      </c>
      <c r="V6" s="250">
        <v>1922</v>
      </c>
      <c r="W6" s="251">
        <v>2361</v>
      </c>
      <c r="X6" s="248">
        <v>5921</v>
      </c>
      <c r="Y6" s="249">
        <v>12583</v>
      </c>
      <c r="Z6" s="250">
        <v>18504</v>
      </c>
      <c r="AA6" s="241">
        <v>0</v>
      </c>
      <c r="AB6" s="249">
        <v>15954</v>
      </c>
      <c r="AC6" s="249">
        <v>23294</v>
      </c>
      <c r="AD6" s="249">
        <v>11598</v>
      </c>
      <c r="AE6" s="249">
        <v>9106</v>
      </c>
      <c r="AF6" s="249">
        <v>5632</v>
      </c>
      <c r="AG6" s="250">
        <v>65584</v>
      </c>
      <c r="AH6" s="251">
        <v>84088</v>
      </c>
    </row>
    <row r="7" spans="1:34" ht="19.5" customHeight="1" x14ac:dyDescent="0.2">
      <c r="A7" s="49" t="s">
        <v>6</v>
      </c>
      <c r="B7" s="248">
        <v>2214</v>
      </c>
      <c r="C7" s="249">
        <v>3459</v>
      </c>
      <c r="D7" s="250">
        <v>5673</v>
      </c>
      <c r="E7" s="241">
        <v>0</v>
      </c>
      <c r="F7" s="249">
        <v>10542</v>
      </c>
      <c r="G7" s="249">
        <v>8430</v>
      </c>
      <c r="H7" s="249">
        <v>5478</v>
      </c>
      <c r="I7" s="249">
        <v>4572</v>
      </c>
      <c r="J7" s="249">
        <v>2774</v>
      </c>
      <c r="K7" s="250">
        <v>31796</v>
      </c>
      <c r="L7" s="251">
        <v>37469</v>
      </c>
      <c r="M7" s="252">
        <v>44</v>
      </c>
      <c r="N7" s="249">
        <v>117</v>
      </c>
      <c r="O7" s="250">
        <v>161</v>
      </c>
      <c r="P7" s="241">
        <v>0</v>
      </c>
      <c r="Q7" s="249">
        <v>221</v>
      </c>
      <c r="R7" s="249">
        <v>273</v>
      </c>
      <c r="S7" s="249">
        <v>163</v>
      </c>
      <c r="T7" s="249">
        <v>137</v>
      </c>
      <c r="U7" s="249">
        <v>129</v>
      </c>
      <c r="V7" s="250">
        <v>923</v>
      </c>
      <c r="W7" s="251">
        <v>1084</v>
      </c>
      <c r="X7" s="248">
        <v>2258</v>
      </c>
      <c r="Y7" s="249">
        <v>3576</v>
      </c>
      <c r="Z7" s="250">
        <v>5834</v>
      </c>
      <c r="AA7" s="241">
        <v>0</v>
      </c>
      <c r="AB7" s="249">
        <v>10763</v>
      </c>
      <c r="AC7" s="249">
        <v>8703</v>
      </c>
      <c r="AD7" s="249">
        <v>5641</v>
      </c>
      <c r="AE7" s="249">
        <v>4709</v>
      </c>
      <c r="AF7" s="249">
        <v>2903</v>
      </c>
      <c r="AG7" s="250">
        <v>32719</v>
      </c>
      <c r="AH7" s="251">
        <v>38553</v>
      </c>
    </row>
    <row r="8" spans="1:34" ht="19.5" customHeight="1" x14ac:dyDescent="0.2">
      <c r="A8" s="49" t="s">
        <v>14</v>
      </c>
      <c r="B8" s="248">
        <v>1107</v>
      </c>
      <c r="C8" s="249">
        <v>2614</v>
      </c>
      <c r="D8" s="250">
        <v>3721</v>
      </c>
      <c r="E8" s="241">
        <v>0</v>
      </c>
      <c r="F8" s="249">
        <v>4429</v>
      </c>
      <c r="G8" s="249">
        <v>5084</v>
      </c>
      <c r="H8" s="249">
        <v>3242</v>
      </c>
      <c r="I8" s="249">
        <v>2373</v>
      </c>
      <c r="J8" s="249">
        <v>1226</v>
      </c>
      <c r="K8" s="250">
        <v>16354</v>
      </c>
      <c r="L8" s="251">
        <v>20075</v>
      </c>
      <c r="M8" s="252">
        <v>18</v>
      </c>
      <c r="N8" s="249">
        <v>88</v>
      </c>
      <c r="O8" s="250">
        <v>106</v>
      </c>
      <c r="P8" s="241">
        <v>0</v>
      </c>
      <c r="Q8" s="249">
        <v>56</v>
      </c>
      <c r="R8" s="249">
        <v>151</v>
      </c>
      <c r="S8" s="249">
        <v>81</v>
      </c>
      <c r="T8" s="249">
        <v>77</v>
      </c>
      <c r="U8" s="249">
        <v>62</v>
      </c>
      <c r="V8" s="250">
        <v>427</v>
      </c>
      <c r="W8" s="251">
        <v>533</v>
      </c>
      <c r="X8" s="248">
        <v>1125</v>
      </c>
      <c r="Y8" s="249">
        <v>2702</v>
      </c>
      <c r="Z8" s="250">
        <v>3827</v>
      </c>
      <c r="AA8" s="241">
        <v>0</v>
      </c>
      <c r="AB8" s="249">
        <v>4485</v>
      </c>
      <c r="AC8" s="249">
        <v>5235</v>
      </c>
      <c r="AD8" s="249">
        <v>3323</v>
      </c>
      <c r="AE8" s="249">
        <v>2450</v>
      </c>
      <c r="AF8" s="249">
        <v>1288</v>
      </c>
      <c r="AG8" s="250">
        <v>16781</v>
      </c>
      <c r="AH8" s="251">
        <v>20608</v>
      </c>
    </row>
    <row r="9" spans="1:34" ht="19.5" customHeight="1" x14ac:dyDescent="0.2">
      <c r="A9" s="49" t="s">
        <v>7</v>
      </c>
      <c r="B9" s="248">
        <v>487</v>
      </c>
      <c r="C9" s="249">
        <v>768</v>
      </c>
      <c r="D9" s="250">
        <v>1255</v>
      </c>
      <c r="E9" s="241">
        <v>0</v>
      </c>
      <c r="F9" s="249">
        <v>4870</v>
      </c>
      <c r="G9" s="249">
        <v>3498</v>
      </c>
      <c r="H9" s="249">
        <v>2003</v>
      </c>
      <c r="I9" s="249">
        <v>1537</v>
      </c>
      <c r="J9" s="249">
        <v>856</v>
      </c>
      <c r="K9" s="250">
        <v>12764</v>
      </c>
      <c r="L9" s="251">
        <v>14019</v>
      </c>
      <c r="M9" s="252">
        <v>6</v>
      </c>
      <c r="N9" s="249">
        <v>10</v>
      </c>
      <c r="O9" s="250">
        <v>16</v>
      </c>
      <c r="P9" s="241">
        <v>0</v>
      </c>
      <c r="Q9" s="249">
        <v>87</v>
      </c>
      <c r="R9" s="249">
        <v>93</v>
      </c>
      <c r="S9" s="249">
        <v>47</v>
      </c>
      <c r="T9" s="249">
        <v>28</v>
      </c>
      <c r="U9" s="249">
        <v>36</v>
      </c>
      <c r="V9" s="250">
        <v>291</v>
      </c>
      <c r="W9" s="251">
        <v>307</v>
      </c>
      <c r="X9" s="248">
        <v>493</v>
      </c>
      <c r="Y9" s="249">
        <v>778</v>
      </c>
      <c r="Z9" s="250">
        <v>1271</v>
      </c>
      <c r="AA9" s="241">
        <v>0</v>
      </c>
      <c r="AB9" s="249">
        <v>4957</v>
      </c>
      <c r="AC9" s="249">
        <v>3591</v>
      </c>
      <c r="AD9" s="249">
        <v>2050</v>
      </c>
      <c r="AE9" s="249">
        <v>1565</v>
      </c>
      <c r="AF9" s="249">
        <v>892</v>
      </c>
      <c r="AG9" s="250">
        <v>13055</v>
      </c>
      <c r="AH9" s="251">
        <v>14326</v>
      </c>
    </row>
    <row r="10" spans="1:34" ht="19.5" customHeight="1" x14ac:dyDescent="0.2">
      <c r="A10" s="49" t="s">
        <v>8</v>
      </c>
      <c r="B10" s="248">
        <v>532</v>
      </c>
      <c r="C10" s="249">
        <v>640</v>
      </c>
      <c r="D10" s="250">
        <v>1172</v>
      </c>
      <c r="E10" s="241">
        <v>0</v>
      </c>
      <c r="F10" s="249">
        <v>1992</v>
      </c>
      <c r="G10" s="249">
        <v>2025</v>
      </c>
      <c r="H10" s="249">
        <v>1208</v>
      </c>
      <c r="I10" s="249">
        <v>818</v>
      </c>
      <c r="J10" s="249">
        <v>531</v>
      </c>
      <c r="K10" s="250">
        <v>6574</v>
      </c>
      <c r="L10" s="251">
        <v>7746</v>
      </c>
      <c r="M10" s="252">
        <v>5</v>
      </c>
      <c r="N10" s="249">
        <v>27</v>
      </c>
      <c r="O10" s="250">
        <v>32</v>
      </c>
      <c r="P10" s="241">
        <v>0</v>
      </c>
      <c r="Q10" s="249">
        <v>36</v>
      </c>
      <c r="R10" s="249">
        <v>62</v>
      </c>
      <c r="S10" s="249">
        <v>25</v>
      </c>
      <c r="T10" s="249">
        <v>21</v>
      </c>
      <c r="U10" s="249">
        <v>22</v>
      </c>
      <c r="V10" s="250">
        <v>166</v>
      </c>
      <c r="W10" s="251">
        <v>198</v>
      </c>
      <c r="X10" s="248">
        <v>537</v>
      </c>
      <c r="Y10" s="249">
        <v>667</v>
      </c>
      <c r="Z10" s="250">
        <v>1204</v>
      </c>
      <c r="AA10" s="241">
        <v>0</v>
      </c>
      <c r="AB10" s="249">
        <v>2028</v>
      </c>
      <c r="AC10" s="249">
        <v>2087</v>
      </c>
      <c r="AD10" s="249">
        <v>1233</v>
      </c>
      <c r="AE10" s="249">
        <v>839</v>
      </c>
      <c r="AF10" s="249">
        <v>553</v>
      </c>
      <c r="AG10" s="250">
        <v>6740</v>
      </c>
      <c r="AH10" s="251">
        <v>7944</v>
      </c>
    </row>
    <row r="11" spans="1:34" ht="19.5" customHeight="1" x14ac:dyDescent="0.2">
      <c r="A11" s="49" t="s">
        <v>9</v>
      </c>
      <c r="B11" s="248">
        <v>473</v>
      </c>
      <c r="C11" s="249">
        <v>573</v>
      </c>
      <c r="D11" s="250">
        <v>1046</v>
      </c>
      <c r="E11" s="241">
        <v>0</v>
      </c>
      <c r="F11" s="249">
        <v>1898</v>
      </c>
      <c r="G11" s="249">
        <v>1497</v>
      </c>
      <c r="H11" s="249">
        <v>1030</v>
      </c>
      <c r="I11" s="249">
        <v>850</v>
      </c>
      <c r="J11" s="249">
        <v>535</v>
      </c>
      <c r="K11" s="250">
        <v>5810</v>
      </c>
      <c r="L11" s="251">
        <v>6856</v>
      </c>
      <c r="M11" s="252">
        <v>1</v>
      </c>
      <c r="N11" s="249">
        <v>10</v>
      </c>
      <c r="O11" s="250">
        <v>11</v>
      </c>
      <c r="P11" s="241">
        <v>0</v>
      </c>
      <c r="Q11" s="249">
        <v>25</v>
      </c>
      <c r="R11" s="249">
        <v>33</v>
      </c>
      <c r="S11" s="249">
        <v>18</v>
      </c>
      <c r="T11" s="249">
        <v>19</v>
      </c>
      <c r="U11" s="249">
        <v>11</v>
      </c>
      <c r="V11" s="250">
        <v>106</v>
      </c>
      <c r="W11" s="251">
        <v>117</v>
      </c>
      <c r="X11" s="248">
        <v>474</v>
      </c>
      <c r="Y11" s="249">
        <v>583</v>
      </c>
      <c r="Z11" s="250">
        <v>1057</v>
      </c>
      <c r="AA11" s="241">
        <v>0</v>
      </c>
      <c r="AB11" s="249">
        <v>1923</v>
      </c>
      <c r="AC11" s="249">
        <v>1530</v>
      </c>
      <c r="AD11" s="249">
        <v>1048</v>
      </c>
      <c r="AE11" s="249">
        <v>869</v>
      </c>
      <c r="AF11" s="249">
        <v>546</v>
      </c>
      <c r="AG11" s="250">
        <v>5916</v>
      </c>
      <c r="AH11" s="251">
        <v>6973</v>
      </c>
    </row>
    <row r="12" spans="1:34" ht="19.5" customHeight="1" x14ac:dyDescent="0.2">
      <c r="A12" s="49" t="s">
        <v>10</v>
      </c>
      <c r="B12" s="248">
        <v>1256</v>
      </c>
      <c r="C12" s="249">
        <v>1608</v>
      </c>
      <c r="D12" s="250">
        <v>2864</v>
      </c>
      <c r="E12" s="241">
        <v>0</v>
      </c>
      <c r="F12" s="249">
        <v>3853</v>
      </c>
      <c r="G12" s="249">
        <v>2283</v>
      </c>
      <c r="H12" s="249">
        <v>1443</v>
      </c>
      <c r="I12" s="249">
        <v>1131</v>
      </c>
      <c r="J12" s="249">
        <v>823</v>
      </c>
      <c r="K12" s="250">
        <v>9533</v>
      </c>
      <c r="L12" s="251">
        <v>12397</v>
      </c>
      <c r="M12" s="252">
        <v>19</v>
      </c>
      <c r="N12" s="249">
        <v>47</v>
      </c>
      <c r="O12" s="250">
        <v>66</v>
      </c>
      <c r="P12" s="241">
        <v>0</v>
      </c>
      <c r="Q12" s="249">
        <v>86</v>
      </c>
      <c r="R12" s="249">
        <v>71</v>
      </c>
      <c r="S12" s="249">
        <v>54</v>
      </c>
      <c r="T12" s="249">
        <v>24</v>
      </c>
      <c r="U12" s="249">
        <v>28</v>
      </c>
      <c r="V12" s="250">
        <v>263</v>
      </c>
      <c r="W12" s="251">
        <v>329</v>
      </c>
      <c r="X12" s="248">
        <v>1275</v>
      </c>
      <c r="Y12" s="249">
        <v>1655</v>
      </c>
      <c r="Z12" s="250">
        <v>2930</v>
      </c>
      <c r="AA12" s="241">
        <v>0</v>
      </c>
      <c r="AB12" s="249">
        <v>3939</v>
      </c>
      <c r="AC12" s="249">
        <v>2354</v>
      </c>
      <c r="AD12" s="249">
        <v>1497</v>
      </c>
      <c r="AE12" s="249">
        <v>1155</v>
      </c>
      <c r="AF12" s="249">
        <v>851</v>
      </c>
      <c r="AG12" s="250">
        <v>9796</v>
      </c>
      <c r="AH12" s="251">
        <v>12726</v>
      </c>
    </row>
    <row r="13" spans="1:34" ht="19.5" customHeight="1" x14ac:dyDescent="0.2">
      <c r="A13" s="49" t="s">
        <v>11</v>
      </c>
      <c r="B13" s="248">
        <v>540</v>
      </c>
      <c r="C13" s="249">
        <v>574</v>
      </c>
      <c r="D13" s="250">
        <v>1114</v>
      </c>
      <c r="E13" s="241">
        <v>0</v>
      </c>
      <c r="F13" s="249">
        <v>2191</v>
      </c>
      <c r="G13" s="249">
        <v>1271</v>
      </c>
      <c r="H13" s="249">
        <v>866</v>
      </c>
      <c r="I13" s="249">
        <v>679</v>
      </c>
      <c r="J13" s="249">
        <v>384</v>
      </c>
      <c r="K13" s="250">
        <v>5391</v>
      </c>
      <c r="L13" s="251">
        <v>6505</v>
      </c>
      <c r="M13" s="252">
        <v>4</v>
      </c>
      <c r="N13" s="249">
        <v>8</v>
      </c>
      <c r="O13" s="250">
        <v>12</v>
      </c>
      <c r="P13" s="241">
        <v>0</v>
      </c>
      <c r="Q13" s="249">
        <v>38</v>
      </c>
      <c r="R13" s="249">
        <v>31</v>
      </c>
      <c r="S13" s="249">
        <v>17</v>
      </c>
      <c r="T13" s="249">
        <v>15</v>
      </c>
      <c r="U13" s="249">
        <v>14</v>
      </c>
      <c r="V13" s="250">
        <v>115</v>
      </c>
      <c r="W13" s="251">
        <v>127</v>
      </c>
      <c r="X13" s="248">
        <v>544</v>
      </c>
      <c r="Y13" s="249">
        <v>582</v>
      </c>
      <c r="Z13" s="250">
        <v>1126</v>
      </c>
      <c r="AA13" s="241">
        <v>0</v>
      </c>
      <c r="AB13" s="249">
        <v>2229</v>
      </c>
      <c r="AC13" s="249">
        <v>1302</v>
      </c>
      <c r="AD13" s="249">
        <v>883</v>
      </c>
      <c r="AE13" s="249">
        <v>694</v>
      </c>
      <c r="AF13" s="249">
        <v>398</v>
      </c>
      <c r="AG13" s="250">
        <v>5506</v>
      </c>
      <c r="AH13" s="251">
        <v>6632</v>
      </c>
    </row>
    <row r="14" spans="1:34" ht="19.5" customHeight="1" x14ac:dyDescent="0.2">
      <c r="A14" s="49" t="s">
        <v>12</v>
      </c>
      <c r="B14" s="248">
        <v>736</v>
      </c>
      <c r="C14" s="249">
        <v>984</v>
      </c>
      <c r="D14" s="250">
        <v>1720</v>
      </c>
      <c r="E14" s="241">
        <v>0</v>
      </c>
      <c r="F14" s="249">
        <v>1620</v>
      </c>
      <c r="G14" s="249">
        <v>1368</v>
      </c>
      <c r="H14" s="249">
        <v>937</v>
      </c>
      <c r="I14" s="249">
        <v>809</v>
      </c>
      <c r="J14" s="249">
        <v>486</v>
      </c>
      <c r="K14" s="250">
        <v>5220</v>
      </c>
      <c r="L14" s="251">
        <v>6940</v>
      </c>
      <c r="M14" s="252">
        <v>9</v>
      </c>
      <c r="N14" s="249">
        <v>29</v>
      </c>
      <c r="O14" s="250">
        <v>38</v>
      </c>
      <c r="P14" s="241">
        <v>0</v>
      </c>
      <c r="Q14" s="249">
        <v>18</v>
      </c>
      <c r="R14" s="249">
        <v>29</v>
      </c>
      <c r="S14" s="249">
        <v>16</v>
      </c>
      <c r="T14" s="249">
        <v>22</v>
      </c>
      <c r="U14" s="249">
        <v>15</v>
      </c>
      <c r="V14" s="250">
        <v>100</v>
      </c>
      <c r="W14" s="251">
        <v>138</v>
      </c>
      <c r="X14" s="248">
        <v>745</v>
      </c>
      <c r="Y14" s="249">
        <v>1013</v>
      </c>
      <c r="Z14" s="250">
        <v>1758</v>
      </c>
      <c r="AA14" s="241">
        <v>0</v>
      </c>
      <c r="AB14" s="249">
        <v>1638</v>
      </c>
      <c r="AC14" s="249">
        <v>1397</v>
      </c>
      <c r="AD14" s="249">
        <v>953</v>
      </c>
      <c r="AE14" s="249">
        <v>831</v>
      </c>
      <c r="AF14" s="249">
        <v>501</v>
      </c>
      <c r="AG14" s="250">
        <v>5320</v>
      </c>
      <c r="AH14" s="251">
        <v>7078</v>
      </c>
    </row>
    <row r="15" spans="1:34" ht="19.5" customHeight="1" x14ac:dyDescent="0.2">
      <c r="A15" s="49" t="s">
        <v>13</v>
      </c>
      <c r="B15" s="248">
        <v>123</v>
      </c>
      <c r="C15" s="249">
        <v>233</v>
      </c>
      <c r="D15" s="250">
        <v>356</v>
      </c>
      <c r="E15" s="241">
        <v>0</v>
      </c>
      <c r="F15" s="249">
        <v>615</v>
      </c>
      <c r="G15" s="249">
        <v>628</v>
      </c>
      <c r="H15" s="249">
        <v>406</v>
      </c>
      <c r="I15" s="249">
        <v>300</v>
      </c>
      <c r="J15" s="249">
        <v>210</v>
      </c>
      <c r="K15" s="250">
        <v>2159</v>
      </c>
      <c r="L15" s="251">
        <v>2515</v>
      </c>
      <c r="M15" s="252">
        <v>0</v>
      </c>
      <c r="N15" s="249">
        <v>1</v>
      </c>
      <c r="O15" s="250">
        <v>1</v>
      </c>
      <c r="P15" s="241">
        <v>0</v>
      </c>
      <c r="Q15" s="249">
        <v>12</v>
      </c>
      <c r="R15" s="249">
        <v>15</v>
      </c>
      <c r="S15" s="249">
        <v>8</v>
      </c>
      <c r="T15" s="249">
        <v>6</v>
      </c>
      <c r="U15" s="249">
        <v>11</v>
      </c>
      <c r="V15" s="250">
        <v>52</v>
      </c>
      <c r="W15" s="251">
        <v>53</v>
      </c>
      <c r="X15" s="248">
        <v>123</v>
      </c>
      <c r="Y15" s="249">
        <v>234</v>
      </c>
      <c r="Z15" s="250">
        <v>357</v>
      </c>
      <c r="AA15" s="241">
        <v>0</v>
      </c>
      <c r="AB15" s="249">
        <v>627</v>
      </c>
      <c r="AC15" s="249">
        <v>643</v>
      </c>
      <c r="AD15" s="249">
        <v>414</v>
      </c>
      <c r="AE15" s="249">
        <v>306</v>
      </c>
      <c r="AF15" s="249">
        <v>221</v>
      </c>
      <c r="AG15" s="250">
        <v>2211</v>
      </c>
      <c r="AH15" s="251">
        <v>2568</v>
      </c>
    </row>
    <row r="16" spans="1:34" ht="19.5" customHeight="1" x14ac:dyDescent="0.2">
      <c r="A16" s="49" t="s">
        <v>15</v>
      </c>
      <c r="B16" s="248">
        <v>79</v>
      </c>
      <c r="C16" s="249">
        <v>171</v>
      </c>
      <c r="D16" s="250">
        <v>250</v>
      </c>
      <c r="E16" s="241">
        <v>0</v>
      </c>
      <c r="F16" s="249">
        <v>477</v>
      </c>
      <c r="G16" s="249">
        <v>555</v>
      </c>
      <c r="H16" s="249">
        <v>292</v>
      </c>
      <c r="I16" s="249">
        <v>200</v>
      </c>
      <c r="J16" s="249">
        <v>112</v>
      </c>
      <c r="K16" s="250">
        <v>1636</v>
      </c>
      <c r="L16" s="251">
        <v>1886</v>
      </c>
      <c r="M16" s="252">
        <v>0</v>
      </c>
      <c r="N16" s="249">
        <v>6</v>
      </c>
      <c r="O16" s="250">
        <v>6</v>
      </c>
      <c r="P16" s="241">
        <v>0</v>
      </c>
      <c r="Q16" s="249">
        <v>5</v>
      </c>
      <c r="R16" s="249">
        <v>14</v>
      </c>
      <c r="S16" s="249">
        <v>3</v>
      </c>
      <c r="T16" s="249">
        <v>4</v>
      </c>
      <c r="U16" s="249">
        <v>7</v>
      </c>
      <c r="V16" s="250">
        <v>33</v>
      </c>
      <c r="W16" s="251">
        <v>39</v>
      </c>
      <c r="X16" s="248">
        <v>79</v>
      </c>
      <c r="Y16" s="249">
        <v>177</v>
      </c>
      <c r="Z16" s="250">
        <v>256</v>
      </c>
      <c r="AA16" s="241">
        <v>0</v>
      </c>
      <c r="AB16" s="249">
        <v>482</v>
      </c>
      <c r="AC16" s="249">
        <v>569</v>
      </c>
      <c r="AD16" s="249">
        <v>295</v>
      </c>
      <c r="AE16" s="249">
        <v>204</v>
      </c>
      <c r="AF16" s="249">
        <v>119</v>
      </c>
      <c r="AG16" s="250">
        <v>1669</v>
      </c>
      <c r="AH16" s="251">
        <v>1925</v>
      </c>
    </row>
    <row r="17" spans="1:34" ht="19.5" customHeight="1" x14ac:dyDescent="0.2">
      <c r="A17" s="49" t="s">
        <v>16</v>
      </c>
      <c r="B17" s="248">
        <v>248</v>
      </c>
      <c r="C17" s="249">
        <v>389</v>
      </c>
      <c r="D17" s="250">
        <v>637</v>
      </c>
      <c r="E17" s="241">
        <v>0</v>
      </c>
      <c r="F17" s="249">
        <v>995</v>
      </c>
      <c r="G17" s="249">
        <v>1274</v>
      </c>
      <c r="H17" s="249">
        <v>735</v>
      </c>
      <c r="I17" s="249">
        <v>520</v>
      </c>
      <c r="J17" s="249">
        <v>332</v>
      </c>
      <c r="K17" s="250">
        <v>3856</v>
      </c>
      <c r="L17" s="251">
        <v>4493</v>
      </c>
      <c r="M17" s="252">
        <v>4</v>
      </c>
      <c r="N17" s="249">
        <v>11</v>
      </c>
      <c r="O17" s="250">
        <v>15</v>
      </c>
      <c r="P17" s="241">
        <v>0</v>
      </c>
      <c r="Q17" s="249">
        <v>11</v>
      </c>
      <c r="R17" s="249">
        <v>36</v>
      </c>
      <c r="S17" s="249">
        <v>21</v>
      </c>
      <c r="T17" s="249">
        <v>15</v>
      </c>
      <c r="U17" s="249">
        <v>12</v>
      </c>
      <c r="V17" s="250">
        <v>95</v>
      </c>
      <c r="W17" s="251">
        <v>110</v>
      </c>
      <c r="X17" s="248">
        <v>252</v>
      </c>
      <c r="Y17" s="249">
        <v>400</v>
      </c>
      <c r="Z17" s="250">
        <v>652</v>
      </c>
      <c r="AA17" s="241">
        <v>0</v>
      </c>
      <c r="AB17" s="249">
        <v>1006</v>
      </c>
      <c r="AC17" s="249">
        <v>1310</v>
      </c>
      <c r="AD17" s="249">
        <v>756</v>
      </c>
      <c r="AE17" s="249">
        <v>535</v>
      </c>
      <c r="AF17" s="249">
        <v>344</v>
      </c>
      <c r="AG17" s="250">
        <v>3951</v>
      </c>
      <c r="AH17" s="251">
        <v>4603</v>
      </c>
    </row>
    <row r="18" spans="1:34" ht="19.5" customHeight="1" x14ac:dyDescent="0.2">
      <c r="A18" s="49" t="s">
        <v>17</v>
      </c>
      <c r="B18" s="248">
        <v>289</v>
      </c>
      <c r="C18" s="249">
        <v>595</v>
      </c>
      <c r="D18" s="250">
        <v>884</v>
      </c>
      <c r="E18" s="241">
        <v>0</v>
      </c>
      <c r="F18" s="249">
        <v>1093</v>
      </c>
      <c r="G18" s="249">
        <v>1551</v>
      </c>
      <c r="H18" s="249">
        <v>917</v>
      </c>
      <c r="I18" s="249">
        <v>700</v>
      </c>
      <c r="J18" s="249">
        <v>424</v>
      </c>
      <c r="K18" s="250">
        <v>4685</v>
      </c>
      <c r="L18" s="251">
        <v>5569</v>
      </c>
      <c r="M18" s="252">
        <v>4</v>
      </c>
      <c r="N18" s="249">
        <v>31</v>
      </c>
      <c r="O18" s="250">
        <v>35</v>
      </c>
      <c r="P18" s="241">
        <v>0</v>
      </c>
      <c r="Q18" s="249">
        <v>13</v>
      </c>
      <c r="R18" s="249">
        <v>60</v>
      </c>
      <c r="S18" s="249">
        <v>40</v>
      </c>
      <c r="T18" s="249">
        <v>25</v>
      </c>
      <c r="U18" s="249">
        <v>19</v>
      </c>
      <c r="V18" s="250">
        <v>157</v>
      </c>
      <c r="W18" s="251">
        <v>192</v>
      </c>
      <c r="X18" s="248">
        <v>293</v>
      </c>
      <c r="Y18" s="249">
        <v>626</v>
      </c>
      <c r="Z18" s="250">
        <v>919</v>
      </c>
      <c r="AA18" s="241">
        <v>0</v>
      </c>
      <c r="AB18" s="249">
        <v>1106</v>
      </c>
      <c r="AC18" s="249">
        <v>1611</v>
      </c>
      <c r="AD18" s="249">
        <v>957</v>
      </c>
      <c r="AE18" s="249">
        <v>725</v>
      </c>
      <c r="AF18" s="249">
        <v>443</v>
      </c>
      <c r="AG18" s="250">
        <v>4842</v>
      </c>
      <c r="AH18" s="251">
        <v>5761</v>
      </c>
    </row>
    <row r="19" spans="1:34" ht="19.5" customHeight="1" x14ac:dyDescent="0.2">
      <c r="A19" s="49" t="s">
        <v>18</v>
      </c>
      <c r="B19" s="248">
        <v>327</v>
      </c>
      <c r="C19" s="249">
        <v>643</v>
      </c>
      <c r="D19" s="250">
        <v>970</v>
      </c>
      <c r="E19" s="241">
        <v>0</v>
      </c>
      <c r="F19" s="249">
        <v>1774</v>
      </c>
      <c r="G19" s="249">
        <v>1670</v>
      </c>
      <c r="H19" s="249">
        <v>972</v>
      </c>
      <c r="I19" s="249">
        <v>705</v>
      </c>
      <c r="J19" s="249">
        <v>411</v>
      </c>
      <c r="K19" s="250">
        <v>5532</v>
      </c>
      <c r="L19" s="251">
        <v>6502</v>
      </c>
      <c r="M19" s="252">
        <v>10</v>
      </c>
      <c r="N19" s="249">
        <v>18</v>
      </c>
      <c r="O19" s="250">
        <v>28</v>
      </c>
      <c r="P19" s="241">
        <v>0</v>
      </c>
      <c r="Q19" s="249">
        <v>49</v>
      </c>
      <c r="R19" s="249">
        <v>55</v>
      </c>
      <c r="S19" s="249">
        <v>41</v>
      </c>
      <c r="T19" s="249">
        <v>24</v>
      </c>
      <c r="U19" s="249">
        <v>21</v>
      </c>
      <c r="V19" s="250">
        <v>190</v>
      </c>
      <c r="W19" s="251">
        <v>218</v>
      </c>
      <c r="X19" s="248">
        <v>337</v>
      </c>
      <c r="Y19" s="249">
        <v>661</v>
      </c>
      <c r="Z19" s="250">
        <v>998</v>
      </c>
      <c r="AA19" s="241">
        <v>0</v>
      </c>
      <c r="AB19" s="249">
        <v>1823</v>
      </c>
      <c r="AC19" s="249">
        <v>1725</v>
      </c>
      <c r="AD19" s="249">
        <v>1013</v>
      </c>
      <c r="AE19" s="249">
        <v>729</v>
      </c>
      <c r="AF19" s="249">
        <v>432</v>
      </c>
      <c r="AG19" s="250">
        <v>5722</v>
      </c>
      <c r="AH19" s="251">
        <v>6720</v>
      </c>
    </row>
    <row r="20" spans="1:34" ht="19.5" customHeight="1" x14ac:dyDescent="0.2">
      <c r="A20" s="49" t="s">
        <v>19</v>
      </c>
      <c r="B20" s="248">
        <v>159</v>
      </c>
      <c r="C20" s="249">
        <v>293</v>
      </c>
      <c r="D20" s="250">
        <v>452</v>
      </c>
      <c r="E20" s="241">
        <v>0</v>
      </c>
      <c r="F20" s="249">
        <v>778</v>
      </c>
      <c r="G20" s="249">
        <v>677</v>
      </c>
      <c r="H20" s="249">
        <v>427</v>
      </c>
      <c r="I20" s="249">
        <v>264</v>
      </c>
      <c r="J20" s="249">
        <v>172</v>
      </c>
      <c r="K20" s="250">
        <v>2318</v>
      </c>
      <c r="L20" s="251">
        <v>2770</v>
      </c>
      <c r="M20" s="252">
        <v>2</v>
      </c>
      <c r="N20" s="249">
        <v>9</v>
      </c>
      <c r="O20" s="250">
        <v>11</v>
      </c>
      <c r="P20" s="241">
        <v>0</v>
      </c>
      <c r="Q20" s="249">
        <v>17</v>
      </c>
      <c r="R20" s="249">
        <v>18</v>
      </c>
      <c r="S20" s="249">
        <v>13</v>
      </c>
      <c r="T20" s="249">
        <v>11</v>
      </c>
      <c r="U20" s="249">
        <v>6</v>
      </c>
      <c r="V20" s="250">
        <v>65</v>
      </c>
      <c r="W20" s="251">
        <v>76</v>
      </c>
      <c r="X20" s="248">
        <v>161</v>
      </c>
      <c r="Y20" s="249">
        <v>302</v>
      </c>
      <c r="Z20" s="250">
        <v>463</v>
      </c>
      <c r="AA20" s="241">
        <v>0</v>
      </c>
      <c r="AB20" s="249">
        <v>795</v>
      </c>
      <c r="AC20" s="249">
        <v>695</v>
      </c>
      <c r="AD20" s="249">
        <v>440</v>
      </c>
      <c r="AE20" s="249">
        <v>275</v>
      </c>
      <c r="AF20" s="249">
        <v>178</v>
      </c>
      <c r="AG20" s="250">
        <v>2383</v>
      </c>
      <c r="AH20" s="251">
        <v>2846</v>
      </c>
    </row>
    <row r="21" spans="1:34" ht="19.5" customHeight="1" x14ac:dyDescent="0.2">
      <c r="A21" s="49" t="s">
        <v>20</v>
      </c>
      <c r="B21" s="248">
        <v>205</v>
      </c>
      <c r="C21" s="249">
        <v>438</v>
      </c>
      <c r="D21" s="250">
        <v>643</v>
      </c>
      <c r="E21" s="241">
        <v>0</v>
      </c>
      <c r="F21" s="249">
        <v>1072</v>
      </c>
      <c r="G21" s="249">
        <v>648</v>
      </c>
      <c r="H21" s="249">
        <v>424</v>
      </c>
      <c r="I21" s="249">
        <v>333</v>
      </c>
      <c r="J21" s="249">
        <v>160</v>
      </c>
      <c r="K21" s="250">
        <v>2637</v>
      </c>
      <c r="L21" s="251">
        <v>3280</v>
      </c>
      <c r="M21" s="252">
        <v>1</v>
      </c>
      <c r="N21" s="249">
        <v>19</v>
      </c>
      <c r="O21" s="250">
        <v>20</v>
      </c>
      <c r="P21" s="241">
        <v>0</v>
      </c>
      <c r="Q21" s="249">
        <v>33</v>
      </c>
      <c r="R21" s="249">
        <v>16</v>
      </c>
      <c r="S21" s="249">
        <v>13</v>
      </c>
      <c r="T21" s="249">
        <v>14</v>
      </c>
      <c r="U21" s="249">
        <v>8</v>
      </c>
      <c r="V21" s="250">
        <v>84</v>
      </c>
      <c r="W21" s="251">
        <v>104</v>
      </c>
      <c r="X21" s="248">
        <v>206</v>
      </c>
      <c r="Y21" s="249">
        <v>457</v>
      </c>
      <c r="Z21" s="250">
        <v>663</v>
      </c>
      <c r="AA21" s="241">
        <v>0</v>
      </c>
      <c r="AB21" s="249">
        <v>1105</v>
      </c>
      <c r="AC21" s="249">
        <v>664</v>
      </c>
      <c r="AD21" s="249">
        <v>437</v>
      </c>
      <c r="AE21" s="249">
        <v>347</v>
      </c>
      <c r="AF21" s="249">
        <v>168</v>
      </c>
      <c r="AG21" s="250">
        <v>2721</v>
      </c>
      <c r="AH21" s="251">
        <v>3384</v>
      </c>
    </row>
    <row r="22" spans="1:34" ht="19.5" customHeight="1" x14ac:dyDescent="0.2">
      <c r="A22" s="49" t="s">
        <v>21</v>
      </c>
      <c r="B22" s="248">
        <v>286</v>
      </c>
      <c r="C22" s="249">
        <v>433</v>
      </c>
      <c r="D22" s="250">
        <v>719</v>
      </c>
      <c r="E22" s="241">
        <v>0</v>
      </c>
      <c r="F22" s="249">
        <v>869</v>
      </c>
      <c r="G22" s="249">
        <v>1042</v>
      </c>
      <c r="H22" s="249">
        <v>573</v>
      </c>
      <c r="I22" s="249">
        <v>400</v>
      </c>
      <c r="J22" s="249">
        <v>233</v>
      </c>
      <c r="K22" s="250">
        <v>3117</v>
      </c>
      <c r="L22" s="251">
        <v>3836</v>
      </c>
      <c r="M22" s="252">
        <v>2</v>
      </c>
      <c r="N22" s="249">
        <v>15</v>
      </c>
      <c r="O22" s="250">
        <v>17</v>
      </c>
      <c r="P22" s="241">
        <v>0</v>
      </c>
      <c r="Q22" s="249">
        <v>17</v>
      </c>
      <c r="R22" s="249">
        <v>36</v>
      </c>
      <c r="S22" s="249">
        <v>6</v>
      </c>
      <c r="T22" s="249">
        <v>10</v>
      </c>
      <c r="U22" s="249">
        <v>11</v>
      </c>
      <c r="V22" s="250">
        <v>80</v>
      </c>
      <c r="W22" s="251">
        <v>97</v>
      </c>
      <c r="X22" s="248">
        <v>288</v>
      </c>
      <c r="Y22" s="249">
        <v>448</v>
      </c>
      <c r="Z22" s="250">
        <v>736</v>
      </c>
      <c r="AA22" s="241">
        <v>0</v>
      </c>
      <c r="AB22" s="249">
        <v>886</v>
      </c>
      <c r="AC22" s="249">
        <v>1078</v>
      </c>
      <c r="AD22" s="249">
        <v>579</v>
      </c>
      <c r="AE22" s="249">
        <v>410</v>
      </c>
      <c r="AF22" s="249">
        <v>244</v>
      </c>
      <c r="AG22" s="250">
        <v>3197</v>
      </c>
      <c r="AH22" s="251">
        <v>3933</v>
      </c>
    </row>
    <row r="23" spans="1:34" ht="19.5" customHeight="1" x14ac:dyDescent="0.2">
      <c r="A23" s="49" t="s">
        <v>22</v>
      </c>
      <c r="B23" s="248">
        <v>61</v>
      </c>
      <c r="C23" s="249">
        <v>154</v>
      </c>
      <c r="D23" s="250">
        <v>215</v>
      </c>
      <c r="E23" s="241">
        <v>0</v>
      </c>
      <c r="F23" s="249">
        <v>417</v>
      </c>
      <c r="G23" s="249">
        <v>379</v>
      </c>
      <c r="H23" s="249">
        <v>172</v>
      </c>
      <c r="I23" s="249">
        <v>135</v>
      </c>
      <c r="J23" s="249">
        <v>87</v>
      </c>
      <c r="K23" s="250">
        <v>1190</v>
      </c>
      <c r="L23" s="251">
        <v>1405</v>
      </c>
      <c r="M23" s="252">
        <v>0</v>
      </c>
      <c r="N23" s="249">
        <v>4</v>
      </c>
      <c r="O23" s="250">
        <v>4</v>
      </c>
      <c r="P23" s="241">
        <v>0</v>
      </c>
      <c r="Q23" s="249">
        <v>12</v>
      </c>
      <c r="R23" s="249">
        <v>6</v>
      </c>
      <c r="S23" s="249">
        <v>5</v>
      </c>
      <c r="T23" s="249">
        <v>4</v>
      </c>
      <c r="U23" s="249">
        <v>1</v>
      </c>
      <c r="V23" s="250">
        <v>28</v>
      </c>
      <c r="W23" s="251">
        <v>32</v>
      </c>
      <c r="X23" s="248">
        <v>61</v>
      </c>
      <c r="Y23" s="249">
        <v>158</v>
      </c>
      <c r="Z23" s="250">
        <v>219</v>
      </c>
      <c r="AA23" s="241">
        <v>0</v>
      </c>
      <c r="AB23" s="249">
        <v>429</v>
      </c>
      <c r="AC23" s="249">
        <v>385</v>
      </c>
      <c r="AD23" s="249">
        <v>177</v>
      </c>
      <c r="AE23" s="249">
        <v>139</v>
      </c>
      <c r="AF23" s="249">
        <v>88</v>
      </c>
      <c r="AG23" s="250">
        <v>1218</v>
      </c>
      <c r="AH23" s="251">
        <v>1437</v>
      </c>
    </row>
    <row r="24" spans="1:34" ht="19.5" customHeight="1" x14ac:dyDescent="0.2">
      <c r="A24" s="49" t="s">
        <v>23</v>
      </c>
      <c r="B24" s="248">
        <v>129</v>
      </c>
      <c r="C24" s="249">
        <v>225</v>
      </c>
      <c r="D24" s="250">
        <v>354</v>
      </c>
      <c r="E24" s="241">
        <v>0</v>
      </c>
      <c r="F24" s="249">
        <v>652</v>
      </c>
      <c r="G24" s="249">
        <v>548</v>
      </c>
      <c r="H24" s="249">
        <v>285</v>
      </c>
      <c r="I24" s="249">
        <v>246</v>
      </c>
      <c r="J24" s="249">
        <v>133</v>
      </c>
      <c r="K24" s="250">
        <v>1864</v>
      </c>
      <c r="L24" s="251">
        <v>2218</v>
      </c>
      <c r="M24" s="252">
        <v>6</v>
      </c>
      <c r="N24" s="249">
        <v>14</v>
      </c>
      <c r="O24" s="250">
        <v>20</v>
      </c>
      <c r="P24" s="241">
        <v>0</v>
      </c>
      <c r="Q24" s="249">
        <v>8</v>
      </c>
      <c r="R24" s="249">
        <v>13</v>
      </c>
      <c r="S24" s="249">
        <v>6</v>
      </c>
      <c r="T24" s="249">
        <v>7</v>
      </c>
      <c r="U24" s="249">
        <v>5</v>
      </c>
      <c r="V24" s="250">
        <v>39</v>
      </c>
      <c r="W24" s="251">
        <v>59</v>
      </c>
      <c r="X24" s="248">
        <v>135</v>
      </c>
      <c r="Y24" s="249">
        <v>239</v>
      </c>
      <c r="Z24" s="250">
        <v>374</v>
      </c>
      <c r="AA24" s="241">
        <v>0</v>
      </c>
      <c r="AB24" s="249">
        <v>660</v>
      </c>
      <c r="AC24" s="249">
        <v>561</v>
      </c>
      <c r="AD24" s="249">
        <v>291</v>
      </c>
      <c r="AE24" s="249">
        <v>253</v>
      </c>
      <c r="AF24" s="249">
        <v>138</v>
      </c>
      <c r="AG24" s="250">
        <v>1903</v>
      </c>
      <c r="AH24" s="251">
        <v>2277</v>
      </c>
    </row>
    <row r="25" spans="1:34" ht="19.5" customHeight="1" x14ac:dyDescent="0.2">
      <c r="A25" s="49" t="s">
        <v>24</v>
      </c>
      <c r="B25" s="248">
        <v>113</v>
      </c>
      <c r="C25" s="249">
        <v>91</v>
      </c>
      <c r="D25" s="250">
        <v>204</v>
      </c>
      <c r="E25" s="241">
        <v>0</v>
      </c>
      <c r="F25" s="249">
        <v>344</v>
      </c>
      <c r="G25" s="249">
        <v>226</v>
      </c>
      <c r="H25" s="249">
        <v>164</v>
      </c>
      <c r="I25" s="249">
        <v>106</v>
      </c>
      <c r="J25" s="249">
        <v>83</v>
      </c>
      <c r="K25" s="250">
        <v>923</v>
      </c>
      <c r="L25" s="251">
        <v>1127</v>
      </c>
      <c r="M25" s="252">
        <v>1</v>
      </c>
      <c r="N25" s="249">
        <v>5</v>
      </c>
      <c r="O25" s="250">
        <v>6</v>
      </c>
      <c r="P25" s="241">
        <v>0</v>
      </c>
      <c r="Q25" s="249">
        <v>4</v>
      </c>
      <c r="R25" s="249">
        <v>8</v>
      </c>
      <c r="S25" s="249">
        <v>0</v>
      </c>
      <c r="T25" s="249">
        <v>1</v>
      </c>
      <c r="U25" s="249">
        <v>2</v>
      </c>
      <c r="V25" s="250">
        <v>15</v>
      </c>
      <c r="W25" s="251">
        <v>21</v>
      </c>
      <c r="X25" s="248">
        <v>114</v>
      </c>
      <c r="Y25" s="249">
        <v>96</v>
      </c>
      <c r="Z25" s="250">
        <v>210</v>
      </c>
      <c r="AA25" s="241">
        <v>0</v>
      </c>
      <c r="AB25" s="249">
        <v>348</v>
      </c>
      <c r="AC25" s="249">
        <v>234</v>
      </c>
      <c r="AD25" s="249">
        <v>164</v>
      </c>
      <c r="AE25" s="249">
        <v>107</v>
      </c>
      <c r="AF25" s="249">
        <v>85</v>
      </c>
      <c r="AG25" s="250">
        <v>938</v>
      </c>
      <c r="AH25" s="251">
        <v>1148</v>
      </c>
    </row>
    <row r="26" spans="1:34" ht="19.5" customHeight="1" x14ac:dyDescent="0.2">
      <c r="A26" s="49" t="s">
        <v>25</v>
      </c>
      <c r="B26" s="248">
        <v>73</v>
      </c>
      <c r="C26" s="249">
        <v>138</v>
      </c>
      <c r="D26" s="250">
        <v>211</v>
      </c>
      <c r="E26" s="241">
        <v>0</v>
      </c>
      <c r="F26" s="249">
        <v>376</v>
      </c>
      <c r="G26" s="249">
        <v>254</v>
      </c>
      <c r="H26" s="249">
        <v>138</v>
      </c>
      <c r="I26" s="249">
        <v>148</v>
      </c>
      <c r="J26" s="249">
        <v>77</v>
      </c>
      <c r="K26" s="250">
        <v>993</v>
      </c>
      <c r="L26" s="251">
        <v>1204</v>
      </c>
      <c r="M26" s="252">
        <v>1</v>
      </c>
      <c r="N26" s="249">
        <v>6</v>
      </c>
      <c r="O26" s="250">
        <v>7</v>
      </c>
      <c r="P26" s="241">
        <v>0</v>
      </c>
      <c r="Q26" s="249">
        <v>7</v>
      </c>
      <c r="R26" s="249">
        <v>11</v>
      </c>
      <c r="S26" s="249">
        <v>2</v>
      </c>
      <c r="T26" s="249">
        <v>4</v>
      </c>
      <c r="U26" s="249">
        <v>5</v>
      </c>
      <c r="V26" s="250">
        <v>29</v>
      </c>
      <c r="W26" s="251">
        <v>36</v>
      </c>
      <c r="X26" s="248">
        <v>74</v>
      </c>
      <c r="Y26" s="249">
        <v>144</v>
      </c>
      <c r="Z26" s="250">
        <v>218</v>
      </c>
      <c r="AA26" s="241">
        <v>0</v>
      </c>
      <c r="AB26" s="249">
        <v>383</v>
      </c>
      <c r="AC26" s="249">
        <v>265</v>
      </c>
      <c r="AD26" s="249">
        <v>140</v>
      </c>
      <c r="AE26" s="249">
        <v>152</v>
      </c>
      <c r="AF26" s="249">
        <v>82</v>
      </c>
      <c r="AG26" s="250">
        <v>1022</v>
      </c>
      <c r="AH26" s="251">
        <v>1240</v>
      </c>
    </row>
    <row r="27" spans="1:34" ht="19.5" customHeight="1" x14ac:dyDescent="0.2">
      <c r="A27" s="49" t="s">
        <v>26</v>
      </c>
      <c r="B27" s="248">
        <v>87</v>
      </c>
      <c r="C27" s="249">
        <v>102</v>
      </c>
      <c r="D27" s="250">
        <v>189</v>
      </c>
      <c r="E27" s="241">
        <v>0</v>
      </c>
      <c r="F27" s="249">
        <v>316</v>
      </c>
      <c r="G27" s="249">
        <v>228</v>
      </c>
      <c r="H27" s="249">
        <v>151</v>
      </c>
      <c r="I27" s="249">
        <v>114</v>
      </c>
      <c r="J27" s="249">
        <v>97</v>
      </c>
      <c r="K27" s="250">
        <v>906</v>
      </c>
      <c r="L27" s="251">
        <v>1095</v>
      </c>
      <c r="M27" s="252">
        <v>3</v>
      </c>
      <c r="N27" s="249">
        <v>0</v>
      </c>
      <c r="O27" s="250">
        <v>3</v>
      </c>
      <c r="P27" s="241">
        <v>0</v>
      </c>
      <c r="Q27" s="249">
        <v>6</v>
      </c>
      <c r="R27" s="249">
        <v>7</v>
      </c>
      <c r="S27" s="249">
        <v>2</v>
      </c>
      <c r="T27" s="249">
        <v>2</v>
      </c>
      <c r="U27" s="249">
        <v>3</v>
      </c>
      <c r="V27" s="250">
        <v>20</v>
      </c>
      <c r="W27" s="251">
        <v>23</v>
      </c>
      <c r="X27" s="248">
        <v>90</v>
      </c>
      <c r="Y27" s="249">
        <v>102</v>
      </c>
      <c r="Z27" s="250">
        <v>192</v>
      </c>
      <c r="AA27" s="241">
        <v>0</v>
      </c>
      <c r="AB27" s="249">
        <v>322</v>
      </c>
      <c r="AC27" s="249">
        <v>235</v>
      </c>
      <c r="AD27" s="249">
        <v>153</v>
      </c>
      <c r="AE27" s="249">
        <v>116</v>
      </c>
      <c r="AF27" s="249">
        <v>100</v>
      </c>
      <c r="AG27" s="250">
        <v>926</v>
      </c>
      <c r="AH27" s="251">
        <v>1118</v>
      </c>
    </row>
    <row r="28" spans="1:34" ht="19.5" customHeight="1" x14ac:dyDescent="0.2">
      <c r="A28" s="49" t="s">
        <v>27</v>
      </c>
      <c r="B28" s="248">
        <v>112</v>
      </c>
      <c r="C28" s="249">
        <v>148</v>
      </c>
      <c r="D28" s="250">
        <v>260</v>
      </c>
      <c r="E28" s="241">
        <v>0</v>
      </c>
      <c r="F28" s="249">
        <v>225</v>
      </c>
      <c r="G28" s="249">
        <v>202</v>
      </c>
      <c r="H28" s="249">
        <v>165</v>
      </c>
      <c r="I28" s="249">
        <v>109</v>
      </c>
      <c r="J28" s="249">
        <v>70</v>
      </c>
      <c r="K28" s="250">
        <v>771</v>
      </c>
      <c r="L28" s="251">
        <v>1031</v>
      </c>
      <c r="M28" s="252">
        <v>1</v>
      </c>
      <c r="N28" s="249">
        <v>3</v>
      </c>
      <c r="O28" s="250">
        <v>4</v>
      </c>
      <c r="P28" s="241">
        <v>0</v>
      </c>
      <c r="Q28" s="249">
        <v>6</v>
      </c>
      <c r="R28" s="249">
        <v>4</v>
      </c>
      <c r="S28" s="249">
        <v>0</v>
      </c>
      <c r="T28" s="249">
        <v>2</v>
      </c>
      <c r="U28" s="249">
        <v>3</v>
      </c>
      <c r="V28" s="250">
        <v>15</v>
      </c>
      <c r="W28" s="251">
        <v>19</v>
      </c>
      <c r="X28" s="248">
        <v>113</v>
      </c>
      <c r="Y28" s="249">
        <v>151</v>
      </c>
      <c r="Z28" s="250">
        <v>264</v>
      </c>
      <c r="AA28" s="241">
        <v>0</v>
      </c>
      <c r="AB28" s="249">
        <v>231</v>
      </c>
      <c r="AC28" s="249">
        <v>206</v>
      </c>
      <c r="AD28" s="249">
        <v>165</v>
      </c>
      <c r="AE28" s="249">
        <v>111</v>
      </c>
      <c r="AF28" s="249">
        <v>73</v>
      </c>
      <c r="AG28" s="250">
        <v>786</v>
      </c>
      <c r="AH28" s="251">
        <v>1050</v>
      </c>
    </row>
    <row r="29" spans="1:34" ht="19.5" customHeight="1" x14ac:dyDescent="0.2">
      <c r="A29" s="49" t="s">
        <v>28</v>
      </c>
      <c r="B29" s="248">
        <v>11</v>
      </c>
      <c r="C29" s="249">
        <v>17</v>
      </c>
      <c r="D29" s="250">
        <v>28</v>
      </c>
      <c r="E29" s="241">
        <v>0</v>
      </c>
      <c r="F29" s="249">
        <v>71</v>
      </c>
      <c r="G29" s="249">
        <v>95</v>
      </c>
      <c r="H29" s="249">
        <v>44</v>
      </c>
      <c r="I29" s="249">
        <v>33</v>
      </c>
      <c r="J29" s="249">
        <v>25</v>
      </c>
      <c r="K29" s="250">
        <v>268</v>
      </c>
      <c r="L29" s="251">
        <v>296</v>
      </c>
      <c r="M29" s="252">
        <v>0</v>
      </c>
      <c r="N29" s="249">
        <v>0</v>
      </c>
      <c r="O29" s="250">
        <v>0</v>
      </c>
      <c r="P29" s="241">
        <v>0</v>
      </c>
      <c r="Q29" s="249">
        <v>0</v>
      </c>
      <c r="R29" s="249">
        <v>1</v>
      </c>
      <c r="S29" s="249">
        <v>0</v>
      </c>
      <c r="T29" s="249">
        <v>0</v>
      </c>
      <c r="U29" s="249">
        <v>4</v>
      </c>
      <c r="V29" s="250">
        <v>5</v>
      </c>
      <c r="W29" s="251">
        <v>5</v>
      </c>
      <c r="X29" s="248">
        <v>11</v>
      </c>
      <c r="Y29" s="249">
        <v>17</v>
      </c>
      <c r="Z29" s="250">
        <v>28</v>
      </c>
      <c r="AA29" s="241">
        <v>0</v>
      </c>
      <c r="AB29" s="249">
        <v>71</v>
      </c>
      <c r="AC29" s="249">
        <v>96</v>
      </c>
      <c r="AD29" s="249">
        <v>44</v>
      </c>
      <c r="AE29" s="249">
        <v>33</v>
      </c>
      <c r="AF29" s="249">
        <v>29</v>
      </c>
      <c r="AG29" s="250">
        <v>273</v>
      </c>
      <c r="AH29" s="251">
        <v>301</v>
      </c>
    </row>
    <row r="30" spans="1:34" ht="19.5" customHeight="1" x14ac:dyDescent="0.2">
      <c r="A30" s="49" t="s">
        <v>29</v>
      </c>
      <c r="B30" s="248">
        <v>26</v>
      </c>
      <c r="C30" s="249">
        <v>39</v>
      </c>
      <c r="D30" s="250">
        <v>65</v>
      </c>
      <c r="E30" s="241">
        <v>0</v>
      </c>
      <c r="F30" s="249">
        <v>94</v>
      </c>
      <c r="G30" s="249">
        <v>103</v>
      </c>
      <c r="H30" s="249">
        <v>52</v>
      </c>
      <c r="I30" s="249">
        <v>49</v>
      </c>
      <c r="J30" s="249">
        <v>28</v>
      </c>
      <c r="K30" s="250">
        <v>326</v>
      </c>
      <c r="L30" s="251">
        <v>391</v>
      </c>
      <c r="M30" s="252">
        <v>1</v>
      </c>
      <c r="N30" s="249">
        <v>2</v>
      </c>
      <c r="O30" s="250">
        <v>3</v>
      </c>
      <c r="P30" s="241">
        <v>0</v>
      </c>
      <c r="Q30" s="249">
        <v>3</v>
      </c>
      <c r="R30" s="249">
        <v>3</v>
      </c>
      <c r="S30" s="249">
        <v>3</v>
      </c>
      <c r="T30" s="249">
        <v>1</v>
      </c>
      <c r="U30" s="249">
        <v>0</v>
      </c>
      <c r="V30" s="250">
        <v>10</v>
      </c>
      <c r="W30" s="251">
        <v>13</v>
      </c>
      <c r="X30" s="248">
        <v>27</v>
      </c>
      <c r="Y30" s="249">
        <v>41</v>
      </c>
      <c r="Z30" s="250">
        <v>68</v>
      </c>
      <c r="AA30" s="241">
        <v>0</v>
      </c>
      <c r="AB30" s="249">
        <v>97</v>
      </c>
      <c r="AC30" s="249">
        <v>106</v>
      </c>
      <c r="AD30" s="249">
        <v>55</v>
      </c>
      <c r="AE30" s="249">
        <v>50</v>
      </c>
      <c r="AF30" s="249">
        <v>28</v>
      </c>
      <c r="AG30" s="250">
        <v>336</v>
      </c>
      <c r="AH30" s="251">
        <v>404</v>
      </c>
    </row>
    <row r="31" spans="1:34" ht="19.5" customHeight="1" x14ac:dyDescent="0.2">
      <c r="A31" s="49" t="s">
        <v>30</v>
      </c>
      <c r="B31" s="248">
        <v>29</v>
      </c>
      <c r="C31" s="249">
        <v>30</v>
      </c>
      <c r="D31" s="250">
        <v>59</v>
      </c>
      <c r="E31" s="241">
        <v>0</v>
      </c>
      <c r="F31" s="249">
        <v>102</v>
      </c>
      <c r="G31" s="249">
        <v>96</v>
      </c>
      <c r="H31" s="249">
        <v>69</v>
      </c>
      <c r="I31" s="249">
        <v>41</v>
      </c>
      <c r="J31" s="249">
        <v>21</v>
      </c>
      <c r="K31" s="250">
        <v>329</v>
      </c>
      <c r="L31" s="251">
        <v>388</v>
      </c>
      <c r="M31" s="252">
        <v>0</v>
      </c>
      <c r="N31" s="249">
        <v>0</v>
      </c>
      <c r="O31" s="250">
        <v>0</v>
      </c>
      <c r="P31" s="241">
        <v>0</v>
      </c>
      <c r="Q31" s="249">
        <v>1</v>
      </c>
      <c r="R31" s="249">
        <v>0</v>
      </c>
      <c r="S31" s="249">
        <v>2</v>
      </c>
      <c r="T31" s="249">
        <v>2</v>
      </c>
      <c r="U31" s="249">
        <v>0</v>
      </c>
      <c r="V31" s="250">
        <v>5</v>
      </c>
      <c r="W31" s="251">
        <v>5</v>
      </c>
      <c r="X31" s="248">
        <v>29</v>
      </c>
      <c r="Y31" s="249">
        <v>30</v>
      </c>
      <c r="Z31" s="250">
        <v>59</v>
      </c>
      <c r="AA31" s="241">
        <v>0</v>
      </c>
      <c r="AB31" s="249">
        <v>103</v>
      </c>
      <c r="AC31" s="249">
        <v>96</v>
      </c>
      <c r="AD31" s="249">
        <v>71</v>
      </c>
      <c r="AE31" s="249">
        <v>43</v>
      </c>
      <c r="AF31" s="249">
        <v>21</v>
      </c>
      <c r="AG31" s="250">
        <v>334</v>
      </c>
      <c r="AH31" s="251">
        <v>393</v>
      </c>
    </row>
    <row r="32" spans="1:34" ht="19.5" customHeight="1" x14ac:dyDescent="0.2">
      <c r="A32" s="49" t="s">
        <v>31</v>
      </c>
      <c r="B32" s="248">
        <v>24</v>
      </c>
      <c r="C32" s="249">
        <v>45</v>
      </c>
      <c r="D32" s="250">
        <v>69</v>
      </c>
      <c r="E32" s="241">
        <v>0</v>
      </c>
      <c r="F32" s="249">
        <v>108</v>
      </c>
      <c r="G32" s="249">
        <v>117</v>
      </c>
      <c r="H32" s="249">
        <v>62</v>
      </c>
      <c r="I32" s="249">
        <v>28</v>
      </c>
      <c r="J32" s="249">
        <v>23</v>
      </c>
      <c r="K32" s="250">
        <v>338</v>
      </c>
      <c r="L32" s="251">
        <v>407</v>
      </c>
      <c r="M32" s="252">
        <v>0</v>
      </c>
      <c r="N32" s="249">
        <v>0</v>
      </c>
      <c r="O32" s="250">
        <v>0</v>
      </c>
      <c r="P32" s="241">
        <v>0</v>
      </c>
      <c r="Q32" s="249">
        <v>3</v>
      </c>
      <c r="R32" s="249">
        <v>1</v>
      </c>
      <c r="S32" s="249">
        <v>1</v>
      </c>
      <c r="T32" s="249">
        <v>2</v>
      </c>
      <c r="U32" s="249">
        <v>2</v>
      </c>
      <c r="V32" s="250">
        <v>9</v>
      </c>
      <c r="W32" s="251">
        <v>9</v>
      </c>
      <c r="X32" s="248">
        <v>24</v>
      </c>
      <c r="Y32" s="249">
        <v>45</v>
      </c>
      <c r="Z32" s="250">
        <v>69</v>
      </c>
      <c r="AA32" s="241">
        <v>0</v>
      </c>
      <c r="AB32" s="249">
        <v>111</v>
      </c>
      <c r="AC32" s="249">
        <v>118</v>
      </c>
      <c r="AD32" s="249">
        <v>63</v>
      </c>
      <c r="AE32" s="249">
        <v>30</v>
      </c>
      <c r="AF32" s="249">
        <v>25</v>
      </c>
      <c r="AG32" s="250">
        <v>347</v>
      </c>
      <c r="AH32" s="251">
        <v>416</v>
      </c>
    </row>
    <row r="33" spans="1:34" ht="19.5" customHeight="1" x14ac:dyDescent="0.2">
      <c r="A33" s="49" t="s">
        <v>32</v>
      </c>
      <c r="B33" s="248">
        <v>30</v>
      </c>
      <c r="C33" s="249">
        <v>49</v>
      </c>
      <c r="D33" s="250">
        <v>79</v>
      </c>
      <c r="E33" s="241">
        <v>0</v>
      </c>
      <c r="F33" s="249">
        <v>145</v>
      </c>
      <c r="G33" s="249">
        <v>116</v>
      </c>
      <c r="H33" s="249">
        <v>62</v>
      </c>
      <c r="I33" s="249">
        <v>50</v>
      </c>
      <c r="J33" s="249">
        <v>25</v>
      </c>
      <c r="K33" s="250">
        <v>398</v>
      </c>
      <c r="L33" s="251">
        <v>477</v>
      </c>
      <c r="M33" s="252">
        <v>1</v>
      </c>
      <c r="N33" s="249">
        <v>1</v>
      </c>
      <c r="O33" s="250">
        <v>2</v>
      </c>
      <c r="P33" s="241">
        <v>0</v>
      </c>
      <c r="Q33" s="249">
        <v>9</v>
      </c>
      <c r="R33" s="249">
        <v>7</v>
      </c>
      <c r="S33" s="249">
        <v>0</v>
      </c>
      <c r="T33" s="249">
        <v>3</v>
      </c>
      <c r="U33" s="249">
        <v>3</v>
      </c>
      <c r="V33" s="250">
        <v>22</v>
      </c>
      <c r="W33" s="251">
        <v>24</v>
      </c>
      <c r="X33" s="248">
        <v>31</v>
      </c>
      <c r="Y33" s="249">
        <v>50</v>
      </c>
      <c r="Z33" s="250">
        <v>81</v>
      </c>
      <c r="AA33" s="241">
        <v>0</v>
      </c>
      <c r="AB33" s="249">
        <v>154</v>
      </c>
      <c r="AC33" s="249">
        <v>123</v>
      </c>
      <c r="AD33" s="249">
        <v>62</v>
      </c>
      <c r="AE33" s="249">
        <v>53</v>
      </c>
      <c r="AF33" s="249">
        <v>28</v>
      </c>
      <c r="AG33" s="250">
        <v>420</v>
      </c>
      <c r="AH33" s="251">
        <v>501</v>
      </c>
    </row>
    <row r="34" spans="1:34" ht="19.5" customHeight="1" x14ac:dyDescent="0.2">
      <c r="A34" s="49" t="s">
        <v>33</v>
      </c>
      <c r="B34" s="248">
        <v>46</v>
      </c>
      <c r="C34" s="249">
        <v>65</v>
      </c>
      <c r="D34" s="250">
        <v>111</v>
      </c>
      <c r="E34" s="241">
        <v>0</v>
      </c>
      <c r="F34" s="249">
        <v>120</v>
      </c>
      <c r="G34" s="249">
        <v>90</v>
      </c>
      <c r="H34" s="249">
        <v>45</v>
      </c>
      <c r="I34" s="249">
        <v>28</v>
      </c>
      <c r="J34" s="249">
        <v>21</v>
      </c>
      <c r="K34" s="250">
        <v>304</v>
      </c>
      <c r="L34" s="251">
        <v>415</v>
      </c>
      <c r="M34" s="252">
        <v>0</v>
      </c>
      <c r="N34" s="249">
        <v>0</v>
      </c>
      <c r="O34" s="250">
        <v>0</v>
      </c>
      <c r="P34" s="241">
        <v>0</v>
      </c>
      <c r="Q34" s="249">
        <v>2</v>
      </c>
      <c r="R34" s="249">
        <v>0</v>
      </c>
      <c r="S34" s="249">
        <v>0</v>
      </c>
      <c r="T34" s="249">
        <v>0</v>
      </c>
      <c r="U34" s="249">
        <v>1</v>
      </c>
      <c r="V34" s="250">
        <v>3</v>
      </c>
      <c r="W34" s="251">
        <v>3</v>
      </c>
      <c r="X34" s="248">
        <v>46</v>
      </c>
      <c r="Y34" s="249">
        <v>65</v>
      </c>
      <c r="Z34" s="250">
        <v>111</v>
      </c>
      <c r="AA34" s="241">
        <v>0</v>
      </c>
      <c r="AB34" s="249">
        <v>122</v>
      </c>
      <c r="AC34" s="249">
        <v>90</v>
      </c>
      <c r="AD34" s="249">
        <v>45</v>
      </c>
      <c r="AE34" s="249">
        <v>28</v>
      </c>
      <c r="AF34" s="249">
        <v>22</v>
      </c>
      <c r="AG34" s="250">
        <v>307</v>
      </c>
      <c r="AH34" s="251">
        <v>418</v>
      </c>
    </row>
    <row r="35" spans="1:34" ht="19.5" customHeight="1" x14ac:dyDescent="0.2">
      <c r="A35" s="49" t="s">
        <v>34</v>
      </c>
      <c r="B35" s="248">
        <v>22</v>
      </c>
      <c r="C35" s="249">
        <v>34</v>
      </c>
      <c r="D35" s="250">
        <v>56</v>
      </c>
      <c r="E35" s="241">
        <v>0</v>
      </c>
      <c r="F35" s="249">
        <v>94</v>
      </c>
      <c r="G35" s="249">
        <v>68</v>
      </c>
      <c r="H35" s="249">
        <v>39</v>
      </c>
      <c r="I35" s="249">
        <v>28</v>
      </c>
      <c r="J35" s="249">
        <v>16</v>
      </c>
      <c r="K35" s="250">
        <v>245</v>
      </c>
      <c r="L35" s="251">
        <v>301</v>
      </c>
      <c r="M35" s="252">
        <v>0</v>
      </c>
      <c r="N35" s="249">
        <v>0</v>
      </c>
      <c r="O35" s="250">
        <v>0</v>
      </c>
      <c r="P35" s="241">
        <v>0</v>
      </c>
      <c r="Q35" s="249">
        <v>5</v>
      </c>
      <c r="R35" s="249">
        <v>2</v>
      </c>
      <c r="S35" s="249">
        <v>1</v>
      </c>
      <c r="T35" s="249">
        <v>1</v>
      </c>
      <c r="U35" s="249">
        <v>1</v>
      </c>
      <c r="V35" s="250">
        <v>10</v>
      </c>
      <c r="W35" s="251">
        <v>10</v>
      </c>
      <c r="X35" s="248">
        <v>22</v>
      </c>
      <c r="Y35" s="249">
        <v>34</v>
      </c>
      <c r="Z35" s="250">
        <v>56</v>
      </c>
      <c r="AA35" s="241">
        <v>0</v>
      </c>
      <c r="AB35" s="249">
        <v>99</v>
      </c>
      <c r="AC35" s="249">
        <v>70</v>
      </c>
      <c r="AD35" s="249">
        <v>40</v>
      </c>
      <c r="AE35" s="249">
        <v>29</v>
      </c>
      <c r="AF35" s="249">
        <v>17</v>
      </c>
      <c r="AG35" s="250">
        <v>255</v>
      </c>
      <c r="AH35" s="251">
        <v>311</v>
      </c>
    </row>
    <row r="36" spans="1:34" ht="19.5" customHeight="1" x14ac:dyDescent="0.2">
      <c r="A36" s="49" t="s">
        <v>35</v>
      </c>
      <c r="B36" s="248">
        <v>67</v>
      </c>
      <c r="C36" s="249">
        <v>123</v>
      </c>
      <c r="D36" s="250">
        <v>190</v>
      </c>
      <c r="E36" s="241">
        <v>0</v>
      </c>
      <c r="F36" s="249">
        <v>353</v>
      </c>
      <c r="G36" s="249">
        <v>236</v>
      </c>
      <c r="H36" s="249">
        <v>139</v>
      </c>
      <c r="I36" s="249">
        <v>113</v>
      </c>
      <c r="J36" s="249">
        <v>47</v>
      </c>
      <c r="K36" s="250">
        <v>888</v>
      </c>
      <c r="L36" s="251">
        <v>1078</v>
      </c>
      <c r="M36" s="252">
        <v>1</v>
      </c>
      <c r="N36" s="249">
        <v>1</v>
      </c>
      <c r="O36" s="250">
        <v>2</v>
      </c>
      <c r="P36" s="241">
        <v>0</v>
      </c>
      <c r="Q36" s="249">
        <v>3</v>
      </c>
      <c r="R36" s="249">
        <v>7</v>
      </c>
      <c r="S36" s="249">
        <v>1</v>
      </c>
      <c r="T36" s="249">
        <v>1</v>
      </c>
      <c r="U36" s="249">
        <v>1</v>
      </c>
      <c r="V36" s="250">
        <v>13</v>
      </c>
      <c r="W36" s="251">
        <v>15</v>
      </c>
      <c r="X36" s="248">
        <v>68</v>
      </c>
      <c r="Y36" s="249">
        <v>124</v>
      </c>
      <c r="Z36" s="250">
        <v>192</v>
      </c>
      <c r="AA36" s="241">
        <v>0</v>
      </c>
      <c r="AB36" s="249">
        <v>356</v>
      </c>
      <c r="AC36" s="249">
        <v>243</v>
      </c>
      <c r="AD36" s="249">
        <v>140</v>
      </c>
      <c r="AE36" s="249">
        <v>114</v>
      </c>
      <c r="AF36" s="249">
        <v>48</v>
      </c>
      <c r="AG36" s="250">
        <v>901</v>
      </c>
      <c r="AH36" s="251">
        <v>1093</v>
      </c>
    </row>
    <row r="37" spans="1:34" ht="19.5" customHeight="1" x14ac:dyDescent="0.2">
      <c r="A37" s="49" t="s">
        <v>36</v>
      </c>
      <c r="B37" s="248">
        <v>51</v>
      </c>
      <c r="C37" s="249">
        <v>114</v>
      </c>
      <c r="D37" s="250">
        <v>165</v>
      </c>
      <c r="E37" s="241">
        <v>0</v>
      </c>
      <c r="F37" s="249">
        <v>279</v>
      </c>
      <c r="G37" s="249">
        <v>253</v>
      </c>
      <c r="H37" s="249">
        <v>169</v>
      </c>
      <c r="I37" s="249">
        <v>102</v>
      </c>
      <c r="J37" s="249">
        <v>69</v>
      </c>
      <c r="K37" s="250">
        <v>872</v>
      </c>
      <c r="L37" s="251">
        <v>1037</v>
      </c>
      <c r="M37" s="252">
        <v>0</v>
      </c>
      <c r="N37" s="249">
        <v>1</v>
      </c>
      <c r="O37" s="250">
        <v>1</v>
      </c>
      <c r="P37" s="241">
        <v>0</v>
      </c>
      <c r="Q37" s="249">
        <v>4</v>
      </c>
      <c r="R37" s="249">
        <v>9</v>
      </c>
      <c r="S37" s="249">
        <v>5</v>
      </c>
      <c r="T37" s="249">
        <v>4</v>
      </c>
      <c r="U37" s="249">
        <v>2</v>
      </c>
      <c r="V37" s="250">
        <v>24</v>
      </c>
      <c r="W37" s="251">
        <v>25</v>
      </c>
      <c r="X37" s="248">
        <v>51</v>
      </c>
      <c r="Y37" s="249">
        <v>115</v>
      </c>
      <c r="Z37" s="250">
        <v>166</v>
      </c>
      <c r="AA37" s="241">
        <v>0</v>
      </c>
      <c r="AB37" s="249">
        <v>283</v>
      </c>
      <c r="AC37" s="249">
        <v>262</v>
      </c>
      <c r="AD37" s="249">
        <v>174</v>
      </c>
      <c r="AE37" s="249">
        <v>106</v>
      </c>
      <c r="AF37" s="249">
        <v>71</v>
      </c>
      <c r="AG37" s="250">
        <v>896</v>
      </c>
      <c r="AH37" s="251">
        <v>1062</v>
      </c>
    </row>
    <row r="38" spans="1:34" ht="19.5" customHeight="1" thickBot="1" x14ac:dyDescent="0.25">
      <c r="A38" s="50" t="s">
        <v>37</v>
      </c>
      <c r="B38" s="253">
        <v>7</v>
      </c>
      <c r="C38" s="254">
        <v>8</v>
      </c>
      <c r="D38" s="255">
        <v>15</v>
      </c>
      <c r="E38" s="242">
        <v>0</v>
      </c>
      <c r="F38" s="254">
        <v>31</v>
      </c>
      <c r="G38" s="254">
        <v>26</v>
      </c>
      <c r="H38" s="254">
        <v>18</v>
      </c>
      <c r="I38" s="254">
        <v>6</v>
      </c>
      <c r="J38" s="254">
        <v>6</v>
      </c>
      <c r="K38" s="255">
        <v>87</v>
      </c>
      <c r="L38" s="256">
        <v>102</v>
      </c>
      <c r="M38" s="257">
        <v>0</v>
      </c>
      <c r="N38" s="254">
        <v>0</v>
      </c>
      <c r="O38" s="255">
        <v>0</v>
      </c>
      <c r="P38" s="242">
        <v>0</v>
      </c>
      <c r="Q38" s="254">
        <v>1</v>
      </c>
      <c r="R38" s="254">
        <v>1</v>
      </c>
      <c r="S38" s="254">
        <v>1</v>
      </c>
      <c r="T38" s="254">
        <v>2</v>
      </c>
      <c r="U38" s="254">
        <v>0</v>
      </c>
      <c r="V38" s="255">
        <v>5</v>
      </c>
      <c r="W38" s="256">
        <v>5</v>
      </c>
      <c r="X38" s="253">
        <v>7</v>
      </c>
      <c r="Y38" s="254">
        <v>8</v>
      </c>
      <c r="Z38" s="255">
        <v>15</v>
      </c>
      <c r="AA38" s="242">
        <v>0</v>
      </c>
      <c r="AB38" s="254">
        <v>32</v>
      </c>
      <c r="AC38" s="254">
        <v>27</v>
      </c>
      <c r="AD38" s="254">
        <v>19</v>
      </c>
      <c r="AE38" s="254">
        <v>8</v>
      </c>
      <c r="AF38" s="254">
        <v>6</v>
      </c>
      <c r="AG38" s="255">
        <v>92</v>
      </c>
      <c r="AH38" s="256">
        <v>107</v>
      </c>
    </row>
    <row r="39" spans="1:34" x14ac:dyDescent="0.2">
      <c r="Z39" s="21"/>
      <c r="AA39" s="21"/>
      <c r="AB39" s="21"/>
      <c r="AC39" s="21"/>
      <c r="AD39" s="21"/>
      <c r="AE39" s="21"/>
      <c r="AF39" s="21"/>
      <c r="AG39" s="21"/>
      <c r="AH39" s="21"/>
    </row>
  </sheetData>
  <mergeCells count="5">
    <mergeCell ref="B3:L3"/>
    <mergeCell ref="M3:W3"/>
    <mergeCell ref="X3:AH3"/>
    <mergeCell ref="F1:G1"/>
    <mergeCell ref="I1:J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1"/>
    <col min="4" max="4" width="10.33203125" style="291" customWidth="1"/>
    <col min="5" max="5" width="7.6640625" style="291" customWidth="1"/>
    <col min="6" max="6" width="10.21875" style="291" customWidth="1"/>
    <col min="7" max="7" width="10.44140625" style="291" customWidth="1"/>
    <col min="8" max="15" width="9" style="291"/>
    <col min="16" max="16" width="7.21875" style="291" customWidth="1"/>
    <col min="17" max="26" width="9" style="291"/>
    <col min="27" max="27" width="7.6640625" style="291" customWidth="1"/>
    <col min="28" max="37" width="9" style="291"/>
    <col min="38" max="38" width="7.6640625" style="291" customWidth="1"/>
    <col min="39" max="48" width="9" style="291"/>
    <col min="49" max="49" width="7.21875" style="291" customWidth="1"/>
    <col min="50" max="59" width="9" style="291"/>
    <col min="60" max="60" width="7.21875" style="291" customWidth="1"/>
    <col min="61" max="70" width="9" style="291"/>
    <col min="71" max="71" width="7.33203125" style="291" customWidth="1"/>
    <col min="72" max="81" width="9" style="291"/>
    <col min="82" max="82" width="7.44140625" style="291" customWidth="1"/>
    <col min="83" max="92" width="9" style="291"/>
    <col min="93" max="93" width="7.6640625" style="291" customWidth="1"/>
    <col min="94" max="103" width="9" style="291"/>
    <col min="104" max="104" width="7.44140625" style="291" customWidth="1"/>
    <col min="105" max="114" width="9" style="291"/>
    <col min="115" max="115" width="7.44140625" style="291" customWidth="1"/>
    <col min="116" max="125" width="9" style="291"/>
    <col min="126" max="126" width="7.44140625" style="291" customWidth="1"/>
    <col min="127" max="136" width="9" style="291"/>
    <col min="137" max="137" width="7.33203125" style="291" customWidth="1"/>
    <col min="138" max="147" width="9" style="291"/>
    <col min="148" max="148" width="7.77734375" style="291" customWidth="1"/>
    <col min="149" max="16384" width="9" style="291"/>
  </cols>
  <sheetData>
    <row r="1" spans="1:155" ht="24" customHeight="1" x14ac:dyDescent="0.2">
      <c r="A1" s="322" t="s">
        <v>122</v>
      </c>
      <c r="H1" s="470">
        <f>第１表!F2</f>
        <v>4</v>
      </c>
      <c r="I1" s="470"/>
      <c r="J1" s="283">
        <f>第１表!G2</f>
        <v>2</v>
      </c>
      <c r="K1" s="471">
        <f>IF(J1&lt;3,J1+12-2,J1-2)</f>
        <v>12</v>
      </c>
      <c r="L1" s="471"/>
    </row>
    <row r="2" spans="1:155" ht="21" customHeight="1" thickBot="1" x14ac:dyDescent="0.25">
      <c r="A2" s="322" t="s">
        <v>138</v>
      </c>
      <c r="F2" s="282"/>
      <c r="G2" s="283"/>
      <c r="I2" s="290"/>
      <c r="J2" s="290"/>
    </row>
    <row r="3" spans="1:155" ht="23.25" customHeight="1" thickBot="1" x14ac:dyDescent="0.25">
      <c r="A3" s="484"/>
      <c r="B3" s="475" t="s">
        <v>70</v>
      </c>
      <c r="C3" s="476"/>
      <c r="D3" s="476"/>
      <c r="E3" s="476"/>
      <c r="F3" s="476"/>
      <c r="G3" s="476"/>
      <c r="H3" s="476"/>
      <c r="I3" s="476"/>
      <c r="J3" s="476"/>
      <c r="K3" s="476"/>
      <c r="L3" s="477"/>
      <c r="M3" s="475" t="s">
        <v>71</v>
      </c>
      <c r="N3" s="476"/>
      <c r="O3" s="476"/>
      <c r="P3" s="476"/>
      <c r="Q3" s="476"/>
      <c r="R3" s="476"/>
      <c r="S3" s="476"/>
      <c r="T3" s="476"/>
      <c r="U3" s="476"/>
      <c r="V3" s="476"/>
      <c r="W3" s="477"/>
      <c r="X3" s="475" t="s">
        <v>72</v>
      </c>
      <c r="Y3" s="476"/>
      <c r="Z3" s="476"/>
      <c r="AA3" s="476"/>
      <c r="AB3" s="476"/>
      <c r="AC3" s="476"/>
      <c r="AD3" s="476"/>
      <c r="AE3" s="476"/>
      <c r="AF3" s="476"/>
      <c r="AG3" s="476"/>
      <c r="AH3" s="477"/>
      <c r="AI3" s="475" t="s">
        <v>73</v>
      </c>
      <c r="AJ3" s="476"/>
      <c r="AK3" s="476"/>
      <c r="AL3" s="476"/>
      <c r="AM3" s="476"/>
      <c r="AN3" s="476"/>
      <c r="AO3" s="476"/>
      <c r="AP3" s="476"/>
      <c r="AQ3" s="476"/>
      <c r="AR3" s="476"/>
      <c r="AS3" s="477"/>
      <c r="AT3" s="475" t="s">
        <v>74</v>
      </c>
      <c r="AU3" s="476"/>
      <c r="AV3" s="476"/>
      <c r="AW3" s="476"/>
      <c r="AX3" s="476"/>
      <c r="AY3" s="476"/>
      <c r="AZ3" s="476"/>
      <c r="BA3" s="476"/>
      <c r="BB3" s="476"/>
      <c r="BC3" s="476"/>
      <c r="BD3" s="477"/>
      <c r="BE3" s="475" t="s">
        <v>75</v>
      </c>
      <c r="BF3" s="476"/>
      <c r="BG3" s="476"/>
      <c r="BH3" s="476"/>
      <c r="BI3" s="476"/>
      <c r="BJ3" s="476"/>
      <c r="BK3" s="476"/>
      <c r="BL3" s="476"/>
      <c r="BM3" s="476"/>
      <c r="BN3" s="476"/>
      <c r="BO3" s="477"/>
      <c r="BP3" s="475" t="s">
        <v>76</v>
      </c>
      <c r="BQ3" s="476"/>
      <c r="BR3" s="476"/>
      <c r="BS3" s="476"/>
      <c r="BT3" s="476"/>
      <c r="BU3" s="476"/>
      <c r="BV3" s="476"/>
      <c r="BW3" s="476"/>
      <c r="BX3" s="476"/>
      <c r="BY3" s="476"/>
      <c r="BZ3" s="477"/>
      <c r="CA3" s="475" t="s">
        <v>77</v>
      </c>
      <c r="CB3" s="476"/>
      <c r="CC3" s="476"/>
      <c r="CD3" s="476"/>
      <c r="CE3" s="476"/>
      <c r="CF3" s="476"/>
      <c r="CG3" s="476"/>
      <c r="CH3" s="476"/>
      <c r="CI3" s="476"/>
      <c r="CJ3" s="476"/>
      <c r="CK3" s="477"/>
      <c r="CL3" s="475" t="s">
        <v>78</v>
      </c>
      <c r="CM3" s="476"/>
      <c r="CN3" s="476"/>
      <c r="CO3" s="476"/>
      <c r="CP3" s="476"/>
      <c r="CQ3" s="476"/>
      <c r="CR3" s="476"/>
      <c r="CS3" s="476"/>
      <c r="CT3" s="476"/>
      <c r="CU3" s="476"/>
      <c r="CV3" s="477"/>
      <c r="CW3" s="475" t="s">
        <v>79</v>
      </c>
      <c r="CX3" s="476"/>
      <c r="CY3" s="476"/>
      <c r="CZ3" s="476"/>
      <c r="DA3" s="476"/>
      <c r="DB3" s="476"/>
      <c r="DC3" s="476"/>
      <c r="DD3" s="476"/>
      <c r="DE3" s="476"/>
      <c r="DF3" s="476"/>
      <c r="DG3" s="477"/>
      <c r="DH3" s="475" t="s">
        <v>152</v>
      </c>
      <c r="DI3" s="476"/>
      <c r="DJ3" s="476"/>
      <c r="DK3" s="476"/>
      <c r="DL3" s="476"/>
      <c r="DM3" s="476"/>
      <c r="DN3" s="476"/>
      <c r="DO3" s="476"/>
      <c r="DP3" s="476"/>
      <c r="DQ3" s="476"/>
      <c r="DR3" s="477"/>
      <c r="DS3" s="475" t="s">
        <v>80</v>
      </c>
      <c r="DT3" s="476"/>
      <c r="DU3" s="476"/>
      <c r="DV3" s="476"/>
      <c r="DW3" s="476"/>
      <c r="DX3" s="476"/>
      <c r="DY3" s="476"/>
      <c r="DZ3" s="476"/>
      <c r="EA3" s="476"/>
      <c r="EB3" s="476"/>
      <c r="EC3" s="477"/>
      <c r="ED3" s="475" t="s">
        <v>68</v>
      </c>
      <c r="EE3" s="476"/>
      <c r="EF3" s="476"/>
      <c r="EG3" s="476"/>
      <c r="EH3" s="476"/>
      <c r="EI3" s="476"/>
      <c r="EJ3" s="476"/>
      <c r="EK3" s="476"/>
      <c r="EL3" s="476"/>
      <c r="EM3" s="476"/>
      <c r="EN3" s="477"/>
      <c r="EO3" s="472" t="s">
        <v>69</v>
      </c>
      <c r="EP3" s="473"/>
      <c r="EQ3" s="473"/>
      <c r="ER3" s="473"/>
      <c r="ES3" s="473"/>
      <c r="ET3" s="473"/>
      <c r="EU3" s="473"/>
      <c r="EV3" s="473"/>
      <c r="EW3" s="473"/>
      <c r="EX3" s="473"/>
      <c r="EY3" s="474"/>
    </row>
    <row r="4" spans="1:155" ht="22.5" customHeight="1" x14ac:dyDescent="0.2">
      <c r="A4" s="485"/>
      <c r="B4" s="483" t="s">
        <v>61</v>
      </c>
      <c r="C4" s="479"/>
      <c r="D4" s="480"/>
      <c r="E4" s="478" t="s">
        <v>62</v>
      </c>
      <c r="F4" s="479"/>
      <c r="G4" s="479"/>
      <c r="H4" s="479"/>
      <c r="I4" s="479"/>
      <c r="J4" s="479"/>
      <c r="K4" s="487"/>
      <c r="L4" s="481" t="s">
        <v>52</v>
      </c>
      <c r="M4" s="483" t="s">
        <v>61</v>
      </c>
      <c r="N4" s="479"/>
      <c r="O4" s="480"/>
      <c r="P4" s="478" t="s">
        <v>62</v>
      </c>
      <c r="Q4" s="479"/>
      <c r="R4" s="479"/>
      <c r="S4" s="479"/>
      <c r="T4" s="479"/>
      <c r="U4" s="479"/>
      <c r="V4" s="480"/>
      <c r="W4" s="481" t="s">
        <v>52</v>
      </c>
      <c r="X4" s="483" t="s">
        <v>61</v>
      </c>
      <c r="Y4" s="479"/>
      <c r="Z4" s="480"/>
      <c r="AA4" s="478" t="s">
        <v>62</v>
      </c>
      <c r="AB4" s="479"/>
      <c r="AC4" s="479"/>
      <c r="AD4" s="479"/>
      <c r="AE4" s="479"/>
      <c r="AF4" s="479"/>
      <c r="AG4" s="480"/>
      <c r="AH4" s="481" t="s">
        <v>52</v>
      </c>
      <c r="AI4" s="483" t="s">
        <v>61</v>
      </c>
      <c r="AJ4" s="479"/>
      <c r="AK4" s="480"/>
      <c r="AL4" s="478" t="s">
        <v>62</v>
      </c>
      <c r="AM4" s="479"/>
      <c r="AN4" s="479"/>
      <c r="AO4" s="479"/>
      <c r="AP4" s="479"/>
      <c r="AQ4" s="479"/>
      <c r="AR4" s="480"/>
      <c r="AS4" s="481" t="s">
        <v>52</v>
      </c>
      <c r="AT4" s="483" t="s">
        <v>61</v>
      </c>
      <c r="AU4" s="479"/>
      <c r="AV4" s="480"/>
      <c r="AW4" s="478" t="s">
        <v>62</v>
      </c>
      <c r="AX4" s="479"/>
      <c r="AY4" s="479"/>
      <c r="AZ4" s="479"/>
      <c r="BA4" s="479"/>
      <c r="BB4" s="479"/>
      <c r="BC4" s="487"/>
      <c r="BD4" s="481" t="s">
        <v>52</v>
      </c>
      <c r="BE4" s="483" t="s">
        <v>61</v>
      </c>
      <c r="BF4" s="479"/>
      <c r="BG4" s="480"/>
      <c r="BH4" s="478" t="s">
        <v>62</v>
      </c>
      <c r="BI4" s="479"/>
      <c r="BJ4" s="479"/>
      <c r="BK4" s="479"/>
      <c r="BL4" s="479"/>
      <c r="BM4" s="479"/>
      <c r="BN4" s="480"/>
      <c r="BO4" s="481" t="s">
        <v>52</v>
      </c>
      <c r="BP4" s="483" t="s">
        <v>61</v>
      </c>
      <c r="BQ4" s="479"/>
      <c r="BR4" s="480"/>
      <c r="BS4" s="478" t="s">
        <v>62</v>
      </c>
      <c r="BT4" s="479"/>
      <c r="BU4" s="479"/>
      <c r="BV4" s="479"/>
      <c r="BW4" s="479"/>
      <c r="BX4" s="479"/>
      <c r="BY4" s="480"/>
      <c r="BZ4" s="481" t="s">
        <v>52</v>
      </c>
      <c r="CA4" s="483" t="s">
        <v>61</v>
      </c>
      <c r="CB4" s="479"/>
      <c r="CC4" s="480"/>
      <c r="CD4" s="478" t="s">
        <v>62</v>
      </c>
      <c r="CE4" s="479"/>
      <c r="CF4" s="479"/>
      <c r="CG4" s="479"/>
      <c r="CH4" s="479"/>
      <c r="CI4" s="479"/>
      <c r="CJ4" s="480"/>
      <c r="CK4" s="481" t="s">
        <v>52</v>
      </c>
      <c r="CL4" s="483" t="s">
        <v>61</v>
      </c>
      <c r="CM4" s="479"/>
      <c r="CN4" s="480"/>
      <c r="CO4" s="478" t="s">
        <v>62</v>
      </c>
      <c r="CP4" s="479"/>
      <c r="CQ4" s="479"/>
      <c r="CR4" s="479"/>
      <c r="CS4" s="479"/>
      <c r="CT4" s="479"/>
      <c r="CU4" s="480"/>
      <c r="CV4" s="481" t="s">
        <v>52</v>
      </c>
      <c r="CW4" s="483" t="s">
        <v>61</v>
      </c>
      <c r="CX4" s="479"/>
      <c r="CY4" s="480"/>
      <c r="CZ4" s="478" t="s">
        <v>62</v>
      </c>
      <c r="DA4" s="479"/>
      <c r="DB4" s="479"/>
      <c r="DC4" s="479"/>
      <c r="DD4" s="479"/>
      <c r="DE4" s="479"/>
      <c r="DF4" s="480"/>
      <c r="DG4" s="481" t="s">
        <v>52</v>
      </c>
      <c r="DH4" s="483" t="s">
        <v>61</v>
      </c>
      <c r="DI4" s="479"/>
      <c r="DJ4" s="480"/>
      <c r="DK4" s="478" t="s">
        <v>62</v>
      </c>
      <c r="DL4" s="479"/>
      <c r="DM4" s="479"/>
      <c r="DN4" s="479"/>
      <c r="DO4" s="479"/>
      <c r="DP4" s="479"/>
      <c r="DQ4" s="480"/>
      <c r="DR4" s="481" t="s">
        <v>52</v>
      </c>
      <c r="DS4" s="483" t="s">
        <v>61</v>
      </c>
      <c r="DT4" s="479"/>
      <c r="DU4" s="480"/>
      <c r="DV4" s="478" t="s">
        <v>62</v>
      </c>
      <c r="DW4" s="479"/>
      <c r="DX4" s="479"/>
      <c r="DY4" s="479"/>
      <c r="DZ4" s="479"/>
      <c r="EA4" s="479"/>
      <c r="EB4" s="480"/>
      <c r="EC4" s="481" t="s">
        <v>52</v>
      </c>
      <c r="ED4" s="483" t="s">
        <v>61</v>
      </c>
      <c r="EE4" s="479"/>
      <c r="EF4" s="480"/>
      <c r="EG4" s="478" t="s">
        <v>62</v>
      </c>
      <c r="EH4" s="479"/>
      <c r="EI4" s="479"/>
      <c r="EJ4" s="479"/>
      <c r="EK4" s="479"/>
      <c r="EL4" s="479"/>
      <c r="EM4" s="480"/>
      <c r="EN4" s="481" t="s">
        <v>52</v>
      </c>
      <c r="EO4" s="483" t="s">
        <v>61</v>
      </c>
      <c r="EP4" s="479"/>
      <c r="EQ4" s="480"/>
      <c r="ER4" s="478" t="s">
        <v>62</v>
      </c>
      <c r="ES4" s="479"/>
      <c r="ET4" s="479"/>
      <c r="EU4" s="479"/>
      <c r="EV4" s="479"/>
      <c r="EW4" s="479"/>
      <c r="EX4" s="480"/>
      <c r="EY4" s="481" t="s">
        <v>52</v>
      </c>
    </row>
    <row r="5" spans="1:155" ht="34.5" customHeight="1" thickBot="1" x14ac:dyDescent="0.25">
      <c r="A5" s="486"/>
      <c r="B5" s="299" t="s">
        <v>43</v>
      </c>
      <c r="C5" s="295" t="s">
        <v>44</v>
      </c>
      <c r="D5" s="439" t="s">
        <v>45</v>
      </c>
      <c r="E5" s="302" t="s">
        <v>83</v>
      </c>
      <c r="F5" s="295" t="s">
        <v>47</v>
      </c>
      <c r="G5" s="295" t="s">
        <v>48</v>
      </c>
      <c r="H5" s="295" t="s">
        <v>49</v>
      </c>
      <c r="I5" s="295" t="s">
        <v>50</v>
      </c>
      <c r="J5" s="295" t="s">
        <v>51</v>
      </c>
      <c r="K5" s="303" t="s">
        <v>45</v>
      </c>
      <c r="L5" s="482"/>
      <c r="M5" s="299" t="s">
        <v>43</v>
      </c>
      <c r="N5" s="295" t="s">
        <v>44</v>
      </c>
      <c r="O5" s="301" t="s">
        <v>45</v>
      </c>
      <c r="P5" s="302" t="s">
        <v>83</v>
      </c>
      <c r="Q5" s="295" t="s">
        <v>47</v>
      </c>
      <c r="R5" s="295" t="s">
        <v>48</v>
      </c>
      <c r="S5" s="295" t="s">
        <v>49</v>
      </c>
      <c r="T5" s="295" t="s">
        <v>50</v>
      </c>
      <c r="U5" s="295" t="s">
        <v>51</v>
      </c>
      <c r="V5" s="301" t="s">
        <v>45</v>
      </c>
      <c r="W5" s="482"/>
      <c r="X5" s="299" t="s">
        <v>43</v>
      </c>
      <c r="Y5" s="295" t="s">
        <v>44</v>
      </c>
      <c r="Z5" s="301" t="s">
        <v>45</v>
      </c>
      <c r="AA5" s="302" t="s">
        <v>83</v>
      </c>
      <c r="AB5" s="295" t="s">
        <v>47</v>
      </c>
      <c r="AC5" s="295" t="s">
        <v>48</v>
      </c>
      <c r="AD5" s="295" t="s">
        <v>49</v>
      </c>
      <c r="AE5" s="295" t="s">
        <v>50</v>
      </c>
      <c r="AF5" s="295" t="s">
        <v>51</v>
      </c>
      <c r="AG5" s="301" t="s">
        <v>45</v>
      </c>
      <c r="AH5" s="482"/>
      <c r="AI5" s="299" t="s">
        <v>43</v>
      </c>
      <c r="AJ5" s="295" t="s">
        <v>44</v>
      </c>
      <c r="AK5" s="301" t="s">
        <v>45</v>
      </c>
      <c r="AL5" s="302" t="s">
        <v>83</v>
      </c>
      <c r="AM5" s="295" t="s">
        <v>47</v>
      </c>
      <c r="AN5" s="295" t="s">
        <v>48</v>
      </c>
      <c r="AO5" s="295" t="s">
        <v>49</v>
      </c>
      <c r="AP5" s="295" t="s">
        <v>50</v>
      </c>
      <c r="AQ5" s="295" t="s">
        <v>51</v>
      </c>
      <c r="AR5" s="301" t="s">
        <v>45</v>
      </c>
      <c r="AS5" s="482"/>
      <c r="AT5" s="299" t="s">
        <v>43</v>
      </c>
      <c r="AU5" s="295" t="s">
        <v>44</v>
      </c>
      <c r="AV5" s="301" t="s">
        <v>45</v>
      </c>
      <c r="AW5" s="302" t="s">
        <v>83</v>
      </c>
      <c r="AX5" s="295" t="s">
        <v>47</v>
      </c>
      <c r="AY5" s="295" t="s">
        <v>48</v>
      </c>
      <c r="AZ5" s="295" t="s">
        <v>49</v>
      </c>
      <c r="BA5" s="295" t="s">
        <v>50</v>
      </c>
      <c r="BB5" s="295" t="s">
        <v>51</v>
      </c>
      <c r="BC5" s="303" t="s">
        <v>45</v>
      </c>
      <c r="BD5" s="482"/>
      <c r="BE5" s="299" t="s">
        <v>43</v>
      </c>
      <c r="BF5" s="295" t="s">
        <v>44</v>
      </c>
      <c r="BG5" s="301" t="s">
        <v>45</v>
      </c>
      <c r="BH5" s="302" t="s">
        <v>83</v>
      </c>
      <c r="BI5" s="295" t="s">
        <v>47</v>
      </c>
      <c r="BJ5" s="295" t="s">
        <v>48</v>
      </c>
      <c r="BK5" s="295" t="s">
        <v>49</v>
      </c>
      <c r="BL5" s="295" t="s">
        <v>50</v>
      </c>
      <c r="BM5" s="295" t="s">
        <v>51</v>
      </c>
      <c r="BN5" s="301" t="s">
        <v>45</v>
      </c>
      <c r="BO5" s="482"/>
      <c r="BP5" s="299" t="s">
        <v>43</v>
      </c>
      <c r="BQ5" s="295" t="s">
        <v>44</v>
      </c>
      <c r="BR5" s="301" t="s">
        <v>45</v>
      </c>
      <c r="BS5" s="302" t="s">
        <v>83</v>
      </c>
      <c r="BT5" s="295" t="s">
        <v>47</v>
      </c>
      <c r="BU5" s="295" t="s">
        <v>48</v>
      </c>
      <c r="BV5" s="295" t="s">
        <v>49</v>
      </c>
      <c r="BW5" s="295" t="s">
        <v>50</v>
      </c>
      <c r="BX5" s="295" t="s">
        <v>51</v>
      </c>
      <c r="BY5" s="301" t="s">
        <v>45</v>
      </c>
      <c r="BZ5" s="482"/>
      <c r="CA5" s="299" t="s">
        <v>43</v>
      </c>
      <c r="CB5" s="295" t="s">
        <v>44</v>
      </c>
      <c r="CC5" s="301" t="s">
        <v>45</v>
      </c>
      <c r="CD5" s="302" t="s">
        <v>83</v>
      </c>
      <c r="CE5" s="295" t="s">
        <v>47</v>
      </c>
      <c r="CF5" s="295" t="s">
        <v>48</v>
      </c>
      <c r="CG5" s="295" t="s">
        <v>49</v>
      </c>
      <c r="CH5" s="295" t="s">
        <v>50</v>
      </c>
      <c r="CI5" s="295" t="s">
        <v>51</v>
      </c>
      <c r="CJ5" s="301" t="s">
        <v>45</v>
      </c>
      <c r="CK5" s="482"/>
      <c r="CL5" s="299" t="s">
        <v>43</v>
      </c>
      <c r="CM5" s="295" t="s">
        <v>44</v>
      </c>
      <c r="CN5" s="301" t="s">
        <v>45</v>
      </c>
      <c r="CO5" s="302" t="s">
        <v>83</v>
      </c>
      <c r="CP5" s="295" t="s">
        <v>47</v>
      </c>
      <c r="CQ5" s="295" t="s">
        <v>48</v>
      </c>
      <c r="CR5" s="295" t="s">
        <v>49</v>
      </c>
      <c r="CS5" s="295" t="s">
        <v>50</v>
      </c>
      <c r="CT5" s="295" t="s">
        <v>51</v>
      </c>
      <c r="CU5" s="301" t="s">
        <v>45</v>
      </c>
      <c r="CV5" s="482"/>
      <c r="CW5" s="299" t="s">
        <v>43</v>
      </c>
      <c r="CX5" s="295" t="s">
        <v>44</v>
      </c>
      <c r="CY5" s="301" t="s">
        <v>45</v>
      </c>
      <c r="CZ5" s="302" t="s">
        <v>83</v>
      </c>
      <c r="DA5" s="295" t="s">
        <v>47</v>
      </c>
      <c r="DB5" s="295" t="s">
        <v>48</v>
      </c>
      <c r="DC5" s="295" t="s">
        <v>49</v>
      </c>
      <c r="DD5" s="295" t="s">
        <v>50</v>
      </c>
      <c r="DE5" s="295" t="s">
        <v>51</v>
      </c>
      <c r="DF5" s="301" t="s">
        <v>45</v>
      </c>
      <c r="DG5" s="482"/>
      <c r="DH5" s="383" t="s">
        <v>43</v>
      </c>
      <c r="DI5" s="295" t="s">
        <v>44</v>
      </c>
      <c r="DJ5" s="301" t="s">
        <v>45</v>
      </c>
      <c r="DK5" s="302" t="s">
        <v>83</v>
      </c>
      <c r="DL5" s="295" t="s">
        <v>47</v>
      </c>
      <c r="DM5" s="295" t="s">
        <v>48</v>
      </c>
      <c r="DN5" s="295" t="s">
        <v>49</v>
      </c>
      <c r="DO5" s="295" t="s">
        <v>50</v>
      </c>
      <c r="DP5" s="295" t="s">
        <v>51</v>
      </c>
      <c r="DQ5" s="301" t="s">
        <v>45</v>
      </c>
      <c r="DR5" s="482"/>
      <c r="DS5" s="299" t="s">
        <v>43</v>
      </c>
      <c r="DT5" s="295" t="s">
        <v>44</v>
      </c>
      <c r="DU5" s="301" t="s">
        <v>45</v>
      </c>
      <c r="DV5" s="302" t="s">
        <v>83</v>
      </c>
      <c r="DW5" s="295" t="s">
        <v>47</v>
      </c>
      <c r="DX5" s="295" t="s">
        <v>48</v>
      </c>
      <c r="DY5" s="295" t="s">
        <v>49</v>
      </c>
      <c r="DZ5" s="295" t="s">
        <v>50</v>
      </c>
      <c r="EA5" s="295" t="s">
        <v>51</v>
      </c>
      <c r="EB5" s="301" t="s">
        <v>45</v>
      </c>
      <c r="EC5" s="482"/>
      <c r="ED5" s="299" t="s">
        <v>43</v>
      </c>
      <c r="EE5" s="295" t="s">
        <v>44</v>
      </c>
      <c r="EF5" s="301" t="s">
        <v>45</v>
      </c>
      <c r="EG5" s="302" t="s">
        <v>83</v>
      </c>
      <c r="EH5" s="295" t="s">
        <v>47</v>
      </c>
      <c r="EI5" s="295" t="s">
        <v>48</v>
      </c>
      <c r="EJ5" s="295" t="s">
        <v>49</v>
      </c>
      <c r="EK5" s="295" t="s">
        <v>50</v>
      </c>
      <c r="EL5" s="295" t="s">
        <v>51</v>
      </c>
      <c r="EM5" s="301" t="s">
        <v>45</v>
      </c>
      <c r="EN5" s="482"/>
      <c r="EO5" s="299" t="s">
        <v>43</v>
      </c>
      <c r="EP5" s="295" t="s">
        <v>44</v>
      </c>
      <c r="EQ5" s="301" t="s">
        <v>45</v>
      </c>
      <c r="ER5" s="302" t="s">
        <v>83</v>
      </c>
      <c r="ES5" s="295" t="s">
        <v>47</v>
      </c>
      <c r="ET5" s="295" t="s">
        <v>48</v>
      </c>
      <c r="EU5" s="295" t="s">
        <v>49</v>
      </c>
      <c r="EV5" s="295" t="s">
        <v>50</v>
      </c>
      <c r="EW5" s="295" t="s">
        <v>51</v>
      </c>
      <c r="EX5" s="301" t="s">
        <v>45</v>
      </c>
      <c r="EY5" s="482"/>
    </row>
    <row r="6" spans="1:155" ht="19.5" customHeight="1" x14ac:dyDescent="0.2">
      <c r="A6" s="296" t="s">
        <v>4</v>
      </c>
      <c r="B6" s="304">
        <v>0</v>
      </c>
      <c r="C6" s="307">
        <v>0</v>
      </c>
      <c r="D6" s="440">
        <v>0</v>
      </c>
      <c r="E6" s="306">
        <v>0</v>
      </c>
      <c r="F6" s="307">
        <v>19261</v>
      </c>
      <c r="G6" s="307">
        <v>22325</v>
      </c>
      <c r="H6" s="307">
        <v>11987</v>
      </c>
      <c r="I6" s="307">
        <v>9739</v>
      </c>
      <c r="J6" s="307">
        <v>7265</v>
      </c>
      <c r="K6" s="308">
        <v>70577</v>
      </c>
      <c r="L6" s="309">
        <v>70577</v>
      </c>
      <c r="M6" s="304">
        <v>1</v>
      </c>
      <c r="N6" s="307">
        <v>32</v>
      </c>
      <c r="O6" s="305">
        <v>33</v>
      </c>
      <c r="P6" s="306">
        <v>0</v>
      </c>
      <c r="Q6" s="307">
        <v>139</v>
      </c>
      <c r="R6" s="307">
        <v>509</v>
      </c>
      <c r="S6" s="307">
        <v>824</v>
      </c>
      <c r="T6" s="307">
        <v>1972</v>
      </c>
      <c r="U6" s="307">
        <v>3469</v>
      </c>
      <c r="V6" s="305">
        <v>6913</v>
      </c>
      <c r="W6" s="309">
        <v>6946</v>
      </c>
      <c r="X6" s="304">
        <v>2133</v>
      </c>
      <c r="Y6" s="307">
        <v>5311</v>
      </c>
      <c r="Z6" s="305">
        <v>7444</v>
      </c>
      <c r="AA6" s="306">
        <v>0</v>
      </c>
      <c r="AB6" s="307">
        <v>10808</v>
      </c>
      <c r="AC6" s="307">
        <v>15152</v>
      </c>
      <c r="AD6" s="307">
        <v>8984</v>
      </c>
      <c r="AE6" s="307">
        <v>8177</v>
      </c>
      <c r="AF6" s="307">
        <v>6323</v>
      </c>
      <c r="AG6" s="305">
        <v>49444</v>
      </c>
      <c r="AH6" s="309">
        <v>56888</v>
      </c>
      <c r="AI6" s="304">
        <v>246</v>
      </c>
      <c r="AJ6" s="307">
        <v>718</v>
      </c>
      <c r="AK6" s="305">
        <v>964</v>
      </c>
      <c r="AL6" s="306">
        <v>0</v>
      </c>
      <c r="AM6" s="307">
        <v>995</v>
      </c>
      <c r="AN6" s="307">
        <v>1698</v>
      </c>
      <c r="AO6" s="307">
        <v>1063</v>
      </c>
      <c r="AP6" s="307">
        <v>935</v>
      </c>
      <c r="AQ6" s="307">
        <v>650</v>
      </c>
      <c r="AR6" s="305">
        <v>5341</v>
      </c>
      <c r="AS6" s="309">
        <v>6305</v>
      </c>
      <c r="AT6" s="304">
        <v>2722</v>
      </c>
      <c r="AU6" s="307">
        <v>3610</v>
      </c>
      <c r="AV6" s="305">
        <v>6332</v>
      </c>
      <c r="AW6" s="306">
        <v>0</v>
      </c>
      <c r="AX6" s="307">
        <v>17183</v>
      </c>
      <c r="AY6" s="307">
        <v>21027</v>
      </c>
      <c r="AZ6" s="307">
        <v>17995</v>
      </c>
      <c r="BA6" s="307">
        <v>17657</v>
      </c>
      <c r="BB6" s="307">
        <v>13559</v>
      </c>
      <c r="BC6" s="308">
        <v>87421</v>
      </c>
      <c r="BD6" s="309">
        <v>93753</v>
      </c>
      <c r="BE6" s="304">
        <v>0</v>
      </c>
      <c r="BF6" s="307">
        <v>1</v>
      </c>
      <c r="BG6" s="305">
        <v>1</v>
      </c>
      <c r="BH6" s="306">
        <v>0</v>
      </c>
      <c r="BI6" s="307">
        <v>21447</v>
      </c>
      <c r="BJ6" s="307">
        <v>20153</v>
      </c>
      <c r="BK6" s="307">
        <v>10708</v>
      </c>
      <c r="BL6" s="307">
        <v>6426</v>
      </c>
      <c r="BM6" s="307">
        <v>3022</v>
      </c>
      <c r="BN6" s="305">
        <v>61756</v>
      </c>
      <c r="BO6" s="309">
        <v>61757</v>
      </c>
      <c r="BP6" s="304">
        <v>1542</v>
      </c>
      <c r="BQ6" s="307">
        <v>2600</v>
      </c>
      <c r="BR6" s="305">
        <v>4142</v>
      </c>
      <c r="BS6" s="306">
        <v>0</v>
      </c>
      <c r="BT6" s="307">
        <v>4310</v>
      </c>
      <c r="BU6" s="307">
        <v>6495</v>
      </c>
      <c r="BV6" s="307">
        <v>3745</v>
      </c>
      <c r="BW6" s="307">
        <v>2398</v>
      </c>
      <c r="BX6" s="307">
        <v>869</v>
      </c>
      <c r="BY6" s="305">
        <v>17817</v>
      </c>
      <c r="BZ6" s="309">
        <v>21959</v>
      </c>
      <c r="CA6" s="304">
        <v>69</v>
      </c>
      <c r="CB6" s="307">
        <v>234</v>
      </c>
      <c r="CC6" s="305">
        <v>303</v>
      </c>
      <c r="CD6" s="306">
        <v>0</v>
      </c>
      <c r="CE6" s="307">
        <v>2287</v>
      </c>
      <c r="CF6" s="307">
        <v>3650</v>
      </c>
      <c r="CG6" s="307">
        <v>4512</v>
      </c>
      <c r="CH6" s="307">
        <v>3231</v>
      </c>
      <c r="CI6" s="307">
        <v>1831</v>
      </c>
      <c r="CJ6" s="305">
        <v>15511</v>
      </c>
      <c r="CK6" s="309">
        <v>15814</v>
      </c>
      <c r="CL6" s="304">
        <v>4</v>
      </c>
      <c r="CM6" s="307">
        <v>27</v>
      </c>
      <c r="CN6" s="305">
        <v>31</v>
      </c>
      <c r="CO6" s="306">
        <v>0</v>
      </c>
      <c r="CP6" s="307">
        <v>220</v>
      </c>
      <c r="CQ6" s="307">
        <v>508</v>
      </c>
      <c r="CR6" s="307">
        <v>626</v>
      </c>
      <c r="CS6" s="307">
        <v>527</v>
      </c>
      <c r="CT6" s="307">
        <v>342</v>
      </c>
      <c r="CU6" s="305">
        <v>2223</v>
      </c>
      <c r="CV6" s="309">
        <v>2254</v>
      </c>
      <c r="CW6" s="304">
        <v>0</v>
      </c>
      <c r="CX6" s="307">
        <v>0</v>
      </c>
      <c r="CY6" s="305">
        <v>0</v>
      </c>
      <c r="CZ6" s="306">
        <v>0</v>
      </c>
      <c r="DA6" s="307">
        <v>0</v>
      </c>
      <c r="DB6" s="307">
        <v>0</v>
      </c>
      <c r="DC6" s="307">
        <v>0</v>
      </c>
      <c r="DD6" s="307">
        <v>0</v>
      </c>
      <c r="DE6" s="307">
        <v>0</v>
      </c>
      <c r="DF6" s="305">
        <v>0</v>
      </c>
      <c r="DG6" s="309">
        <v>0</v>
      </c>
      <c r="DH6" s="304">
        <v>0</v>
      </c>
      <c r="DI6" s="307">
        <v>0</v>
      </c>
      <c r="DJ6" s="305">
        <v>0</v>
      </c>
      <c r="DK6" s="306">
        <v>0</v>
      </c>
      <c r="DL6" s="307">
        <v>0</v>
      </c>
      <c r="DM6" s="307">
        <v>0</v>
      </c>
      <c r="DN6" s="307">
        <v>1</v>
      </c>
      <c r="DO6" s="307">
        <v>0</v>
      </c>
      <c r="DP6" s="307">
        <v>0</v>
      </c>
      <c r="DQ6" s="305">
        <v>1</v>
      </c>
      <c r="DR6" s="309">
        <v>1</v>
      </c>
      <c r="DS6" s="304">
        <v>10008</v>
      </c>
      <c r="DT6" s="307">
        <v>21682</v>
      </c>
      <c r="DU6" s="305">
        <v>31690</v>
      </c>
      <c r="DV6" s="306">
        <v>0</v>
      </c>
      <c r="DW6" s="307">
        <v>25800</v>
      </c>
      <c r="DX6" s="307">
        <v>43724</v>
      </c>
      <c r="DY6" s="307">
        <v>25603</v>
      </c>
      <c r="DZ6" s="307">
        <v>20000</v>
      </c>
      <c r="EA6" s="307">
        <v>12623</v>
      </c>
      <c r="EB6" s="305">
        <v>127750</v>
      </c>
      <c r="EC6" s="309">
        <v>159440</v>
      </c>
      <c r="ED6" s="304">
        <v>1737</v>
      </c>
      <c r="EE6" s="307">
        <v>1340</v>
      </c>
      <c r="EF6" s="305">
        <v>3077</v>
      </c>
      <c r="EG6" s="306">
        <v>0</v>
      </c>
      <c r="EH6" s="307">
        <v>5815</v>
      </c>
      <c r="EI6" s="307">
        <v>5280</v>
      </c>
      <c r="EJ6" s="307">
        <v>4547</v>
      </c>
      <c r="EK6" s="307">
        <v>5104</v>
      </c>
      <c r="EL6" s="307">
        <v>3077</v>
      </c>
      <c r="EM6" s="305">
        <v>23823</v>
      </c>
      <c r="EN6" s="309">
        <v>26900</v>
      </c>
      <c r="EO6" s="304">
        <v>12986</v>
      </c>
      <c r="EP6" s="307">
        <v>26025</v>
      </c>
      <c r="EQ6" s="305">
        <v>39011</v>
      </c>
      <c r="ER6" s="306">
        <v>0</v>
      </c>
      <c r="ES6" s="307">
        <v>55732</v>
      </c>
      <c r="ET6" s="307">
        <v>58808</v>
      </c>
      <c r="EU6" s="307">
        <v>30628</v>
      </c>
      <c r="EV6" s="307">
        <v>21593</v>
      </c>
      <c r="EW6" s="307">
        <v>13195</v>
      </c>
      <c r="EX6" s="305">
        <v>179956</v>
      </c>
      <c r="EY6" s="309">
        <v>218967</v>
      </c>
    </row>
    <row r="7" spans="1:155" ht="19.5" customHeight="1" x14ac:dyDescent="0.2">
      <c r="A7" s="297" t="s">
        <v>5</v>
      </c>
      <c r="B7" s="310">
        <v>0</v>
      </c>
      <c r="C7" s="313">
        <v>0</v>
      </c>
      <c r="D7" s="441">
        <v>0</v>
      </c>
      <c r="E7" s="312">
        <v>0</v>
      </c>
      <c r="F7" s="313">
        <v>6823</v>
      </c>
      <c r="G7" s="313">
        <v>11148</v>
      </c>
      <c r="H7" s="313">
        <v>5338</v>
      </c>
      <c r="I7" s="313">
        <v>4047</v>
      </c>
      <c r="J7" s="313">
        <v>3014</v>
      </c>
      <c r="K7" s="314">
        <v>30370</v>
      </c>
      <c r="L7" s="315">
        <v>30370</v>
      </c>
      <c r="M7" s="310">
        <v>0</v>
      </c>
      <c r="N7" s="313">
        <v>14</v>
      </c>
      <c r="O7" s="311">
        <v>14</v>
      </c>
      <c r="P7" s="312">
        <v>0</v>
      </c>
      <c r="Q7" s="313">
        <v>35</v>
      </c>
      <c r="R7" s="313">
        <v>200</v>
      </c>
      <c r="S7" s="313">
        <v>324</v>
      </c>
      <c r="T7" s="313">
        <v>776</v>
      </c>
      <c r="U7" s="313">
        <v>1516</v>
      </c>
      <c r="V7" s="311">
        <v>2851</v>
      </c>
      <c r="W7" s="315">
        <v>2865</v>
      </c>
      <c r="X7" s="310">
        <v>941</v>
      </c>
      <c r="Y7" s="313">
        <v>2752</v>
      </c>
      <c r="Z7" s="311">
        <v>3693</v>
      </c>
      <c r="AA7" s="312">
        <v>0</v>
      </c>
      <c r="AB7" s="313">
        <v>3914</v>
      </c>
      <c r="AC7" s="313">
        <v>7790</v>
      </c>
      <c r="AD7" s="313">
        <v>4235</v>
      </c>
      <c r="AE7" s="313">
        <v>3605</v>
      </c>
      <c r="AF7" s="313">
        <v>2764</v>
      </c>
      <c r="AG7" s="311">
        <v>22308</v>
      </c>
      <c r="AH7" s="315">
        <v>26001</v>
      </c>
      <c r="AI7" s="310">
        <v>102</v>
      </c>
      <c r="AJ7" s="313">
        <v>353</v>
      </c>
      <c r="AK7" s="311">
        <v>455</v>
      </c>
      <c r="AL7" s="312">
        <v>0</v>
      </c>
      <c r="AM7" s="313">
        <v>256</v>
      </c>
      <c r="AN7" s="313">
        <v>756</v>
      </c>
      <c r="AO7" s="313">
        <v>421</v>
      </c>
      <c r="AP7" s="313">
        <v>371</v>
      </c>
      <c r="AQ7" s="313">
        <v>246</v>
      </c>
      <c r="AR7" s="311">
        <v>2050</v>
      </c>
      <c r="AS7" s="315">
        <v>2505</v>
      </c>
      <c r="AT7" s="310">
        <v>1105</v>
      </c>
      <c r="AU7" s="313">
        <v>1662</v>
      </c>
      <c r="AV7" s="311">
        <v>2767</v>
      </c>
      <c r="AW7" s="312">
        <v>0</v>
      </c>
      <c r="AX7" s="313">
        <v>6189</v>
      </c>
      <c r="AY7" s="313">
        <v>9242</v>
      </c>
      <c r="AZ7" s="313">
        <v>7404</v>
      </c>
      <c r="BA7" s="313">
        <v>7037</v>
      </c>
      <c r="BB7" s="313">
        <v>5596</v>
      </c>
      <c r="BC7" s="314">
        <v>35468</v>
      </c>
      <c r="BD7" s="315">
        <v>38235</v>
      </c>
      <c r="BE7" s="310">
        <v>0</v>
      </c>
      <c r="BF7" s="313">
        <v>0</v>
      </c>
      <c r="BG7" s="311">
        <v>0</v>
      </c>
      <c r="BH7" s="312">
        <v>0</v>
      </c>
      <c r="BI7" s="313">
        <v>6694</v>
      </c>
      <c r="BJ7" s="313">
        <v>8492</v>
      </c>
      <c r="BK7" s="313">
        <v>4062</v>
      </c>
      <c r="BL7" s="313">
        <v>2281</v>
      </c>
      <c r="BM7" s="313">
        <v>1134</v>
      </c>
      <c r="BN7" s="311">
        <v>22663</v>
      </c>
      <c r="BO7" s="315">
        <v>22663</v>
      </c>
      <c r="BP7" s="310">
        <v>694</v>
      </c>
      <c r="BQ7" s="313">
        <v>1200</v>
      </c>
      <c r="BR7" s="311">
        <v>1894</v>
      </c>
      <c r="BS7" s="312">
        <v>0</v>
      </c>
      <c r="BT7" s="313">
        <v>1362</v>
      </c>
      <c r="BU7" s="313">
        <v>3114</v>
      </c>
      <c r="BV7" s="313">
        <v>1744</v>
      </c>
      <c r="BW7" s="313">
        <v>1044</v>
      </c>
      <c r="BX7" s="313">
        <v>388</v>
      </c>
      <c r="BY7" s="311">
        <v>7652</v>
      </c>
      <c r="BZ7" s="315">
        <v>9546</v>
      </c>
      <c r="CA7" s="310">
        <v>18</v>
      </c>
      <c r="CB7" s="313">
        <v>91</v>
      </c>
      <c r="CC7" s="311">
        <v>109</v>
      </c>
      <c r="CD7" s="312">
        <v>0</v>
      </c>
      <c r="CE7" s="313">
        <v>615</v>
      </c>
      <c r="CF7" s="313">
        <v>1279</v>
      </c>
      <c r="CG7" s="313">
        <v>1589</v>
      </c>
      <c r="CH7" s="313">
        <v>1132</v>
      </c>
      <c r="CI7" s="313">
        <v>674</v>
      </c>
      <c r="CJ7" s="311">
        <v>5289</v>
      </c>
      <c r="CK7" s="315">
        <v>5398</v>
      </c>
      <c r="CL7" s="310">
        <v>3</v>
      </c>
      <c r="CM7" s="313">
        <v>18</v>
      </c>
      <c r="CN7" s="311">
        <v>21</v>
      </c>
      <c r="CO7" s="312">
        <v>0</v>
      </c>
      <c r="CP7" s="313">
        <v>113</v>
      </c>
      <c r="CQ7" s="313">
        <v>282</v>
      </c>
      <c r="CR7" s="313">
        <v>349</v>
      </c>
      <c r="CS7" s="313">
        <v>285</v>
      </c>
      <c r="CT7" s="313">
        <v>208</v>
      </c>
      <c r="CU7" s="311">
        <v>1237</v>
      </c>
      <c r="CV7" s="315">
        <v>1258</v>
      </c>
      <c r="CW7" s="310">
        <v>0</v>
      </c>
      <c r="CX7" s="313">
        <v>0</v>
      </c>
      <c r="CY7" s="311">
        <v>0</v>
      </c>
      <c r="CZ7" s="312">
        <v>0</v>
      </c>
      <c r="DA7" s="313">
        <v>0</v>
      </c>
      <c r="DB7" s="313">
        <v>0</v>
      </c>
      <c r="DC7" s="313">
        <v>0</v>
      </c>
      <c r="DD7" s="313">
        <v>0</v>
      </c>
      <c r="DE7" s="313">
        <v>0</v>
      </c>
      <c r="DF7" s="311">
        <v>0</v>
      </c>
      <c r="DG7" s="315">
        <v>0</v>
      </c>
      <c r="DH7" s="310">
        <v>0</v>
      </c>
      <c r="DI7" s="313">
        <v>0</v>
      </c>
      <c r="DJ7" s="311">
        <v>0</v>
      </c>
      <c r="DK7" s="312">
        <v>0</v>
      </c>
      <c r="DL7" s="313">
        <v>0</v>
      </c>
      <c r="DM7" s="313">
        <v>0</v>
      </c>
      <c r="DN7" s="313">
        <v>0</v>
      </c>
      <c r="DO7" s="313">
        <v>0</v>
      </c>
      <c r="DP7" s="313">
        <v>0</v>
      </c>
      <c r="DQ7" s="311">
        <v>0</v>
      </c>
      <c r="DR7" s="315">
        <v>0</v>
      </c>
      <c r="DS7" s="310">
        <v>3345</v>
      </c>
      <c r="DT7" s="313">
        <v>9235</v>
      </c>
      <c r="DU7" s="311">
        <v>12580</v>
      </c>
      <c r="DV7" s="312">
        <v>0</v>
      </c>
      <c r="DW7" s="313">
        <v>7175</v>
      </c>
      <c r="DX7" s="313">
        <v>19478</v>
      </c>
      <c r="DY7" s="313">
        <v>10510</v>
      </c>
      <c r="DZ7" s="313">
        <v>7922</v>
      </c>
      <c r="EA7" s="313">
        <v>5196</v>
      </c>
      <c r="EB7" s="311">
        <v>50281</v>
      </c>
      <c r="EC7" s="315">
        <v>62861</v>
      </c>
      <c r="ED7" s="310">
        <v>718</v>
      </c>
      <c r="EE7" s="313">
        <v>526</v>
      </c>
      <c r="EF7" s="311">
        <v>1244</v>
      </c>
      <c r="EG7" s="312">
        <v>0</v>
      </c>
      <c r="EH7" s="313">
        <v>2380</v>
      </c>
      <c r="EI7" s="313">
        <v>2524</v>
      </c>
      <c r="EJ7" s="313">
        <v>2009</v>
      </c>
      <c r="EK7" s="313">
        <v>2215</v>
      </c>
      <c r="EL7" s="313">
        <v>1304</v>
      </c>
      <c r="EM7" s="311">
        <v>10432</v>
      </c>
      <c r="EN7" s="315">
        <v>11676</v>
      </c>
      <c r="EO7" s="310">
        <v>4698</v>
      </c>
      <c r="EP7" s="313">
        <v>11411</v>
      </c>
      <c r="EQ7" s="311">
        <v>16109</v>
      </c>
      <c r="ER7" s="312">
        <v>0</v>
      </c>
      <c r="ES7" s="313">
        <v>18007</v>
      </c>
      <c r="ET7" s="313">
        <v>26848</v>
      </c>
      <c r="EU7" s="313">
        <v>12748</v>
      </c>
      <c r="EV7" s="313">
        <v>8675</v>
      </c>
      <c r="EW7" s="313">
        <v>5432</v>
      </c>
      <c r="EX7" s="311">
        <v>71710</v>
      </c>
      <c r="EY7" s="315">
        <v>87819</v>
      </c>
    </row>
    <row r="8" spans="1:155" ht="19.5" customHeight="1" x14ac:dyDescent="0.2">
      <c r="A8" s="297" t="s">
        <v>6</v>
      </c>
      <c r="B8" s="310">
        <v>0</v>
      </c>
      <c r="C8" s="313">
        <v>0</v>
      </c>
      <c r="D8" s="441">
        <v>0</v>
      </c>
      <c r="E8" s="312">
        <v>0</v>
      </c>
      <c r="F8" s="313">
        <v>3470</v>
      </c>
      <c r="G8" s="313">
        <v>2960</v>
      </c>
      <c r="H8" s="313">
        <v>1770</v>
      </c>
      <c r="I8" s="313">
        <v>1575</v>
      </c>
      <c r="J8" s="313">
        <v>1141</v>
      </c>
      <c r="K8" s="314">
        <v>10916</v>
      </c>
      <c r="L8" s="315">
        <v>10916</v>
      </c>
      <c r="M8" s="310">
        <v>0</v>
      </c>
      <c r="N8" s="313">
        <v>3</v>
      </c>
      <c r="O8" s="311">
        <v>3</v>
      </c>
      <c r="P8" s="312">
        <v>0</v>
      </c>
      <c r="Q8" s="313">
        <v>23</v>
      </c>
      <c r="R8" s="313">
        <v>66</v>
      </c>
      <c r="S8" s="313">
        <v>114</v>
      </c>
      <c r="T8" s="313">
        <v>290</v>
      </c>
      <c r="U8" s="313">
        <v>515</v>
      </c>
      <c r="V8" s="311">
        <v>1008</v>
      </c>
      <c r="W8" s="315">
        <v>1011</v>
      </c>
      <c r="X8" s="310">
        <v>311</v>
      </c>
      <c r="Y8" s="313">
        <v>682</v>
      </c>
      <c r="Z8" s="311">
        <v>993</v>
      </c>
      <c r="AA8" s="312">
        <v>0</v>
      </c>
      <c r="AB8" s="313">
        <v>1947</v>
      </c>
      <c r="AC8" s="313">
        <v>1957</v>
      </c>
      <c r="AD8" s="313">
        <v>1200</v>
      </c>
      <c r="AE8" s="313">
        <v>1202</v>
      </c>
      <c r="AF8" s="313">
        <v>918</v>
      </c>
      <c r="AG8" s="311">
        <v>7224</v>
      </c>
      <c r="AH8" s="315">
        <v>8217</v>
      </c>
      <c r="AI8" s="310">
        <v>22</v>
      </c>
      <c r="AJ8" s="313">
        <v>57</v>
      </c>
      <c r="AK8" s="311">
        <v>79</v>
      </c>
      <c r="AL8" s="312">
        <v>0</v>
      </c>
      <c r="AM8" s="313">
        <v>158</v>
      </c>
      <c r="AN8" s="313">
        <v>191</v>
      </c>
      <c r="AO8" s="313">
        <v>128</v>
      </c>
      <c r="AP8" s="313">
        <v>130</v>
      </c>
      <c r="AQ8" s="313">
        <v>74</v>
      </c>
      <c r="AR8" s="311">
        <v>681</v>
      </c>
      <c r="AS8" s="315">
        <v>760</v>
      </c>
      <c r="AT8" s="310">
        <v>461</v>
      </c>
      <c r="AU8" s="313">
        <v>538</v>
      </c>
      <c r="AV8" s="311">
        <v>999</v>
      </c>
      <c r="AW8" s="312">
        <v>0</v>
      </c>
      <c r="AX8" s="313">
        <v>3190</v>
      </c>
      <c r="AY8" s="313">
        <v>3395</v>
      </c>
      <c r="AZ8" s="313">
        <v>3009</v>
      </c>
      <c r="BA8" s="313">
        <v>3133</v>
      </c>
      <c r="BB8" s="313">
        <v>2375</v>
      </c>
      <c r="BC8" s="314">
        <v>15102</v>
      </c>
      <c r="BD8" s="315">
        <v>16101</v>
      </c>
      <c r="BE8" s="310">
        <v>0</v>
      </c>
      <c r="BF8" s="313">
        <v>0</v>
      </c>
      <c r="BG8" s="311">
        <v>0</v>
      </c>
      <c r="BH8" s="312">
        <v>0</v>
      </c>
      <c r="BI8" s="313">
        <v>3674</v>
      </c>
      <c r="BJ8" s="313">
        <v>2626</v>
      </c>
      <c r="BK8" s="313">
        <v>1517</v>
      </c>
      <c r="BL8" s="313">
        <v>1018</v>
      </c>
      <c r="BM8" s="313">
        <v>444</v>
      </c>
      <c r="BN8" s="311">
        <v>9279</v>
      </c>
      <c r="BO8" s="315">
        <v>9279</v>
      </c>
      <c r="BP8" s="310">
        <v>84</v>
      </c>
      <c r="BQ8" s="313">
        <v>178</v>
      </c>
      <c r="BR8" s="311">
        <v>262</v>
      </c>
      <c r="BS8" s="312">
        <v>0</v>
      </c>
      <c r="BT8" s="313">
        <v>560</v>
      </c>
      <c r="BU8" s="313">
        <v>730</v>
      </c>
      <c r="BV8" s="313">
        <v>491</v>
      </c>
      <c r="BW8" s="313">
        <v>346</v>
      </c>
      <c r="BX8" s="313">
        <v>111</v>
      </c>
      <c r="BY8" s="311">
        <v>2238</v>
      </c>
      <c r="BZ8" s="315">
        <v>2500</v>
      </c>
      <c r="CA8" s="310">
        <v>7</v>
      </c>
      <c r="CB8" s="313">
        <v>21</v>
      </c>
      <c r="CC8" s="311">
        <v>28</v>
      </c>
      <c r="CD8" s="312">
        <v>0</v>
      </c>
      <c r="CE8" s="313">
        <v>324</v>
      </c>
      <c r="CF8" s="313">
        <v>436</v>
      </c>
      <c r="CG8" s="313">
        <v>554</v>
      </c>
      <c r="CH8" s="313">
        <v>412</v>
      </c>
      <c r="CI8" s="313">
        <v>237</v>
      </c>
      <c r="CJ8" s="311">
        <v>1963</v>
      </c>
      <c r="CK8" s="315">
        <v>1991</v>
      </c>
      <c r="CL8" s="310">
        <v>1</v>
      </c>
      <c r="CM8" s="313">
        <v>0</v>
      </c>
      <c r="CN8" s="311">
        <v>1</v>
      </c>
      <c r="CO8" s="312">
        <v>0</v>
      </c>
      <c r="CP8" s="313">
        <v>28</v>
      </c>
      <c r="CQ8" s="313">
        <v>61</v>
      </c>
      <c r="CR8" s="313">
        <v>72</v>
      </c>
      <c r="CS8" s="313">
        <v>83</v>
      </c>
      <c r="CT8" s="313">
        <v>45</v>
      </c>
      <c r="CU8" s="311">
        <v>289</v>
      </c>
      <c r="CV8" s="315">
        <v>290</v>
      </c>
      <c r="CW8" s="310">
        <v>0</v>
      </c>
      <c r="CX8" s="313">
        <v>0</v>
      </c>
      <c r="CY8" s="311">
        <v>0</v>
      </c>
      <c r="CZ8" s="312">
        <v>0</v>
      </c>
      <c r="DA8" s="313">
        <v>0</v>
      </c>
      <c r="DB8" s="313">
        <v>0</v>
      </c>
      <c r="DC8" s="313">
        <v>0</v>
      </c>
      <c r="DD8" s="313">
        <v>0</v>
      </c>
      <c r="DE8" s="313">
        <v>0</v>
      </c>
      <c r="DF8" s="311">
        <v>0</v>
      </c>
      <c r="DG8" s="315">
        <v>0</v>
      </c>
      <c r="DH8" s="310">
        <v>0</v>
      </c>
      <c r="DI8" s="313">
        <v>0</v>
      </c>
      <c r="DJ8" s="311">
        <v>0</v>
      </c>
      <c r="DK8" s="312">
        <v>0</v>
      </c>
      <c r="DL8" s="313">
        <v>0</v>
      </c>
      <c r="DM8" s="313">
        <v>0</v>
      </c>
      <c r="DN8" s="313">
        <v>0</v>
      </c>
      <c r="DO8" s="313">
        <v>0</v>
      </c>
      <c r="DP8" s="313">
        <v>0</v>
      </c>
      <c r="DQ8" s="311">
        <v>0</v>
      </c>
      <c r="DR8" s="315">
        <v>0</v>
      </c>
      <c r="DS8" s="310">
        <v>1432</v>
      </c>
      <c r="DT8" s="313">
        <v>2631</v>
      </c>
      <c r="DU8" s="311">
        <v>4063</v>
      </c>
      <c r="DV8" s="312">
        <v>0</v>
      </c>
      <c r="DW8" s="313">
        <v>4866</v>
      </c>
      <c r="DX8" s="313">
        <v>5579</v>
      </c>
      <c r="DY8" s="313">
        <v>3673</v>
      </c>
      <c r="DZ8" s="313">
        <v>3178</v>
      </c>
      <c r="EA8" s="313">
        <v>1956</v>
      </c>
      <c r="EB8" s="311">
        <v>19252</v>
      </c>
      <c r="EC8" s="315">
        <v>23315</v>
      </c>
      <c r="ED8" s="310">
        <v>252</v>
      </c>
      <c r="EE8" s="313">
        <v>172</v>
      </c>
      <c r="EF8" s="311">
        <v>424</v>
      </c>
      <c r="EG8" s="312">
        <v>0</v>
      </c>
      <c r="EH8" s="313">
        <v>799</v>
      </c>
      <c r="EI8" s="313">
        <v>677</v>
      </c>
      <c r="EJ8" s="313">
        <v>650</v>
      </c>
      <c r="EK8" s="313">
        <v>773</v>
      </c>
      <c r="EL8" s="313">
        <v>512</v>
      </c>
      <c r="EM8" s="311">
        <v>3411</v>
      </c>
      <c r="EN8" s="315">
        <v>3835</v>
      </c>
      <c r="EO8" s="310">
        <v>1765</v>
      </c>
      <c r="EP8" s="313">
        <v>3112</v>
      </c>
      <c r="EQ8" s="311">
        <v>4877</v>
      </c>
      <c r="ER8" s="312">
        <v>0</v>
      </c>
      <c r="ES8" s="313">
        <v>9443</v>
      </c>
      <c r="ET8" s="313">
        <v>7306</v>
      </c>
      <c r="EU8" s="313">
        <v>4257</v>
      </c>
      <c r="EV8" s="313">
        <v>3350</v>
      </c>
      <c r="EW8" s="313">
        <v>2045</v>
      </c>
      <c r="EX8" s="311">
        <v>26401</v>
      </c>
      <c r="EY8" s="315">
        <v>31278</v>
      </c>
    </row>
    <row r="9" spans="1:155" ht="19.5" customHeight="1" x14ac:dyDescent="0.2">
      <c r="A9" s="297" t="s">
        <v>14</v>
      </c>
      <c r="B9" s="310">
        <v>0</v>
      </c>
      <c r="C9" s="313">
        <v>0</v>
      </c>
      <c r="D9" s="441">
        <v>0</v>
      </c>
      <c r="E9" s="312">
        <v>0</v>
      </c>
      <c r="F9" s="313">
        <v>1177</v>
      </c>
      <c r="G9" s="313">
        <v>1540</v>
      </c>
      <c r="H9" s="313">
        <v>892</v>
      </c>
      <c r="I9" s="313">
        <v>690</v>
      </c>
      <c r="J9" s="313">
        <v>460</v>
      </c>
      <c r="K9" s="314">
        <v>4759</v>
      </c>
      <c r="L9" s="315">
        <v>4759</v>
      </c>
      <c r="M9" s="310">
        <v>0</v>
      </c>
      <c r="N9" s="313">
        <v>3</v>
      </c>
      <c r="O9" s="311">
        <v>3</v>
      </c>
      <c r="P9" s="312">
        <v>0</v>
      </c>
      <c r="Q9" s="313">
        <v>5</v>
      </c>
      <c r="R9" s="313">
        <v>25</v>
      </c>
      <c r="S9" s="313">
        <v>58</v>
      </c>
      <c r="T9" s="313">
        <v>129</v>
      </c>
      <c r="U9" s="313">
        <v>203</v>
      </c>
      <c r="V9" s="311">
        <v>420</v>
      </c>
      <c r="W9" s="315">
        <v>423</v>
      </c>
      <c r="X9" s="310">
        <v>112</v>
      </c>
      <c r="Y9" s="313">
        <v>390</v>
      </c>
      <c r="Z9" s="311">
        <v>502</v>
      </c>
      <c r="AA9" s="312">
        <v>0</v>
      </c>
      <c r="AB9" s="313">
        <v>623</v>
      </c>
      <c r="AC9" s="313">
        <v>983</v>
      </c>
      <c r="AD9" s="313">
        <v>656</v>
      </c>
      <c r="AE9" s="313">
        <v>624</v>
      </c>
      <c r="AF9" s="313">
        <v>421</v>
      </c>
      <c r="AG9" s="311">
        <v>3307</v>
      </c>
      <c r="AH9" s="315">
        <v>3809</v>
      </c>
      <c r="AI9" s="310">
        <v>7</v>
      </c>
      <c r="AJ9" s="313">
        <v>41</v>
      </c>
      <c r="AK9" s="311">
        <v>48</v>
      </c>
      <c r="AL9" s="312">
        <v>0</v>
      </c>
      <c r="AM9" s="313">
        <v>22</v>
      </c>
      <c r="AN9" s="313">
        <v>55</v>
      </c>
      <c r="AO9" s="313">
        <v>60</v>
      </c>
      <c r="AP9" s="313">
        <v>41</v>
      </c>
      <c r="AQ9" s="313">
        <v>28</v>
      </c>
      <c r="AR9" s="311">
        <v>206</v>
      </c>
      <c r="AS9" s="315">
        <v>254</v>
      </c>
      <c r="AT9" s="310">
        <v>192</v>
      </c>
      <c r="AU9" s="313">
        <v>307</v>
      </c>
      <c r="AV9" s="311">
        <v>499</v>
      </c>
      <c r="AW9" s="312">
        <v>0</v>
      </c>
      <c r="AX9" s="313">
        <v>1241</v>
      </c>
      <c r="AY9" s="313">
        <v>1563</v>
      </c>
      <c r="AZ9" s="313">
        <v>1434</v>
      </c>
      <c r="BA9" s="313">
        <v>1315</v>
      </c>
      <c r="BB9" s="313">
        <v>892</v>
      </c>
      <c r="BC9" s="314">
        <v>6445</v>
      </c>
      <c r="BD9" s="315">
        <v>6944</v>
      </c>
      <c r="BE9" s="310">
        <v>0</v>
      </c>
      <c r="BF9" s="313">
        <v>0</v>
      </c>
      <c r="BG9" s="311">
        <v>0</v>
      </c>
      <c r="BH9" s="312">
        <v>0</v>
      </c>
      <c r="BI9" s="313">
        <v>1539</v>
      </c>
      <c r="BJ9" s="313">
        <v>1568</v>
      </c>
      <c r="BK9" s="313">
        <v>1052</v>
      </c>
      <c r="BL9" s="313">
        <v>620</v>
      </c>
      <c r="BM9" s="313">
        <v>277</v>
      </c>
      <c r="BN9" s="311">
        <v>5056</v>
      </c>
      <c r="BO9" s="315">
        <v>5056</v>
      </c>
      <c r="BP9" s="310">
        <v>80</v>
      </c>
      <c r="BQ9" s="313">
        <v>186</v>
      </c>
      <c r="BR9" s="311">
        <v>266</v>
      </c>
      <c r="BS9" s="312">
        <v>0</v>
      </c>
      <c r="BT9" s="313">
        <v>145</v>
      </c>
      <c r="BU9" s="313">
        <v>369</v>
      </c>
      <c r="BV9" s="313">
        <v>220</v>
      </c>
      <c r="BW9" s="313">
        <v>173</v>
      </c>
      <c r="BX9" s="313">
        <v>42</v>
      </c>
      <c r="BY9" s="311">
        <v>949</v>
      </c>
      <c r="BZ9" s="315">
        <v>1215</v>
      </c>
      <c r="CA9" s="310">
        <v>7</v>
      </c>
      <c r="CB9" s="313">
        <v>21</v>
      </c>
      <c r="CC9" s="311">
        <v>28</v>
      </c>
      <c r="CD9" s="312">
        <v>0</v>
      </c>
      <c r="CE9" s="313">
        <v>173</v>
      </c>
      <c r="CF9" s="313">
        <v>279</v>
      </c>
      <c r="CG9" s="313">
        <v>417</v>
      </c>
      <c r="CH9" s="313">
        <v>307</v>
      </c>
      <c r="CI9" s="313">
        <v>155</v>
      </c>
      <c r="CJ9" s="311">
        <v>1331</v>
      </c>
      <c r="CK9" s="315">
        <v>1359</v>
      </c>
      <c r="CL9" s="310">
        <v>0</v>
      </c>
      <c r="CM9" s="313">
        <v>2</v>
      </c>
      <c r="CN9" s="311">
        <v>2</v>
      </c>
      <c r="CO9" s="312">
        <v>0</v>
      </c>
      <c r="CP9" s="313">
        <v>4</v>
      </c>
      <c r="CQ9" s="313">
        <v>7</v>
      </c>
      <c r="CR9" s="313">
        <v>8</v>
      </c>
      <c r="CS9" s="313">
        <v>14</v>
      </c>
      <c r="CT9" s="313">
        <v>7</v>
      </c>
      <c r="CU9" s="311">
        <v>40</v>
      </c>
      <c r="CV9" s="315">
        <v>42</v>
      </c>
      <c r="CW9" s="310">
        <v>0</v>
      </c>
      <c r="CX9" s="313">
        <v>0</v>
      </c>
      <c r="CY9" s="311">
        <v>0</v>
      </c>
      <c r="CZ9" s="312">
        <v>0</v>
      </c>
      <c r="DA9" s="313">
        <v>0</v>
      </c>
      <c r="DB9" s="313">
        <v>0</v>
      </c>
      <c r="DC9" s="313">
        <v>0</v>
      </c>
      <c r="DD9" s="313">
        <v>0</v>
      </c>
      <c r="DE9" s="313">
        <v>0</v>
      </c>
      <c r="DF9" s="311">
        <v>0</v>
      </c>
      <c r="DG9" s="315">
        <v>0</v>
      </c>
      <c r="DH9" s="310">
        <v>0</v>
      </c>
      <c r="DI9" s="313">
        <v>0</v>
      </c>
      <c r="DJ9" s="311">
        <v>0</v>
      </c>
      <c r="DK9" s="312">
        <v>0</v>
      </c>
      <c r="DL9" s="313">
        <v>0</v>
      </c>
      <c r="DM9" s="313">
        <v>0</v>
      </c>
      <c r="DN9" s="313">
        <v>0</v>
      </c>
      <c r="DO9" s="313">
        <v>0</v>
      </c>
      <c r="DP9" s="313">
        <v>0</v>
      </c>
      <c r="DQ9" s="311">
        <v>0</v>
      </c>
      <c r="DR9" s="315">
        <v>0</v>
      </c>
      <c r="DS9" s="310">
        <v>780</v>
      </c>
      <c r="DT9" s="313">
        <v>2217</v>
      </c>
      <c r="DU9" s="311">
        <v>2997</v>
      </c>
      <c r="DV9" s="312">
        <v>0</v>
      </c>
      <c r="DW9" s="313">
        <v>1634</v>
      </c>
      <c r="DX9" s="313">
        <v>3472</v>
      </c>
      <c r="DY9" s="313">
        <v>2153</v>
      </c>
      <c r="DZ9" s="313">
        <v>1676</v>
      </c>
      <c r="EA9" s="313">
        <v>882</v>
      </c>
      <c r="EB9" s="311">
        <v>9817</v>
      </c>
      <c r="EC9" s="315">
        <v>12814</v>
      </c>
      <c r="ED9" s="310">
        <v>132</v>
      </c>
      <c r="EE9" s="313">
        <v>124</v>
      </c>
      <c r="EF9" s="311">
        <v>256</v>
      </c>
      <c r="EG9" s="312">
        <v>0</v>
      </c>
      <c r="EH9" s="313">
        <v>327</v>
      </c>
      <c r="EI9" s="313">
        <v>281</v>
      </c>
      <c r="EJ9" s="313">
        <v>262</v>
      </c>
      <c r="EK9" s="313">
        <v>286</v>
      </c>
      <c r="EL9" s="313">
        <v>149</v>
      </c>
      <c r="EM9" s="311">
        <v>1305</v>
      </c>
      <c r="EN9" s="315">
        <v>1561</v>
      </c>
      <c r="EO9" s="310">
        <v>930</v>
      </c>
      <c r="EP9" s="313">
        <v>2486</v>
      </c>
      <c r="EQ9" s="311">
        <v>3416</v>
      </c>
      <c r="ER9" s="312">
        <v>0</v>
      </c>
      <c r="ES9" s="313">
        <v>3775</v>
      </c>
      <c r="ET9" s="313">
        <v>4513</v>
      </c>
      <c r="EU9" s="313">
        <v>2610</v>
      </c>
      <c r="EV9" s="313">
        <v>1841</v>
      </c>
      <c r="EW9" s="313">
        <v>949</v>
      </c>
      <c r="EX9" s="311">
        <v>13688</v>
      </c>
      <c r="EY9" s="315">
        <v>17104</v>
      </c>
    </row>
    <row r="10" spans="1:155" ht="19.5" customHeight="1" x14ac:dyDescent="0.2">
      <c r="A10" s="297" t="s">
        <v>7</v>
      </c>
      <c r="B10" s="310">
        <v>0</v>
      </c>
      <c r="C10" s="313">
        <v>0</v>
      </c>
      <c r="D10" s="441">
        <v>0</v>
      </c>
      <c r="E10" s="312">
        <v>0</v>
      </c>
      <c r="F10" s="313">
        <v>1501</v>
      </c>
      <c r="G10" s="313">
        <v>1167</v>
      </c>
      <c r="H10" s="313">
        <v>626</v>
      </c>
      <c r="I10" s="313">
        <v>548</v>
      </c>
      <c r="J10" s="313">
        <v>376</v>
      </c>
      <c r="K10" s="314">
        <v>4218</v>
      </c>
      <c r="L10" s="315">
        <v>4218</v>
      </c>
      <c r="M10" s="310">
        <v>0</v>
      </c>
      <c r="N10" s="313">
        <v>0</v>
      </c>
      <c r="O10" s="311">
        <v>0</v>
      </c>
      <c r="P10" s="312">
        <v>0</v>
      </c>
      <c r="Q10" s="313">
        <v>19</v>
      </c>
      <c r="R10" s="313">
        <v>38</v>
      </c>
      <c r="S10" s="313">
        <v>64</v>
      </c>
      <c r="T10" s="313">
        <v>130</v>
      </c>
      <c r="U10" s="313">
        <v>192</v>
      </c>
      <c r="V10" s="311">
        <v>443</v>
      </c>
      <c r="W10" s="315">
        <v>443</v>
      </c>
      <c r="X10" s="310">
        <v>12</v>
      </c>
      <c r="Y10" s="313">
        <v>23</v>
      </c>
      <c r="Z10" s="311">
        <v>35</v>
      </c>
      <c r="AA10" s="312">
        <v>0</v>
      </c>
      <c r="AB10" s="313">
        <v>448</v>
      </c>
      <c r="AC10" s="313">
        <v>524</v>
      </c>
      <c r="AD10" s="313">
        <v>334</v>
      </c>
      <c r="AE10" s="313">
        <v>330</v>
      </c>
      <c r="AF10" s="313">
        <v>280</v>
      </c>
      <c r="AG10" s="311">
        <v>1916</v>
      </c>
      <c r="AH10" s="315">
        <v>1951</v>
      </c>
      <c r="AI10" s="310">
        <v>5</v>
      </c>
      <c r="AJ10" s="313">
        <v>7</v>
      </c>
      <c r="AK10" s="311">
        <v>12</v>
      </c>
      <c r="AL10" s="312">
        <v>0</v>
      </c>
      <c r="AM10" s="313">
        <v>57</v>
      </c>
      <c r="AN10" s="313">
        <v>79</v>
      </c>
      <c r="AO10" s="313">
        <v>37</v>
      </c>
      <c r="AP10" s="313">
        <v>52</v>
      </c>
      <c r="AQ10" s="313">
        <v>35</v>
      </c>
      <c r="AR10" s="311">
        <v>260</v>
      </c>
      <c r="AS10" s="315">
        <v>272</v>
      </c>
      <c r="AT10" s="310">
        <v>132</v>
      </c>
      <c r="AU10" s="313">
        <v>101</v>
      </c>
      <c r="AV10" s="311">
        <v>233</v>
      </c>
      <c r="AW10" s="312">
        <v>0</v>
      </c>
      <c r="AX10" s="313">
        <v>1120</v>
      </c>
      <c r="AY10" s="313">
        <v>1046</v>
      </c>
      <c r="AZ10" s="313">
        <v>940</v>
      </c>
      <c r="BA10" s="313">
        <v>992</v>
      </c>
      <c r="BB10" s="313">
        <v>632</v>
      </c>
      <c r="BC10" s="314">
        <v>4730</v>
      </c>
      <c r="BD10" s="315">
        <v>4963</v>
      </c>
      <c r="BE10" s="310">
        <v>0</v>
      </c>
      <c r="BF10" s="313">
        <v>0</v>
      </c>
      <c r="BG10" s="311">
        <v>0</v>
      </c>
      <c r="BH10" s="312">
        <v>0</v>
      </c>
      <c r="BI10" s="313">
        <v>1732</v>
      </c>
      <c r="BJ10" s="313">
        <v>1168</v>
      </c>
      <c r="BK10" s="313">
        <v>538</v>
      </c>
      <c r="BL10" s="313">
        <v>352</v>
      </c>
      <c r="BM10" s="313">
        <v>149</v>
      </c>
      <c r="BN10" s="311">
        <v>3939</v>
      </c>
      <c r="BO10" s="315">
        <v>3939</v>
      </c>
      <c r="BP10" s="310">
        <v>34</v>
      </c>
      <c r="BQ10" s="313">
        <v>48</v>
      </c>
      <c r="BR10" s="311">
        <v>82</v>
      </c>
      <c r="BS10" s="312">
        <v>0</v>
      </c>
      <c r="BT10" s="313">
        <v>245</v>
      </c>
      <c r="BU10" s="313">
        <v>218</v>
      </c>
      <c r="BV10" s="313">
        <v>121</v>
      </c>
      <c r="BW10" s="313">
        <v>68</v>
      </c>
      <c r="BX10" s="313">
        <v>18</v>
      </c>
      <c r="BY10" s="311">
        <v>670</v>
      </c>
      <c r="BZ10" s="315">
        <v>752</v>
      </c>
      <c r="CA10" s="310">
        <v>2</v>
      </c>
      <c r="CB10" s="313">
        <v>1</v>
      </c>
      <c r="CC10" s="311">
        <v>3</v>
      </c>
      <c r="CD10" s="312">
        <v>0</v>
      </c>
      <c r="CE10" s="313">
        <v>222</v>
      </c>
      <c r="CF10" s="313">
        <v>291</v>
      </c>
      <c r="CG10" s="313">
        <v>280</v>
      </c>
      <c r="CH10" s="313">
        <v>203</v>
      </c>
      <c r="CI10" s="313">
        <v>110</v>
      </c>
      <c r="CJ10" s="311">
        <v>1106</v>
      </c>
      <c r="CK10" s="315">
        <v>1109</v>
      </c>
      <c r="CL10" s="310">
        <v>0</v>
      </c>
      <c r="CM10" s="313">
        <v>0</v>
      </c>
      <c r="CN10" s="311">
        <v>0</v>
      </c>
      <c r="CO10" s="312">
        <v>0</v>
      </c>
      <c r="CP10" s="313">
        <v>7</v>
      </c>
      <c r="CQ10" s="313">
        <v>19</v>
      </c>
      <c r="CR10" s="313">
        <v>18</v>
      </c>
      <c r="CS10" s="313">
        <v>8</v>
      </c>
      <c r="CT10" s="313">
        <v>8</v>
      </c>
      <c r="CU10" s="311">
        <v>60</v>
      </c>
      <c r="CV10" s="315">
        <v>60</v>
      </c>
      <c r="CW10" s="310">
        <v>0</v>
      </c>
      <c r="CX10" s="313">
        <v>0</v>
      </c>
      <c r="CY10" s="311">
        <v>0</v>
      </c>
      <c r="CZ10" s="312">
        <v>0</v>
      </c>
      <c r="DA10" s="313">
        <v>0</v>
      </c>
      <c r="DB10" s="313">
        <v>0</v>
      </c>
      <c r="DC10" s="313">
        <v>0</v>
      </c>
      <c r="DD10" s="313">
        <v>0</v>
      </c>
      <c r="DE10" s="313">
        <v>0</v>
      </c>
      <c r="DF10" s="311">
        <v>0</v>
      </c>
      <c r="DG10" s="315">
        <v>0</v>
      </c>
      <c r="DH10" s="310">
        <v>0</v>
      </c>
      <c r="DI10" s="313">
        <v>0</v>
      </c>
      <c r="DJ10" s="311">
        <v>0</v>
      </c>
      <c r="DK10" s="312">
        <v>0</v>
      </c>
      <c r="DL10" s="313">
        <v>0</v>
      </c>
      <c r="DM10" s="313">
        <v>0</v>
      </c>
      <c r="DN10" s="313">
        <v>0</v>
      </c>
      <c r="DO10" s="313">
        <v>0</v>
      </c>
      <c r="DP10" s="313">
        <v>0</v>
      </c>
      <c r="DQ10" s="311">
        <v>0</v>
      </c>
      <c r="DR10" s="315">
        <v>0</v>
      </c>
      <c r="DS10" s="310">
        <v>291</v>
      </c>
      <c r="DT10" s="313">
        <v>628</v>
      </c>
      <c r="DU10" s="311">
        <v>919</v>
      </c>
      <c r="DV10" s="312">
        <v>0</v>
      </c>
      <c r="DW10" s="313">
        <v>1928</v>
      </c>
      <c r="DX10" s="313">
        <v>2267</v>
      </c>
      <c r="DY10" s="313">
        <v>1284</v>
      </c>
      <c r="DZ10" s="313">
        <v>1011</v>
      </c>
      <c r="EA10" s="313">
        <v>604</v>
      </c>
      <c r="EB10" s="311">
        <v>7094</v>
      </c>
      <c r="EC10" s="315">
        <v>8013</v>
      </c>
      <c r="ED10" s="310">
        <v>108</v>
      </c>
      <c r="EE10" s="313">
        <v>53</v>
      </c>
      <c r="EF10" s="311">
        <v>161</v>
      </c>
      <c r="EG10" s="312">
        <v>0</v>
      </c>
      <c r="EH10" s="313">
        <v>469</v>
      </c>
      <c r="EI10" s="313">
        <v>270</v>
      </c>
      <c r="EJ10" s="313">
        <v>256</v>
      </c>
      <c r="EK10" s="313">
        <v>279</v>
      </c>
      <c r="EL10" s="313">
        <v>142</v>
      </c>
      <c r="EM10" s="311">
        <v>1416</v>
      </c>
      <c r="EN10" s="315">
        <v>1577</v>
      </c>
      <c r="EO10" s="310">
        <v>334</v>
      </c>
      <c r="EP10" s="313">
        <v>672</v>
      </c>
      <c r="EQ10" s="311">
        <v>1006</v>
      </c>
      <c r="ER10" s="312">
        <v>0</v>
      </c>
      <c r="ES10" s="313">
        <v>4298</v>
      </c>
      <c r="ET10" s="313">
        <v>3127</v>
      </c>
      <c r="EU10" s="313">
        <v>1575</v>
      </c>
      <c r="EV10" s="313">
        <v>1120</v>
      </c>
      <c r="EW10" s="313">
        <v>644</v>
      </c>
      <c r="EX10" s="311">
        <v>10764</v>
      </c>
      <c r="EY10" s="315">
        <v>11770</v>
      </c>
    </row>
    <row r="11" spans="1:155" ht="19.5" customHeight="1" x14ac:dyDescent="0.2">
      <c r="A11" s="297" t="s">
        <v>8</v>
      </c>
      <c r="B11" s="310">
        <v>0</v>
      </c>
      <c r="C11" s="313">
        <v>0</v>
      </c>
      <c r="D11" s="441">
        <v>0</v>
      </c>
      <c r="E11" s="312">
        <v>0</v>
      </c>
      <c r="F11" s="313">
        <v>489</v>
      </c>
      <c r="G11" s="313">
        <v>600</v>
      </c>
      <c r="H11" s="313">
        <v>338</v>
      </c>
      <c r="I11" s="313">
        <v>274</v>
      </c>
      <c r="J11" s="313">
        <v>247</v>
      </c>
      <c r="K11" s="314">
        <v>1948</v>
      </c>
      <c r="L11" s="315">
        <v>1948</v>
      </c>
      <c r="M11" s="310">
        <v>0</v>
      </c>
      <c r="N11" s="313">
        <v>0</v>
      </c>
      <c r="O11" s="311">
        <v>0</v>
      </c>
      <c r="P11" s="312">
        <v>0</v>
      </c>
      <c r="Q11" s="313">
        <v>5</v>
      </c>
      <c r="R11" s="313">
        <v>14</v>
      </c>
      <c r="S11" s="313">
        <v>31</v>
      </c>
      <c r="T11" s="313">
        <v>51</v>
      </c>
      <c r="U11" s="313">
        <v>100</v>
      </c>
      <c r="V11" s="311">
        <v>201</v>
      </c>
      <c r="W11" s="315">
        <v>201</v>
      </c>
      <c r="X11" s="310">
        <v>52</v>
      </c>
      <c r="Y11" s="313">
        <v>80</v>
      </c>
      <c r="Z11" s="311">
        <v>132</v>
      </c>
      <c r="AA11" s="312">
        <v>0</v>
      </c>
      <c r="AB11" s="313">
        <v>265</v>
      </c>
      <c r="AC11" s="313">
        <v>358</v>
      </c>
      <c r="AD11" s="313">
        <v>229</v>
      </c>
      <c r="AE11" s="313">
        <v>205</v>
      </c>
      <c r="AF11" s="313">
        <v>182</v>
      </c>
      <c r="AG11" s="311">
        <v>1239</v>
      </c>
      <c r="AH11" s="315">
        <v>1371</v>
      </c>
      <c r="AI11" s="310">
        <v>5</v>
      </c>
      <c r="AJ11" s="313">
        <v>17</v>
      </c>
      <c r="AK11" s="311">
        <v>22</v>
      </c>
      <c r="AL11" s="312">
        <v>0</v>
      </c>
      <c r="AM11" s="313">
        <v>41</v>
      </c>
      <c r="AN11" s="313">
        <v>84</v>
      </c>
      <c r="AO11" s="313">
        <v>64</v>
      </c>
      <c r="AP11" s="313">
        <v>35</v>
      </c>
      <c r="AQ11" s="313">
        <v>27</v>
      </c>
      <c r="AR11" s="311">
        <v>251</v>
      </c>
      <c r="AS11" s="315">
        <v>273</v>
      </c>
      <c r="AT11" s="310">
        <v>78</v>
      </c>
      <c r="AU11" s="313">
        <v>45</v>
      </c>
      <c r="AV11" s="311">
        <v>123</v>
      </c>
      <c r="AW11" s="312">
        <v>0</v>
      </c>
      <c r="AX11" s="313">
        <v>439</v>
      </c>
      <c r="AY11" s="313">
        <v>522</v>
      </c>
      <c r="AZ11" s="313">
        <v>498</v>
      </c>
      <c r="BA11" s="313">
        <v>476</v>
      </c>
      <c r="BB11" s="313">
        <v>375</v>
      </c>
      <c r="BC11" s="314">
        <v>2310</v>
      </c>
      <c r="BD11" s="315">
        <v>2433</v>
      </c>
      <c r="BE11" s="310">
        <v>0</v>
      </c>
      <c r="BF11" s="313">
        <v>0</v>
      </c>
      <c r="BG11" s="311">
        <v>0</v>
      </c>
      <c r="BH11" s="312">
        <v>0</v>
      </c>
      <c r="BI11" s="313">
        <v>608</v>
      </c>
      <c r="BJ11" s="313">
        <v>615</v>
      </c>
      <c r="BK11" s="313">
        <v>356</v>
      </c>
      <c r="BL11" s="313">
        <v>195</v>
      </c>
      <c r="BM11" s="313">
        <v>123</v>
      </c>
      <c r="BN11" s="311">
        <v>1897</v>
      </c>
      <c r="BO11" s="315">
        <v>1897</v>
      </c>
      <c r="BP11" s="310">
        <v>56</v>
      </c>
      <c r="BQ11" s="313">
        <v>68</v>
      </c>
      <c r="BR11" s="311">
        <v>124</v>
      </c>
      <c r="BS11" s="312">
        <v>0</v>
      </c>
      <c r="BT11" s="313">
        <v>121</v>
      </c>
      <c r="BU11" s="313">
        <v>161</v>
      </c>
      <c r="BV11" s="313">
        <v>94</v>
      </c>
      <c r="BW11" s="313">
        <v>54</v>
      </c>
      <c r="BX11" s="313">
        <v>18</v>
      </c>
      <c r="BY11" s="311">
        <v>448</v>
      </c>
      <c r="BZ11" s="315">
        <v>572</v>
      </c>
      <c r="CA11" s="310">
        <v>1</v>
      </c>
      <c r="CB11" s="313">
        <v>10</v>
      </c>
      <c r="CC11" s="311">
        <v>11</v>
      </c>
      <c r="CD11" s="312">
        <v>0</v>
      </c>
      <c r="CE11" s="313">
        <v>78</v>
      </c>
      <c r="CF11" s="313">
        <v>155</v>
      </c>
      <c r="CG11" s="313">
        <v>186</v>
      </c>
      <c r="CH11" s="313">
        <v>131</v>
      </c>
      <c r="CI11" s="313">
        <v>67</v>
      </c>
      <c r="CJ11" s="311">
        <v>617</v>
      </c>
      <c r="CK11" s="315">
        <v>628</v>
      </c>
      <c r="CL11" s="310">
        <v>0</v>
      </c>
      <c r="CM11" s="313">
        <v>0</v>
      </c>
      <c r="CN11" s="311">
        <v>0</v>
      </c>
      <c r="CO11" s="312">
        <v>0</v>
      </c>
      <c r="CP11" s="313">
        <v>2</v>
      </c>
      <c r="CQ11" s="313">
        <v>10</v>
      </c>
      <c r="CR11" s="313">
        <v>13</v>
      </c>
      <c r="CS11" s="313">
        <v>2</v>
      </c>
      <c r="CT11" s="313">
        <v>2</v>
      </c>
      <c r="CU11" s="311">
        <v>29</v>
      </c>
      <c r="CV11" s="315">
        <v>29</v>
      </c>
      <c r="CW11" s="310">
        <v>0</v>
      </c>
      <c r="CX11" s="313">
        <v>0</v>
      </c>
      <c r="CY11" s="311">
        <v>0</v>
      </c>
      <c r="CZ11" s="312">
        <v>0</v>
      </c>
      <c r="DA11" s="313">
        <v>0</v>
      </c>
      <c r="DB11" s="313">
        <v>0</v>
      </c>
      <c r="DC11" s="313">
        <v>0</v>
      </c>
      <c r="DD11" s="313">
        <v>0</v>
      </c>
      <c r="DE11" s="313">
        <v>0</v>
      </c>
      <c r="DF11" s="311">
        <v>0</v>
      </c>
      <c r="DG11" s="315">
        <v>0</v>
      </c>
      <c r="DH11" s="310">
        <v>0</v>
      </c>
      <c r="DI11" s="313">
        <v>0</v>
      </c>
      <c r="DJ11" s="311">
        <v>0</v>
      </c>
      <c r="DK11" s="312">
        <v>0</v>
      </c>
      <c r="DL11" s="313">
        <v>0</v>
      </c>
      <c r="DM11" s="313">
        <v>0</v>
      </c>
      <c r="DN11" s="313">
        <v>0</v>
      </c>
      <c r="DO11" s="313">
        <v>0</v>
      </c>
      <c r="DP11" s="313">
        <v>0</v>
      </c>
      <c r="DQ11" s="311">
        <v>0</v>
      </c>
      <c r="DR11" s="315">
        <v>0</v>
      </c>
      <c r="DS11" s="310">
        <v>359</v>
      </c>
      <c r="DT11" s="313">
        <v>549</v>
      </c>
      <c r="DU11" s="311">
        <v>908</v>
      </c>
      <c r="DV11" s="312">
        <v>0</v>
      </c>
      <c r="DW11" s="313">
        <v>905</v>
      </c>
      <c r="DX11" s="313">
        <v>1413</v>
      </c>
      <c r="DY11" s="313">
        <v>824</v>
      </c>
      <c r="DZ11" s="313">
        <v>571</v>
      </c>
      <c r="EA11" s="313">
        <v>404</v>
      </c>
      <c r="EB11" s="311">
        <v>4117</v>
      </c>
      <c r="EC11" s="315">
        <v>5025</v>
      </c>
      <c r="ED11" s="310">
        <v>58</v>
      </c>
      <c r="EE11" s="313">
        <v>19</v>
      </c>
      <c r="EF11" s="311">
        <v>77</v>
      </c>
      <c r="EG11" s="312">
        <v>0</v>
      </c>
      <c r="EH11" s="313">
        <v>148</v>
      </c>
      <c r="EI11" s="313">
        <v>105</v>
      </c>
      <c r="EJ11" s="313">
        <v>98</v>
      </c>
      <c r="EK11" s="313">
        <v>129</v>
      </c>
      <c r="EL11" s="313">
        <v>73</v>
      </c>
      <c r="EM11" s="311">
        <v>553</v>
      </c>
      <c r="EN11" s="315">
        <v>630</v>
      </c>
      <c r="EO11" s="310">
        <v>443</v>
      </c>
      <c r="EP11" s="313">
        <v>630</v>
      </c>
      <c r="EQ11" s="311">
        <v>1073</v>
      </c>
      <c r="ER11" s="312">
        <v>0</v>
      </c>
      <c r="ES11" s="313">
        <v>1760</v>
      </c>
      <c r="ET11" s="313">
        <v>1840</v>
      </c>
      <c r="EU11" s="313">
        <v>989</v>
      </c>
      <c r="EV11" s="313">
        <v>618</v>
      </c>
      <c r="EW11" s="313">
        <v>430</v>
      </c>
      <c r="EX11" s="311">
        <v>5637</v>
      </c>
      <c r="EY11" s="315">
        <v>6710</v>
      </c>
    </row>
    <row r="12" spans="1:155" ht="19.5" customHeight="1" x14ac:dyDescent="0.2">
      <c r="A12" s="297" t="s">
        <v>9</v>
      </c>
      <c r="B12" s="310">
        <v>0</v>
      </c>
      <c r="C12" s="313">
        <v>0</v>
      </c>
      <c r="D12" s="441">
        <v>0</v>
      </c>
      <c r="E12" s="312">
        <v>0</v>
      </c>
      <c r="F12" s="313">
        <v>627</v>
      </c>
      <c r="G12" s="313">
        <v>531</v>
      </c>
      <c r="H12" s="313">
        <v>355</v>
      </c>
      <c r="I12" s="313">
        <v>359</v>
      </c>
      <c r="J12" s="313">
        <v>253</v>
      </c>
      <c r="K12" s="314">
        <v>2125</v>
      </c>
      <c r="L12" s="315">
        <v>2125</v>
      </c>
      <c r="M12" s="310">
        <v>0</v>
      </c>
      <c r="N12" s="313">
        <v>0</v>
      </c>
      <c r="O12" s="311">
        <v>0</v>
      </c>
      <c r="P12" s="312">
        <v>0</v>
      </c>
      <c r="Q12" s="313">
        <v>9</v>
      </c>
      <c r="R12" s="313">
        <v>7</v>
      </c>
      <c r="S12" s="313">
        <v>20</v>
      </c>
      <c r="T12" s="313">
        <v>58</v>
      </c>
      <c r="U12" s="313">
        <v>108</v>
      </c>
      <c r="V12" s="311">
        <v>202</v>
      </c>
      <c r="W12" s="315">
        <v>202</v>
      </c>
      <c r="X12" s="310">
        <v>31</v>
      </c>
      <c r="Y12" s="313">
        <v>68</v>
      </c>
      <c r="Z12" s="311">
        <v>99</v>
      </c>
      <c r="AA12" s="312">
        <v>0</v>
      </c>
      <c r="AB12" s="313">
        <v>339</v>
      </c>
      <c r="AC12" s="313">
        <v>294</v>
      </c>
      <c r="AD12" s="313">
        <v>230</v>
      </c>
      <c r="AE12" s="313">
        <v>246</v>
      </c>
      <c r="AF12" s="313">
        <v>186</v>
      </c>
      <c r="AG12" s="311">
        <v>1295</v>
      </c>
      <c r="AH12" s="315">
        <v>1394</v>
      </c>
      <c r="AI12" s="310">
        <v>5</v>
      </c>
      <c r="AJ12" s="313">
        <v>14</v>
      </c>
      <c r="AK12" s="311">
        <v>19</v>
      </c>
      <c r="AL12" s="312">
        <v>0</v>
      </c>
      <c r="AM12" s="313">
        <v>54</v>
      </c>
      <c r="AN12" s="313">
        <v>59</v>
      </c>
      <c r="AO12" s="313">
        <v>58</v>
      </c>
      <c r="AP12" s="313">
        <v>50</v>
      </c>
      <c r="AQ12" s="313">
        <v>45</v>
      </c>
      <c r="AR12" s="311">
        <v>266</v>
      </c>
      <c r="AS12" s="315">
        <v>285</v>
      </c>
      <c r="AT12" s="310">
        <v>86</v>
      </c>
      <c r="AU12" s="313">
        <v>63</v>
      </c>
      <c r="AV12" s="311">
        <v>149</v>
      </c>
      <c r="AW12" s="312">
        <v>0</v>
      </c>
      <c r="AX12" s="313">
        <v>508</v>
      </c>
      <c r="AY12" s="313">
        <v>538</v>
      </c>
      <c r="AZ12" s="313">
        <v>575</v>
      </c>
      <c r="BA12" s="313">
        <v>549</v>
      </c>
      <c r="BB12" s="313">
        <v>400</v>
      </c>
      <c r="BC12" s="314">
        <v>2570</v>
      </c>
      <c r="BD12" s="315">
        <v>2719</v>
      </c>
      <c r="BE12" s="310">
        <v>0</v>
      </c>
      <c r="BF12" s="313">
        <v>0</v>
      </c>
      <c r="BG12" s="311">
        <v>0</v>
      </c>
      <c r="BH12" s="312">
        <v>0</v>
      </c>
      <c r="BI12" s="313">
        <v>560</v>
      </c>
      <c r="BJ12" s="313">
        <v>404</v>
      </c>
      <c r="BK12" s="313">
        <v>236</v>
      </c>
      <c r="BL12" s="313">
        <v>167</v>
      </c>
      <c r="BM12" s="313">
        <v>64</v>
      </c>
      <c r="BN12" s="311">
        <v>1431</v>
      </c>
      <c r="BO12" s="315">
        <v>1431</v>
      </c>
      <c r="BP12" s="310">
        <v>42</v>
      </c>
      <c r="BQ12" s="313">
        <v>56</v>
      </c>
      <c r="BR12" s="311">
        <v>98</v>
      </c>
      <c r="BS12" s="312">
        <v>0</v>
      </c>
      <c r="BT12" s="313">
        <v>125</v>
      </c>
      <c r="BU12" s="313">
        <v>126</v>
      </c>
      <c r="BV12" s="313">
        <v>78</v>
      </c>
      <c r="BW12" s="313">
        <v>84</v>
      </c>
      <c r="BX12" s="313">
        <v>27</v>
      </c>
      <c r="BY12" s="311">
        <v>440</v>
      </c>
      <c r="BZ12" s="315">
        <v>538</v>
      </c>
      <c r="CA12" s="310">
        <v>1</v>
      </c>
      <c r="CB12" s="313">
        <v>0</v>
      </c>
      <c r="CC12" s="311">
        <v>1</v>
      </c>
      <c r="CD12" s="312">
        <v>0</v>
      </c>
      <c r="CE12" s="313">
        <v>55</v>
      </c>
      <c r="CF12" s="313">
        <v>101</v>
      </c>
      <c r="CG12" s="313">
        <v>122</v>
      </c>
      <c r="CH12" s="313">
        <v>108</v>
      </c>
      <c r="CI12" s="313">
        <v>65</v>
      </c>
      <c r="CJ12" s="311">
        <v>451</v>
      </c>
      <c r="CK12" s="315">
        <v>452</v>
      </c>
      <c r="CL12" s="310">
        <v>0</v>
      </c>
      <c r="CM12" s="313">
        <v>0</v>
      </c>
      <c r="CN12" s="311">
        <v>0</v>
      </c>
      <c r="CO12" s="312">
        <v>0</v>
      </c>
      <c r="CP12" s="313">
        <v>7</v>
      </c>
      <c r="CQ12" s="313">
        <v>12</v>
      </c>
      <c r="CR12" s="313">
        <v>26</v>
      </c>
      <c r="CS12" s="313">
        <v>25</v>
      </c>
      <c r="CT12" s="313">
        <v>11</v>
      </c>
      <c r="CU12" s="311">
        <v>81</v>
      </c>
      <c r="CV12" s="315">
        <v>81</v>
      </c>
      <c r="CW12" s="310">
        <v>0</v>
      </c>
      <c r="CX12" s="313">
        <v>0</v>
      </c>
      <c r="CY12" s="311">
        <v>0</v>
      </c>
      <c r="CZ12" s="312">
        <v>0</v>
      </c>
      <c r="DA12" s="313">
        <v>0</v>
      </c>
      <c r="DB12" s="313">
        <v>0</v>
      </c>
      <c r="DC12" s="313">
        <v>0</v>
      </c>
      <c r="DD12" s="313">
        <v>0</v>
      </c>
      <c r="DE12" s="313">
        <v>0</v>
      </c>
      <c r="DF12" s="311">
        <v>0</v>
      </c>
      <c r="DG12" s="315">
        <v>0</v>
      </c>
      <c r="DH12" s="310">
        <v>0</v>
      </c>
      <c r="DI12" s="313">
        <v>0</v>
      </c>
      <c r="DJ12" s="311">
        <v>0</v>
      </c>
      <c r="DK12" s="312">
        <v>0</v>
      </c>
      <c r="DL12" s="313">
        <v>0</v>
      </c>
      <c r="DM12" s="313">
        <v>0</v>
      </c>
      <c r="DN12" s="313">
        <v>0</v>
      </c>
      <c r="DO12" s="313">
        <v>0</v>
      </c>
      <c r="DP12" s="313">
        <v>0</v>
      </c>
      <c r="DQ12" s="311">
        <v>0</v>
      </c>
      <c r="DR12" s="315">
        <v>0</v>
      </c>
      <c r="DS12" s="310">
        <v>334</v>
      </c>
      <c r="DT12" s="313">
        <v>465</v>
      </c>
      <c r="DU12" s="311">
        <v>799</v>
      </c>
      <c r="DV12" s="312">
        <v>0</v>
      </c>
      <c r="DW12" s="313">
        <v>919</v>
      </c>
      <c r="DX12" s="313">
        <v>995</v>
      </c>
      <c r="DY12" s="313">
        <v>643</v>
      </c>
      <c r="DZ12" s="313">
        <v>574</v>
      </c>
      <c r="EA12" s="313">
        <v>366</v>
      </c>
      <c r="EB12" s="311">
        <v>3497</v>
      </c>
      <c r="EC12" s="315">
        <v>4296</v>
      </c>
      <c r="ED12" s="310">
        <v>58</v>
      </c>
      <c r="EE12" s="313">
        <v>31</v>
      </c>
      <c r="EF12" s="311">
        <v>89</v>
      </c>
      <c r="EG12" s="312">
        <v>0</v>
      </c>
      <c r="EH12" s="313">
        <v>179</v>
      </c>
      <c r="EI12" s="313">
        <v>158</v>
      </c>
      <c r="EJ12" s="313">
        <v>155</v>
      </c>
      <c r="EK12" s="313">
        <v>158</v>
      </c>
      <c r="EL12" s="313">
        <v>108</v>
      </c>
      <c r="EM12" s="311">
        <v>758</v>
      </c>
      <c r="EN12" s="315">
        <v>847</v>
      </c>
      <c r="EO12" s="310">
        <v>387</v>
      </c>
      <c r="EP12" s="313">
        <v>520</v>
      </c>
      <c r="EQ12" s="311">
        <v>907</v>
      </c>
      <c r="ER12" s="312">
        <v>0</v>
      </c>
      <c r="ES12" s="313">
        <v>1670</v>
      </c>
      <c r="ET12" s="313">
        <v>1290</v>
      </c>
      <c r="EU12" s="313">
        <v>763</v>
      </c>
      <c r="EV12" s="313">
        <v>625</v>
      </c>
      <c r="EW12" s="313">
        <v>387</v>
      </c>
      <c r="EX12" s="311">
        <v>4735</v>
      </c>
      <c r="EY12" s="315">
        <v>5642</v>
      </c>
    </row>
    <row r="13" spans="1:155" ht="19.5" customHeight="1" x14ac:dyDescent="0.2">
      <c r="A13" s="297" t="s">
        <v>10</v>
      </c>
      <c r="B13" s="310">
        <v>0</v>
      </c>
      <c r="C13" s="313">
        <v>0</v>
      </c>
      <c r="D13" s="441">
        <v>0</v>
      </c>
      <c r="E13" s="312">
        <v>0</v>
      </c>
      <c r="F13" s="313">
        <v>1310</v>
      </c>
      <c r="G13" s="313">
        <v>664</v>
      </c>
      <c r="H13" s="313">
        <v>427</v>
      </c>
      <c r="I13" s="313">
        <v>389</v>
      </c>
      <c r="J13" s="313">
        <v>325</v>
      </c>
      <c r="K13" s="314">
        <v>3115</v>
      </c>
      <c r="L13" s="315">
        <v>3115</v>
      </c>
      <c r="M13" s="310">
        <v>0</v>
      </c>
      <c r="N13" s="313">
        <v>1</v>
      </c>
      <c r="O13" s="311">
        <v>1</v>
      </c>
      <c r="P13" s="312">
        <v>0</v>
      </c>
      <c r="Q13" s="313">
        <v>11</v>
      </c>
      <c r="R13" s="313">
        <v>22</v>
      </c>
      <c r="S13" s="313">
        <v>29</v>
      </c>
      <c r="T13" s="313">
        <v>91</v>
      </c>
      <c r="U13" s="313">
        <v>139</v>
      </c>
      <c r="V13" s="311">
        <v>292</v>
      </c>
      <c r="W13" s="315">
        <v>293</v>
      </c>
      <c r="X13" s="310">
        <v>140</v>
      </c>
      <c r="Y13" s="313">
        <v>306</v>
      </c>
      <c r="Z13" s="311">
        <v>446</v>
      </c>
      <c r="AA13" s="312">
        <v>0</v>
      </c>
      <c r="AB13" s="313">
        <v>732</v>
      </c>
      <c r="AC13" s="313">
        <v>483</v>
      </c>
      <c r="AD13" s="313">
        <v>312</v>
      </c>
      <c r="AE13" s="313">
        <v>287</v>
      </c>
      <c r="AF13" s="313">
        <v>256</v>
      </c>
      <c r="AG13" s="311">
        <v>2070</v>
      </c>
      <c r="AH13" s="315">
        <v>2516</v>
      </c>
      <c r="AI13" s="310">
        <v>21</v>
      </c>
      <c r="AJ13" s="313">
        <v>50</v>
      </c>
      <c r="AK13" s="311">
        <v>71</v>
      </c>
      <c r="AL13" s="312">
        <v>0</v>
      </c>
      <c r="AM13" s="313">
        <v>107</v>
      </c>
      <c r="AN13" s="313">
        <v>99</v>
      </c>
      <c r="AO13" s="313">
        <v>62</v>
      </c>
      <c r="AP13" s="313">
        <v>58</v>
      </c>
      <c r="AQ13" s="313">
        <v>51</v>
      </c>
      <c r="AR13" s="311">
        <v>377</v>
      </c>
      <c r="AS13" s="315">
        <v>448</v>
      </c>
      <c r="AT13" s="310">
        <v>170</v>
      </c>
      <c r="AU13" s="313">
        <v>288</v>
      </c>
      <c r="AV13" s="311">
        <v>458</v>
      </c>
      <c r="AW13" s="312">
        <v>0</v>
      </c>
      <c r="AX13" s="313">
        <v>1217</v>
      </c>
      <c r="AY13" s="313">
        <v>1015</v>
      </c>
      <c r="AZ13" s="313">
        <v>805</v>
      </c>
      <c r="BA13" s="313">
        <v>794</v>
      </c>
      <c r="BB13" s="313">
        <v>717</v>
      </c>
      <c r="BC13" s="314">
        <v>4548</v>
      </c>
      <c r="BD13" s="315">
        <v>5006</v>
      </c>
      <c r="BE13" s="310">
        <v>0</v>
      </c>
      <c r="BF13" s="313">
        <v>0</v>
      </c>
      <c r="BG13" s="311">
        <v>0</v>
      </c>
      <c r="BH13" s="312">
        <v>0</v>
      </c>
      <c r="BI13" s="313">
        <v>1523</v>
      </c>
      <c r="BJ13" s="313">
        <v>839</v>
      </c>
      <c r="BK13" s="313">
        <v>446</v>
      </c>
      <c r="BL13" s="313">
        <v>244</v>
      </c>
      <c r="BM13" s="313">
        <v>127</v>
      </c>
      <c r="BN13" s="311">
        <v>3179</v>
      </c>
      <c r="BO13" s="315">
        <v>3179</v>
      </c>
      <c r="BP13" s="310">
        <v>70</v>
      </c>
      <c r="BQ13" s="313">
        <v>85</v>
      </c>
      <c r="BR13" s="311">
        <v>155</v>
      </c>
      <c r="BS13" s="312">
        <v>0</v>
      </c>
      <c r="BT13" s="313">
        <v>252</v>
      </c>
      <c r="BU13" s="313">
        <v>160</v>
      </c>
      <c r="BV13" s="313">
        <v>94</v>
      </c>
      <c r="BW13" s="313">
        <v>63</v>
      </c>
      <c r="BX13" s="313">
        <v>25</v>
      </c>
      <c r="BY13" s="311">
        <v>594</v>
      </c>
      <c r="BZ13" s="315">
        <v>749</v>
      </c>
      <c r="CA13" s="310">
        <v>10</v>
      </c>
      <c r="CB13" s="313">
        <v>28</v>
      </c>
      <c r="CC13" s="311">
        <v>38</v>
      </c>
      <c r="CD13" s="312">
        <v>0</v>
      </c>
      <c r="CE13" s="313">
        <v>195</v>
      </c>
      <c r="CF13" s="313">
        <v>175</v>
      </c>
      <c r="CG13" s="313">
        <v>224</v>
      </c>
      <c r="CH13" s="313">
        <v>135</v>
      </c>
      <c r="CI13" s="313">
        <v>93</v>
      </c>
      <c r="CJ13" s="311">
        <v>822</v>
      </c>
      <c r="CK13" s="315">
        <v>860</v>
      </c>
      <c r="CL13" s="310">
        <v>0</v>
      </c>
      <c r="CM13" s="313">
        <v>1</v>
      </c>
      <c r="CN13" s="311">
        <v>1</v>
      </c>
      <c r="CO13" s="312">
        <v>0</v>
      </c>
      <c r="CP13" s="313">
        <v>12</v>
      </c>
      <c r="CQ13" s="313">
        <v>17</v>
      </c>
      <c r="CR13" s="313">
        <v>21</v>
      </c>
      <c r="CS13" s="313">
        <v>7</v>
      </c>
      <c r="CT13" s="313">
        <v>4</v>
      </c>
      <c r="CU13" s="311">
        <v>61</v>
      </c>
      <c r="CV13" s="315">
        <v>62</v>
      </c>
      <c r="CW13" s="310">
        <v>0</v>
      </c>
      <c r="CX13" s="313">
        <v>0</v>
      </c>
      <c r="CY13" s="311">
        <v>0</v>
      </c>
      <c r="CZ13" s="312">
        <v>0</v>
      </c>
      <c r="DA13" s="313">
        <v>0</v>
      </c>
      <c r="DB13" s="313">
        <v>0</v>
      </c>
      <c r="DC13" s="313">
        <v>0</v>
      </c>
      <c r="DD13" s="313">
        <v>0</v>
      </c>
      <c r="DE13" s="313">
        <v>0</v>
      </c>
      <c r="DF13" s="311">
        <v>0</v>
      </c>
      <c r="DG13" s="315">
        <v>0</v>
      </c>
      <c r="DH13" s="310">
        <v>0</v>
      </c>
      <c r="DI13" s="313">
        <v>0</v>
      </c>
      <c r="DJ13" s="311">
        <v>0</v>
      </c>
      <c r="DK13" s="312">
        <v>0</v>
      </c>
      <c r="DL13" s="313">
        <v>0</v>
      </c>
      <c r="DM13" s="313">
        <v>0</v>
      </c>
      <c r="DN13" s="313">
        <v>0</v>
      </c>
      <c r="DO13" s="313">
        <v>0</v>
      </c>
      <c r="DP13" s="313">
        <v>0</v>
      </c>
      <c r="DQ13" s="311">
        <v>0</v>
      </c>
      <c r="DR13" s="315">
        <v>0</v>
      </c>
      <c r="DS13" s="310">
        <v>908</v>
      </c>
      <c r="DT13" s="313">
        <v>1211</v>
      </c>
      <c r="DU13" s="311">
        <v>2119</v>
      </c>
      <c r="DV13" s="312">
        <v>0</v>
      </c>
      <c r="DW13" s="313">
        <v>1907</v>
      </c>
      <c r="DX13" s="313">
        <v>1537</v>
      </c>
      <c r="DY13" s="313">
        <v>991</v>
      </c>
      <c r="DZ13" s="313">
        <v>765</v>
      </c>
      <c r="EA13" s="313">
        <v>538</v>
      </c>
      <c r="EB13" s="311">
        <v>5738</v>
      </c>
      <c r="EC13" s="315">
        <v>7857</v>
      </c>
      <c r="ED13" s="310">
        <v>74</v>
      </c>
      <c r="EE13" s="313">
        <v>97</v>
      </c>
      <c r="EF13" s="311">
        <v>171</v>
      </c>
      <c r="EG13" s="312">
        <v>0</v>
      </c>
      <c r="EH13" s="313">
        <v>268</v>
      </c>
      <c r="EI13" s="313">
        <v>199</v>
      </c>
      <c r="EJ13" s="313">
        <v>192</v>
      </c>
      <c r="EK13" s="313">
        <v>187</v>
      </c>
      <c r="EL13" s="313">
        <v>147</v>
      </c>
      <c r="EM13" s="311">
        <v>993</v>
      </c>
      <c r="EN13" s="315">
        <v>1164</v>
      </c>
      <c r="EO13" s="310">
        <v>1080</v>
      </c>
      <c r="EP13" s="313">
        <v>1444</v>
      </c>
      <c r="EQ13" s="311">
        <v>2524</v>
      </c>
      <c r="ER13" s="312">
        <v>0</v>
      </c>
      <c r="ES13" s="313">
        <v>3356</v>
      </c>
      <c r="ET13" s="313">
        <v>1857</v>
      </c>
      <c r="EU13" s="313">
        <v>1072</v>
      </c>
      <c r="EV13" s="313">
        <v>770</v>
      </c>
      <c r="EW13" s="313">
        <v>535</v>
      </c>
      <c r="EX13" s="311">
        <v>7590</v>
      </c>
      <c r="EY13" s="315">
        <v>10114</v>
      </c>
    </row>
    <row r="14" spans="1:155" ht="19.5" customHeight="1" x14ac:dyDescent="0.2">
      <c r="A14" s="297" t="s">
        <v>11</v>
      </c>
      <c r="B14" s="310">
        <v>0</v>
      </c>
      <c r="C14" s="313">
        <v>0</v>
      </c>
      <c r="D14" s="441">
        <v>0</v>
      </c>
      <c r="E14" s="312">
        <v>0</v>
      </c>
      <c r="F14" s="313">
        <v>543</v>
      </c>
      <c r="G14" s="313">
        <v>328</v>
      </c>
      <c r="H14" s="313">
        <v>240</v>
      </c>
      <c r="I14" s="313">
        <v>211</v>
      </c>
      <c r="J14" s="313">
        <v>147</v>
      </c>
      <c r="K14" s="314">
        <v>1469</v>
      </c>
      <c r="L14" s="315">
        <v>1469</v>
      </c>
      <c r="M14" s="310">
        <v>0</v>
      </c>
      <c r="N14" s="313">
        <v>1</v>
      </c>
      <c r="O14" s="311">
        <v>1</v>
      </c>
      <c r="P14" s="312">
        <v>0</v>
      </c>
      <c r="Q14" s="313">
        <v>6</v>
      </c>
      <c r="R14" s="313">
        <v>13</v>
      </c>
      <c r="S14" s="313">
        <v>18</v>
      </c>
      <c r="T14" s="313">
        <v>46</v>
      </c>
      <c r="U14" s="313">
        <v>64</v>
      </c>
      <c r="V14" s="311">
        <v>147</v>
      </c>
      <c r="W14" s="315">
        <v>148</v>
      </c>
      <c r="X14" s="310">
        <v>51</v>
      </c>
      <c r="Y14" s="313">
        <v>70</v>
      </c>
      <c r="Z14" s="311">
        <v>121</v>
      </c>
      <c r="AA14" s="312">
        <v>0</v>
      </c>
      <c r="AB14" s="313">
        <v>310</v>
      </c>
      <c r="AC14" s="313">
        <v>189</v>
      </c>
      <c r="AD14" s="313">
        <v>185</v>
      </c>
      <c r="AE14" s="313">
        <v>172</v>
      </c>
      <c r="AF14" s="313">
        <v>154</v>
      </c>
      <c r="AG14" s="311">
        <v>1010</v>
      </c>
      <c r="AH14" s="315">
        <v>1131</v>
      </c>
      <c r="AI14" s="310">
        <v>6</v>
      </c>
      <c r="AJ14" s="313">
        <v>9</v>
      </c>
      <c r="AK14" s="311">
        <v>15</v>
      </c>
      <c r="AL14" s="312">
        <v>0</v>
      </c>
      <c r="AM14" s="313">
        <v>34</v>
      </c>
      <c r="AN14" s="313">
        <v>27</v>
      </c>
      <c r="AO14" s="313">
        <v>19</v>
      </c>
      <c r="AP14" s="313">
        <v>23</v>
      </c>
      <c r="AQ14" s="313">
        <v>6</v>
      </c>
      <c r="AR14" s="311">
        <v>109</v>
      </c>
      <c r="AS14" s="315">
        <v>124</v>
      </c>
      <c r="AT14" s="310">
        <v>53</v>
      </c>
      <c r="AU14" s="313">
        <v>52</v>
      </c>
      <c r="AV14" s="311">
        <v>105</v>
      </c>
      <c r="AW14" s="312">
        <v>0</v>
      </c>
      <c r="AX14" s="313">
        <v>457</v>
      </c>
      <c r="AY14" s="313">
        <v>425</v>
      </c>
      <c r="AZ14" s="313">
        <v>385</v>
      </c>
      <c r="BA14" s="313">
        <v>395</v>
      </c>
      <c r="BB14" s="313">
        <v>288</v>
      </c>
      <c r="BC14" s="314">
        <v>1950</v>
      </c>
      <c r="BD14" s="315">
        <v>2055</v>
      </c>
      <c r="BE14" s="310">
        <v>0</v>
      </c>
      <c r="BF14" s="313">
        <v>0</v>
      </c>
      <c r="BG14" s="311">
        <v>0</v>
      </c>
      <c r="BH14" s="312">
        <v>0</v>
      </c>
      <c r="BI14" s="313">
        <v>750</v>
      </c>
      <c r="BJ14" s="313">
        <v>388</v>
      </c>
      <c r="BK14" s="313">
        <v>241</v>
      </c>
      <c r="BL14" s="313">
        <v>149</v>
      </c>
      <c r="BM14" s="313">
        <v>89</v>
      </c>
      <c r="BN14" s="311">
        <v>1617</v>
      </c>
      <c r="BO14" s="315">
        <v>1617</v>
      </c>
      <c r="BP14" s="310">
        <v>74</v>
      </c>
      <c r="BQ14" s="313">
        <v>61</v>
      </c>
      <c r="BR14" s="311">
        <v>135</v>
      </c>
      <c r="BS14" s="312">
        <v>0</v>
      </c>
      <c r="BT14" s="313">
        <v>209</v>
      </c>
      <c r="BU14" s="313">
        <v>112</v>
      </c>
      <c r="BV14" s="313">
        <v>77</v>
      </c>
      <c r="BW14" s="313">
        <v>48</v>
      </c>
      <c r="BX14" s="313">
        <v>22</v>
      </c>
      <c r="BY14" s="311">
        <v>468</v>
      </c>
      <c r="BZ14" s="315">
        <v>603</v>
      </c>
      <c r="CA14" s="310">
        <v>7</v>
      </c>
      <c r="CB14" s="313">
        <v>10</v>
      </c>
      <c r="CC14" s="311">
        <v>17</v>
      </c>
      <c r="CD14" s="312">
        <v>0</v>
      </c>
      <c r="CE14" s="313">
        <v>99</v>
      </c>
      <c r="CF14" s="313">
        <v>100</v>
      </c>
      <c r="CG14" s="313">
        <v>116</v>
      </c>
      <c r="CH14" s="313">
        <v>87</v>
      </c>
      <c r="CI14" s="313">
        <v>41</v>
      </c>
      <c r="CJ14" s="311">
        <v>443</v>
      </c>
      <c r="CK14" s="315">
        <v>460</v>
      </c>
      <c r="CL14" s="310">
        <v>0</v>
      </c>
      <c r="CM14" s="313">
        <v>1</v>
      </c>
      <c r="CN14" s="311">
        <v>1</v>
      </c>
      <c r="CO14" s="312">
        <v>0</v>
      </c>
      <c r="CP14" s="313">
        <v>8</v>
      </c>
      <c r="CQ14" s="313">
        <v>9</v>
      </c>
      <c r="CR14" s="313">
        <v>15</v>
      </c>
      <c r="CS14" s="313">
        <v>10</v>
      </c>
      <c r="CT14" s="313">
        <v>8</v>
      </c>
      <c r="CU14" s="311">
        <v>50</v>
      </c>
      <c r="CV14" s="315">
        <v>51</v>
      </c>
      <c r="CW14" s="310">
        <v>0</v>
      </c>
      <c r="CX14" s="313">
        <v>0</v>
      </c>
      <c r="CY14" s="311">
        <v>0</v>
      </c>
      <c r="CZ14" s="312">
        <v>0</v>
      </c>
      <c r="DA14" s="313">
        <v>0</v>
      </c>
      <c r="DB14" s="313">
        <v>0</v>
      </c>
      <c r="DC14" s="313">
        <v>0</v>
      </c>
      <c r="DD14" s="313">
        <v>0</v>
      </c>
      <c r="DE14" s="313">
        <v>0</v>
      </c>
      <c r="DF14" s="311">
        <v>0</v>
      </c>
      <c r="DG14" s="315">
        <v>0</v>
      </c>
      <c r="DH14" s="310">
        <v>0</v>
      </c>
      <c r="DI14" s="313">
        <v>0</v>
      </c>
      <c r="DJ14" s="311">
        <v>0</v>
      </c>
      <c r="DK14" s="312">
        <v>0</v>
      </c>
      <c r="DL14" s="313">
        <v>0</v>
      </c>
      <c r="DM14" s="313">
        <v>0</v>
      </c>
      <c r="DN14" s="313">
        <v>0</v>
      </c>
      <c r="DO14" s="313">
        <v>0</v>
      </c>
      <c r="DP14" s="313">
        <v>0</v>
      </c>
      <c r="DQ14" s="311">
        <v>0</v>
      </c>
      <c r="DR14" s="315">
        <v>0</v>
      </c>
      <c r="DS14" s="310">
        <v>384</v>
      </c>
      <c r="DT14" s="313">
        <v>445</v>
      </c>
      <c r="DU14" s="311">
        <v>829</v>
      </c>
      <c r="DV14" s="312">
        <v>0</v>
      </c>
      <c r="DW14" s="313">
        <v>1015</v>
      </c>
      <c r="DX14" s="313">
        <v>804</v>
      </c>
      <c r="DY14" s="313">
        <v>577</v>
      </c>
      <c r="DZ14" s="313">
        <v>443</v>
      </c>
      <c r="EA14" s="313">
        <v>272</v>
      </c>
      <c r="EB14" s="311">
        <v>3111</v>
      </c>
      <c r="EC14" s="315">
        <v>3940</v>
      </c>
      <c r="ED14" s="310">
        <v>42</v>
      </c>
      <c r="EE14" s="313">
        <v>34</v>
      </c>
      <c r="EF14" s="311">
        <v>76</v>
      </c>
      <c r="EG14" s="312">
        <v>0</v>
      </c>
      <c r="EH14" s="313">
        <v>197</v>
      </c>
      <c r="EI14" s="313">
        <v>140</v>
      </c>
      <c r="EJ14" s="313">
        <v>115</v>
      </c>
      <c r="EK14" s="313">
        <v>147</v>
      </c>
      <c r="EL14" s="313">
        <v>79</v>
      </c>
      <c r="EM14" s="311">
        <v>678</v>
      </c>
      <c r="EN14" s="315">
        <v>754</v>
      </c>
      <c r="EO14" s="310">
        <v>480</v>
      </c>
      <c r="EP14" s="313">
        <v>525</v>
      </c>
      <c r="EQ14" s="311">
        <v>1005</v>
      </c>
      <c r="ER14" s="312">
        <v>0</v>
      </c>
      <c r="ES14" s="313">
        <v>1936</v>
      </c>
      <c r="ET14" s="313">
        <v>1049</v>
      </c>
      <c r="EU14" s="313">
        <v>689</v>
      </c>
      <c r="EV14" s="313">
        <v>471</v>
      </c>
      <c r="EW14" s="313">
        <v>279</v>
      </c>
      <c r="EX14" s="311">
        <v>4424</v>
      </c>
      <c r="EY14" s="315">
        <v>5429</v>
      </c>
    </row>
    <row r="15" spans="1:155" ht="19.5" customHeight="1" x14ac:dyDescent="0.2">
      <c r="A15" s="297" t="s">
        <v>12</v>
      </c>
      <c r="B15" s="310">
        <v>0</v>
      </c>
      <c r="C15" s="313">
        <v>0</v>
      </c>
      <c r="D15" s="441">
        <v>0</v>
      </c>
      <c r="E15" s="312">
        <v>0</v>
      </c>
      <c r="F15" s="313">
        <v>502</v>
      </c>
      <c r="G15" s="313">
        <v>442</v>
      </c>
      <c r="H15" s="313">
        <v>298</v>
      </c>
      <c r="I15" s="313">
        <v>291</v>
      </c>
      <c r="J15" s="313">
        <v>200</v>
      </c>
      <c r="K15" s="314">
        <v>1733</v>
      </c>
      <c r="L15" s="315">
        <v>1733</v>
      </c>
      <c r="M15" s="310">
        <v>0</v>
      </c>
      <c r="N15" s="313">
        <v>5</v>
      </c>
      <c r="O15" s="311">
        <v>5</v>
      </c>
      <c r="P15" s="312">
        <v>0</v>
      </c>
      <c r="Q15" s="313">
        <v>2</v>
      </c>
      <c r="R15" s="313">
        <v>21</v>
      </c>
      <c r="S15" s="313">
        <v>20</v>
      </c>
      <c r="T15" s="313">
        <v>60</v>
      </c>
      <c r="U15" s="313">
        <v>87</v>
      </c>
      <c r="V15" s="311">
        <v>190</v>
      </c>
      <c r="W15" s="315">
        <v>195</v>
      </c>
      <c r="X15" s="310">
        <v>117</v>
      </c>
      <c r="Y15" s="313">
        <v>202</v>
      </c>
      <c r="Z15" s="311">
        <v>319</v>
      </c>
      <c r="AA15" s="312">
        <v>0</v>
      </c>
      <c r="AB15" s="313">
        <v>290</v>
      </c>
      <c r="AC15" s="313">
        <v>318</v>
      </c>
      <c r="AD15" s="313">
        <v>206</v>
      </c>
      <c r="AE15" s="313">
        <v>216</v>
      </c>
      <c r="AF15" s="313">
        <v>166</v>
      </c>
      <c r="AG15" s="311">
        <v>1196</v>
      </c>
      <c r="AH15" s="315">
        <v>1515</v>
      </c>
      <c r="AI15" s="310">
        <v>4</v>
      </c>
      <c r="AJ15" s="313">
        <v>19</v>
      </c>
      <c r="AK15" s="311">
        <v>23</v>
      </c>
      <c r="AL15" s="312">
        <v>0</v>
      </c>
      <c r="AM15" s="313">
        <v>11</v>
      </c>
      <c r="AN15" s="313">
        <v>40</v>
      </c>
      <c r="AO15" s="313">
        <v>25</v>
      </c>
      <c r="AP15" s="313">
        <v>25</v>
      </c>
      <c r="AQ15" s="313">
        <v>18</v>
      </c>
      <c r="AR15" s="311">
        <v>119</v>
      </c>
      <c r="AS15" s="315">
        <v>142</v>
      </c>
      <c r="AT15" s="310">
        <v>75</v>
      </c>
      <c r="AU15" s="313">
        <v>110</v>
      </c>
      <c r="AV15" s="311">
        <v>185</v>
      </c>
      <c r="AW15" s="312">
        <v>0</v>
      </c>
      <c r="AX15" s="313">
        <v>322</v>
      </c>
      <c r="AY15" s="313">
        <v>350</v>
      </c>
      <c r="AZ15" s="313">
        <v>325</v>
      </c>
      <c r="BA15" s="313">
        <v>416</v>
      </c>
      <c r="BB15" s="313">
        <v>326</v>
      </c>
      <c r="BC15" s="314">
        <v>1739</v>
      </c>
      <c r="BD15" s="315">
        <v>1924</v>
      </c>
      <c r="BE15" s="310">
        <v>0</v>
      </c>
      <c r="BF15" s="313">
        <v>0</v>
      </c>
      <c r="BG15" s="311">
        <v>0</v>
      </c>
      <c r="BH15" s="312">
        <v>0</v>
      </c>
      <c r="BI15" s="313">
        <v>574</v>
      </c>
      <c r="BJ15" s="313">
        <v>404</v>
      </c>
      <c r="BK15" s="313">
        <v>280</v>
      </c>
      <c r="BL15" s="313">
        <v>197</v>
      </c>
      <c r="BM15" s="313">
        <v>74</v>
      </c>
      <c r="BN15" s="311">
        <v>1529</v>
      </c>
      <c r="BO15" s="315">
        <v>1529</v>
      </c>
      <c r="BP15" s="310">
        <v>132</v>
      </c>
      <c r="BQ15" s="313">
        <v>131</v>
      </c>
      <c r="BR15" s="311">
        <v>263</v>
      </c>
      <c r="BS15" s="312">
        <v>0</v>
      </c>
      <c r="BT15" s="313">
        <v>120</v>
      </c>
      <c r="BU15" s="313">
        <v>168</v>
      </c>
      <c r="BV15" s="313">
        <v>113</v>
      </c>
      <c r="BW15" s="313">
        <v>84</v>
      </c>
      <c r="BX15" s="313">
        <v>31</v>
      </c>
      <c r="BY15" s="311">
        <v>516</v>
      </c>
      <c r="BZ15" s="315">
        <v>779</v>
      </c>
      <c r="CA15" s="310">
        <v>4</v>
      </c>
      <c r="CB15" s="313">
        <v>13</v>
      </c>
      <c r="CC15" s="311">
        <v>17</v>
      </c>
      <c r="CD15" s="312">
        <v>0</v>
      </c>
      <c r="CE15" s="313">
        <v>93</v>
      </c>
      <c r="CF15" s="313">
        <v>100</v>
      </c>
      <c r="CG15" s="313">
        <v>127</v>
      </c>
      <c r="CH15" s="313">
        <v>99</v>
      </c>
      <c r="CI15" s="313">
        <v>45</v>
      </c>
      <c r="CJ15" s="311">
        <v>464</v>
      </c>
      <c r="CK15" s="315">
        <v>481</v>
      </c>
      <c r="CL15" s="310">
        <v>0</v>
      </c>
      <c r="CM15" s="313">
        <v>0</v>
      </c>
      <c r="CN15" s="311">
        <v>0</v>
      </c>
      <c r="CO15" s="312">
        <v>0</v>
      </c>
      <c r="CP15" s="313">
        <v>2</v>
      </c>
      <c r="CQ15" s="313">
        <v>5</v>
      </c>
      <c r="CR15" s="313">
        <v>5</v>
      </c>
      <c r="CS15" s="313">
        <v>8</v>
      </c>
      <c r="CT15" s="313">
        <v>1</v>
      </c>
      <c r="CU15" s="311">
        <v>21</v>
      </c>
      <c r="CV15" s="315">
        <v>21</v>
      </c>
      <c r="CW15" s="310">
        <v>0</v>
      </c>
      <c r="CX15" s="313">
        <v>0</v>
      </c>
      <c r="CY15" s="311">
        <v>0</v>
      </c>
      <c r="CZ15" s="312">
        <v>0</v>
      </c>
      <c r="DA15" s="313">
        <v>0</v>
      </c>
      <c r="DB15" s="313">
        <v>0</v>
      </c>
      <c r="DC15" s="313">
        <v>0</v>
      </c>
      <c r="DD15" s="313">
        <v>0</v>
      </c>
      <c r="DE15" s="313">
        <v>0</v>
      </c>
      <c r="DF15" s="311">
        <v>0</v>
      </c>
      <c r="DG15" s="315">
        <v>0</v>
      </c>
      <c r="DH15" s="310">
        <v>0</v>
      </c>
      <c r="DI15" s="313">
        <v>0</v>
      </c>
      <c r="DJ15" s="311">
        <v>0</v>
      </c>
      <c r="DK15" s="312">
        <v>0</v>
      </c>
      <c r="DL15" s="313">
        <v>0</v>
      </c>
      <c r="DM15" s="313">
        <v>0</v>
      </c>
      <c r="DN15" s="313">
        <v>0</v>
      </c>
      <c r="DO15" s="313">
        <v>0</v>
      </c>
      <c r="DP15" s="313">
        <v>0</v>
      </c>
      <c r="DQ15" s="311">
        <v>0</v>
      </c>
      <c r="DR15" s="315">
        <v>0</v>
      </c>
      <c r="DS15" s="310">
        <v>484</v>
      </c>
      <c r="DT15" s="313">
        <v>777</v>
      </c>
      <c r="DU15" s="311">
        <v>1261</v>
      </c>
      <c r="DV15" s="312">
        <v>0</v>
      </c>
      <c r="DW15" s="313">
        <v>528</v>
      </c>
      <c r="DX15" s="313">
        <v>941</v>
      </c>
      <c r="DY15" s="313">
        <v>677</v>
      </c>
      <c r="DZ15" s="313">
        <v>586</v>
      </c>
      <c r="EA15" s="313">
        <v>351</v>
      </c>
      <c r="EB15" s="311">
        <v>3083</v>
      </c>
      <c r="EC15" s="315">
        <v>4344</v>
      </c>
      <c r="ED15" s="310">
        <v>40</v>
      </c>
      <c r="EE15" s="313">
        <v>49</v>
      </c>
      <c r="EF15" s="311">
        <v>89</v>
      </c>
      <c r="EG15" s="312">
        <v>0</v>
      </c>
      <c r="EH15" s="313">
        <v>114</v>
      </c>
      <c r="EI15" s="313">
        <v>96</v>
      </c>
      <c r="EJ15" s="313">
        <v>85</v>
      </c>
      <c r="EK15" s="313">
        <v>131</v>
      </c>
      <c r="EL15" s="313">
        <v>77</v>
      </c>
      <c r="EM15" s="311">
        <v>503</v>
      </c>
      <c r="EN15" s="315">
        <v>592</v>
      </c>
      <c r="EO15" s="310">
        <v>670</v>
      </c>
      <c r="EP15" s="313">
        <v>941</v>
      </c>
      <c r="EQ15" s="311">
        <v>1611</v>
      </c>
      <c r="ER15" s="312">
        <v>0</v>
      </c>
      <c r="ES15" s="313">
        <v>1455</v>
      </c>
      <c r="ET15" s="313">
        <v>1204</v>
      </c>
      <c r="EU15" s="313">
        <v>752</v>
      </c>
      <c r="EV15" s="313">
        <v>584</v>
      </c>
      <c r="EW15" s="313">
        <v>334</v>
      </c>
      <c r="EX15" s="311">
        <v>4329</v>
      </c>
      <c r="EY15" s="315">
        <v>5940</v>
      </c>
    </row>
    <row r="16" spans="1:155" ht="19.5" customHeight="1" x14ac:dyDescent="0.2">
      <c r="A16" s="297" t="s">
        <v>13</v>
      </c>
      <c r="B16" s="310">
        <v>0</v>
      </c>
      <c r="C16" s="313">
        <v>0</v>
      </c>
      <c r="D16" s="441">
        <v>0</v>
      </c>
      <c r="E16" s="312">
        <v>0</v>
      </c>
      <c r="F16" s="313">
        <v>216</v>
      </c>
      <c r="G16" s="313">
        <v>233</v>
      </c>
      <c r="H16" s="313">
        <v>151</v>
      </c>
      <c r="I16" s="313">
        <v>103</v>
      </c>
      <c r="J16" s="313">
        <v>102</v>
      </c>
      <c r="K16" s="314">
        <v>805</v>
      </c>
      <c r="L16" s="315">
        <v>805</v>
      </c>
      <c r="M16" s="310">
        <v>1</v>
      </c>
      <c r="N16" s="313">
        <v>0</v>
      </c>
      <c r="O16" s="311">
        <v>1</v>
      </c>
      <c r="P16" s="312">
        <v>0</v>
      </c>
      <c r="Q16" s="313">
        <v>0</v>
      </c>
      <c r="R16" s="313">
        <v>2</v>
      </c>
      <c r="S16" s="313">
        <v>6</v>
      </c>
      <c r="T16" s="313">
        <v>18</v>
      </c>
      <c r="U16" s="313">
        <v>33</v>
      </c>
      <c r="V16" s="311">
        <v>59</v>
      </c>
      <c r="W16" s="315">
        <v>60</v>
      </c>
      <c r="X16" s="310">
        <v>7</v>
      </c>
      <c r="Y16" s="313">
        <v>23</v>
      </c>
      <c r="Z16" s="311">
        <v>30</v>
      </c>
      <c r="AA16" s="312">
        <v>0</v>
      </c>
      <c r="AB16" s="313">
        <v>93</v>
      </c>
      <c r="AC16" s="313">
        <v>138</v>
      </c>
      <c r="AD16" s="313">
        <v>92</v>
      </c>
      <c r="AE16" s="313">
        <v>77</v>
      </c>
      <c r="AF16" s="313">
        <v>76</v>
      </c>
      <c r="AG16" s="311">
        <v>476</v>
      </c>
      <c r="AH16" s="315">
        <v>506</v>
      </c>
      <c r="AI16" s="310">
        <v>4</v>
      </c>
      <c r="AJ16" s="313">
        <v>4</v>
      </c>
      <c r="AK16" s="311">
        <v>8</v>
      </c>
      <c r="AL16" s="312">
        <v>0</v>
      </c>
      <c r="AM16" s="313">
        <v>14</v>
      </c>
      <c r="AN16" s="313">
        <v>24</v>
      </c>
      <c r="AO16" s="313">
        <v>13</v>
      </c>
      <c r="AP16" s="313">
        <v>12</v>
      </c>
      <c r="AQ16" s="313">
        <v>8</v>
      </c>
      <c r="AR16" s="311">
        <v>71</v>
      </c>
      <c r="AS16" s="315">
        <v>79</v>
      </c>
      <c r="AT16" s="310">
        <v>27</v>
      </c>
      <c r="AU16" s="313">
        <v>31</v>
      </c>
      <c r="AV16" s="311">
        <v>58</v>
      </c>
      <c r="AW16" s="312">
        <v>0</v>
      </c>
      <c r="AX16" s="313">
        <v>171</v>
      </c>
      <c r="AY16" s="313">
        <v>180</v>
      </c>
      <c r="AZ16" s="313">
        <v>180</v>
      </c>
      <c r="BA16" s="313">
        <v>159</v>
      </c>
      <c r="BB16" s="313">
        <v>138</v>
      </c>
      <c r="BC16" s="314">
        <v>828</v>
      </c>
      <c r="BD16" s="315">
        <v>886</v>
      </c>
      <c r="BE16" s="310">
        <v>0</v>
      </c>
      <c r="BF16" s="313">
        <v>0</v>
      </c>
      <c r="BG16" s="311">
        <v>0</v>
      </c>
      <c r="BH16" s="312">
        <v>0</v>
      </c>
      <c r="BI16" s="313">
        <v>183</v>
      </c>
      <c r="BJ16" s="313">
        <v>193</v>
      </c>
      <c r="BK16" s="313">
        <v>110</v>
      </c>
      <c r="BL16" s="313">
        <v>61</v>
      </c>
      <c r="BM16" s="313">
        <v>27</v>
      </c>
      <c r="BN16" s="311">
        <v>574</v>
      </c>
      <c r="BO16" s="315">
        <v>574</v>
      </c>
      <c r="BP16" s="310">
        <v>9</v>
      </c>
      <c r="BQ16" s="313">
        <v>28</v>
      </c>
      <c r="BR16" s="311">
        <v>37</v>
      </c>
      <c r="BS16" s="312">
        <v>0</v>
      </c>
      <c r="BT16" s="313">
        <v>32</v>
      </c>
      <c r="BU16" s="313">
        <v>44</v>
      </c>
      <c r="BV16" s="313">
        <v>31</v>
      </c>
      <c r="BW16" s="313">
        <v>27</v>
      </c>
      <c r="BX16" s="313">
        <v>10</v>
      </c>
      <c r="BY16" s="311">
        <v>144</v>
      </c>
      <c r="BZ16" s="315">
        <v>181</v>
      </c>
      <c r="CA16" s="310">
        <v>0</v>
      </c>
      <c r="CB16" s="313">
        <v>0</v>
      </c>
      <c r="CC16" s="311">
        <v>0</v>
      </c>
      <c r="CD16" s="312">
        <v>0</v>
      </c>
      <c r="CE16" s="313">
        <v>19</v>
      </c>
      <c r="CF16" s="313">
        <v>30</v>
      </c>
      <c r="CG16" s="313">
        <v>52</v>
      </c>
      <c r="CH16" s="313">
        <v>39</v>
      </c>
      <c r="CI16" s="313">
        <v>27</v>
      </c>
      <c r="CJ16" s="311">
        <v>167</v>
      </c>
      <c r="CK16" s="315">
        <v>167</v>
      </c>
      <c r="CL16" s="310">
        <v>0</v>
      </c>
      <c r="CM16" s="313">
        <v>1</v>
      </c>
      <c r="CN16" s="311">
        <v>1</v>
      </c>
      <c r="CO16" s="312">
        <v>0</v>
      </c>
      <c r="CP16" s="313">
        <v>3</v>
      </c>
      <c r="CQ16" s="313">
        <v>4</v>
      </c>
      <c r="CR16" s="313">
        <v>9</v>
      </c>
      <c r="CS16" s="313">
        <v>5</v>
      </c>
      <c r="CT16" s="313">
        <v>0</v>
      </c>
      <c r="CU16" s="311">
        <v>21</v>
      </c>
      <c r="CV16" s="315">
        <v>22</v>
      </c>
      <c r="CW16" s="310">
        <v>0</v>
      </c>
      <c r="CX16" s="313">
        <v>0</v>
      </c>
      <c r="CY16" s="311">
        <v>0</v>
      </c>
      <c r="CZ16" s="312">
        <v>0</v>
      </c>
      <c r="DA16" s="313">
        <v>0</v>
      </c>
      <c r="DB16" s="313">
        <v>0</v>
      </c>
      <c r="DC16" s="313">
        <v>0</v>
      </c>
      <c r="DD16" s="313">
        <v>0</v>
      </c>
      <c r="DE16" s="313">
        <v>0</v>
      </c>
      <c r="DF16" s="311">
        <v>0</v>
      </c>
      <c r="DG16" s="315">
        <v>0</v>
      </c>
      <c r="DH16" s="310">
        <v>0</v>
      </c>
      <c r="DI16" s="313">
        <v>0</v>
      </c>
      <c r="DJ16" s="311">
        <v>0</v>
      </c>
      <c r="DK16" s="312">
        <v>0</v>
      </c>
      <c r="DL16" s="313">
        <v>0</v>
      </c>
      <c r="DM16" s="313">
        <v>0</v>
      </c>
      <c r="DN16" s="313">
        <v>0</v>
      </c>
      <c r="DO16" s="313">
        <v>0</v>
      </c>
      <c r="DP16" s="313">
        <v>0</v>
      </c>
      <c r="DQ16" s="311">
        <v>0</v>
      </c>
      <c r="DR16" s="315">
        <v>0</v>
      </c>
      <c r="DS16" s="310">
        <v>66</v>
      </c>
      <c r="DT16" s="313">
        <v>167</v>
      </c>
      <c r="DU16" s="311">
        <v>233</v>
      </c>
      <c r="DV16" s="312">
        <v>0</v>
      </c>
      <c r="DW16" s="313">
        <v>231</v>
      </c>
      <c r="DX16" s="313">
        <v>402</v>
      </c>
      <c r="DY16" s="313">
        <v>239</v>
      </c>
      <c r="DZ16" s="313">
        <v>191</v>
      </c>
      <c r="EA16" s="313">
        <v>134</v>
      </c>
      <c r="EB16" s="311">
        <v>1197</v>
      </c>
      <c r="EC16" s="315">
        <v>1430</v>
      </c>
      <c r="ED16" s="310">
        <v>25</v>
      </c>
      <c r="EE16" s="313">
        <v>21</v>
      </c>
      <c r="EF16" s="311">
        <v>46</v>
      </c>
      <c r="EG16" s="312">
        <v>0</v>
      </c>
      <c r="EH16" s="313">
        <v>85</v>
      </c>
      <c r="EI16" s="313">
        <v>65</v>
      </c>
      <c r="EJ16" s="313">
        <v>69</v>
      </c>
      <c r="EK16" s="313">
        <v>65</v>
      </c>
      <c r="EL16" s="313">
        <v>48</v>
      </c>
      <c r="EM16" s="311">
        <v>332</v>
      </c>
      <c r="EN16" s="315">
        <v>378</v>
      </c>
      <c r="EO16" s="310">
        <v>88</v>
      </c>
      <c r="EP16" s="313">
        <v>201</v>
      </c>
      <c r="EQ16" s="311">
        <v>289</v>
      </c>
      <c r="ER16" s="312">
        <v>0</v>
      </c>
      <c r="ES16" s="313">
        <v>525</v>
      </c>
      <c r="ET16" s="313">
        <v>549</v>
      </c>
      <c r="EU16" s="313">
        <v>314</v>
      </c>
      <c r="EV16" s="313">
        <v>219</v>
      </c>
      <c r="EW16" s="313">
        <v>161</v>
      </c>
      <c r="EX16" s="311">
        <v>1768</v>
      </c>
      <c r="EY16" s="315">
        <v>2057</v>
      </c>
    </row>
    <row r="17" spans="1:155" ht="19.5" customHeight="1" x14ac:dyDescent="0.2">
      <c r="A17" s="297" t="s">
        <v>15</v>
      </c>
      <c r="B17" s="310">
        <v>0</v>
      </c>
      <c r="C17" s="313">
        <v>0</v>
      </c>
      <c r="D17" s="441">
        <v>0</v>
      </c>
      <c r="E17" s="312">
        <v>0</v>
      </c>
      <c r="F17" s="313">
        <v>118</v>
      </c>
      <c r="G17" s="313">
        <v>152</v>
      </c>
      <c r="H17" s="313">
        <v>64</v>
      </c>
      <c r="I17" s="313">
        <v>44</v>
      </c>
      <c r="J17" s="313">
        <v>47</v>
      </c>
      <c r="K17" s="314">
        <v>425</v>
      </c>
      <c r="L17" s="315">
        <v>425</v>
      </c>
      <c r="M17" s="310">
        <v>0</v>
      </c>
      <c r="N17" s="313">
        <v>0</v>
      </c>
      <c r="O17" s="311">
        <v>0</v>
      </c>
      <c r="P17" s="312">
        <v>0</v>
      </c>
      <c r="Q17" s="313">
        <v>2</v>
      </c>
      <c r="R17" s="313">
        <v>5</v>
      </c>
      <c r="S17" s="313">
        <v>8</v>
      </c>
      <c r="T17" s="313">
        <v>17</v>
      </c>
      <c r="U17" s="313">
        <v>37</v>
      </c>
      <c r="V17" s="311">
        <v>69</v>
      </c>
      <c r="W17" s="315">
        <v>69</v>
      </c>
      <c r="X17" s="310">
        <v>3</v>
      </c>
      <c r="Y17" s="313">
        <v>7</v>
      </c>
      <c r="Z17" s="311">
        <v>10</v>
      </c>
      <c r="AA17" s="312">
        <v>0</v>
      </c>
      <c r="AB17" s="313">
        <v>40</v>
      </c>
      <c r="AC17" s="313">
        <v>76</v>
      </c>
      <c r="AD17" s="313">
        <v>41</v>
      </c>
      <c r="AE17" s="313">
        <v>40</v>
      </c>
      <c r="AF17" s="313">
        <v>42</v>
      </c>
      <c r="AG17" s="311">
        <v>239</v>
      </c>
      <c r="AH17" s="315">
        <v>249</v>
      </c>
      <c r="AI17" s="310">
        <v>1</v>
      </c>
      <c r="AJ17" s="313">
        <v>1</v>
      </c>
      <c r="AK17" s="311">
        <v>2</v>
      </c>
      <c r="AL17" s="312">
        <v>0</v>
      </c>
      <c r="AM17" s="313">
        <v>7</v>
      </c>
      <c r="AN17" s="313">
        <v>11</v>
      </c>
      <c r="AO17" s="313">
        <v>6</v>
      </c>
      <c r="AP17" s="313">
        <v>4</v>
      </c>
      <c r="AQ17" s="313">
        <v>9</v>
      </c>
      <c r="AR17" s="311">
        <v>37</v>
      </c>
      <c r="AS17" s="315">
        <v>39</v>
      </c>
      <c r="AT17" s="310">
        <v>11</v>
      </c>
      <c r="AU17" s="313">
        <v>15</v>
      </c>
      <c r="AV17" s="311">
        <v>26</v>
      </c>
      <c r="AW17" s="312">
        <v>0</v>
      </c>
      <c r="AX17" s="313">
        <v>116</v>
      </c>
      <c r="AY17" s="313">
        <v>99</v>
      </c>
      <c r="AZ17" s="313">
        <v>104</v>
      </c>
      <c r="BA17" s="313">
        <v>91</v>
      </c>
      <c r="BB17" s="313">
        <v>65</v>
      </c>
      <c r="BC17" s="314">
        <v>475</v>
      </c>
      <c r="BD17" s="315">
        <v>501</v>
      </c>
      <c r="BE17" s="310">
        <v>0</v>
      </c>
      <c r="BF17" s="313">
        <v>0</v>
      </c>
      <c r="BG17" s="311">
        <v>0</v>
      </c>
      <c r="BH17" s="312">
        <v>0</v>
      </c>
      <c r="BI17" s="313">
        <v>109</v>
      </c>
      <c r="BJ17" s="313">
        <v>145</v>
      </c>
      <c r="BK17" s="313">
        <v>65</v>
      </c>
      <c r="BL17" s="313">
        <v>24</v>
      </c>
      <c r="BM17" s="313">
        <v>10</v>
      </c>
      <c r="BN17" s="311">
        <v>353</v>
      </c>
      <c r="BO17" s="315">
        <v>353</v>
      </c>
      <c r="BP17" s="310">
        <v>0</v>
      </c>
      <c r="BQ17" s="313">
        <v>6</v>
      </c>
      <c r="BR17" s="311">
        <v>6</v>
      </c>
      <c r="BS17" s="312">
        <v>0</v>
      </c>
      <c r="BT17" s="313">
        <v>40</v>
      </c>
      <c r="BU17" s="313">
        <v>39</v>
      </c>
      <c r="BV17" s="313">
        <v>21</v>
      </c>
      <c r="BW17" s="313">
        <v>11</v>
      </c>
      <c r="BX17" s="313">
        <v>5</v>
      </c>
      <c r="BY17" s="311">
        <v>116</v>
      </c>
      <c r="BZ17" s="315">
        <v>122</v>
      </c>
      <c r="CA17" s="310">
        <v>0</v>
      </c>
      <c r="CB17" s="313">
        <v>1</v>
      </c>
      <c r="CC17" s="311">
        <v>1</v>
      </c>
      <c r="CD17" s="312">
        <v>0</v>
      </c>
      <c r="CE17" s="313">
        <v>9</v>
      </c>
      <c r="CF17" s="313">
        <v>28</v>
      </c>
      <c r="CG17" s="313">
        <v>46</v>
      </c>
      <c r="CH17" s="313">
        <v>27</v>
      </c>
      <c r="CI17" s="313">
        <v>22</v>
      </c>
      <c r="CJ17" s="311">
        <v>132</v>
      </c>
      <c r="CK17" s="315">
        <v>133</v>
      </c>
      <c r="CL17" s="310">
        <v>0</v>
      </c>
      <c r="CM17" s="313">
        <v>0</v>
      </c>
      <c r="CN17" s="311">
        <v>0</v>
      </c>
      <c r="CO17" s="312">
        <v>0</v>
      </c>
      <c r="CP17" s="313">
        <v>0</v>
      </c>
      <c r="CQ17" s="313">
        <v>6</v>
      </c>
      <c r="CR17" s="313">
        <v>4</v>
      </c>
      <c r="CS17" s="313">
        <v>2</v>
      </c>
      <c r="CT17" s="313">
        <v>0</v>
      </c>
      <c r="CU17" s="311">
        <v>12</v>
      </c>
      <c r="CV17" s="315">
        <v>12</v>
      </c>
      <c r="CW17" s="310">
        <v>0</v>
      </c>
      <c r="CX17" s="313">
        <v>0</v>
      </c>
      <c r="CY17" s="311">
        <v>0</v>
      </c>
      <c r="CZ17" s="312">
        <v>0</v>
      </c>
      <c r="DA17" s="313">
        <v>0</v>
      </c>
      <c r="DB17" s="313">
        <v>0</v>
      </c>
      <c r="DC17" s="313">
        <v>0</v>
      </c>
      <c r="DD17" s="313">
        <v>0</v>
      </c>
      <c r="DE17" s="313">
        <v>0</v>
      </c>
      <c r="DF17" s="311">
        <v>0</v>
      </c>
      <c r="DG17" s="315">
        <v>0</v>
      </c>
      <c r="DH17" s="310">
        <v>0</v>
      </c>
      <c r="DI17" s="313">
        <v>0</v>
      </c>
      <c r="DJ17" s="311">
        <v>0</v>
      </c>
      <c r="DK17" s="312">
        <v>0</v>
      </c>
      <c r="DL17" s="313">
        <v>0</v>
      </c>
      <c r="DM17" s="313">
        <v>0</v>
      </c>
      <c r="DN17" s="313">
        <v>0</v>
      </c>
      <c r="DO17" s="313">
        <v>0</v>
      </c>
      <c r="DP17" s="313">
        <v>0</v>
      </c>
      <c r="DQ17" s="311">
        <v>0</v>
      </c>
      <c r="DR17" s="315">
        <v>0</v>
      </c>
      <c r="DS17" s="310">
        <v>61</v>
      </c>
      <c r="DT17" s="313">
        <v>149</v>
      </c>
      <c r="DU17" s="311">
        <v>210</v>
      </c>
      <c r="DV17" s="312">
        <v>0</v>
      </c>
      <c r="DW17" s="313">
        <v>196</v>
      </c>
      <c r="DX17" s="313">
        <v>370</v>
      </c>
      <c r="DY17" s="313">
        <v>170</v>
      </c>
      <c r="DZ17" s="313">
        <v>115</v>
      </c>
      <c r="EA17" s="313">
        <v>82</v>
      </c>
      <c r="EB17" s="311">
        <v>933</v>
      </c>
      <c r="EC17" s="315">
        <v>1143</v>
      </c>
      <c r="ED17" s="310">
        <v>12</v>
      </c>
      <c r="EE17" s="313">
        <v>16</v>
      </c>
      <c r="EF17" s="311">
        <v>28</v>
      </c>
      <c r="EG17" s="312">
        <v>0</v>
      </c>
      <c r="EH17" s="313">
        <v>55</v>
      </c>
      <c r="EI17" s="313">
        <v>34</v>
      </c>
      <c r="EJ17" s="313">
        <v>36</v>
      </c>
      <c r="EK17" s="313">
        <v>41</v>
      </c>
      <c r="EL17" s="313">
        <v>17</v>
      </c>
      <c r="EM17" s="311">
        <v>183</v>
      </c>
      <c r="EN17" s="315">
        <v>211</v>
      </c>
      <c r="EO17" s="310">
        <v>62</v>
      </c>
      <c r="EP17" s="313">
        <v>151</v>
      </c>
      <c r="EQ17" s="311">
        <v>213</v>
      </c>
      <c r="ER17" s="312">
        <v>0</v>
      </c>
      <c r="ES17" s="313">
        <v>383</v>
      </c>
      <c r="ET17" s="313">
        <v>494</v>
      </c>
      <c r="EU17" s="313">
        <v>211</v>
      </c>
      <c r="EV17" s="313">
        <v>128</v>
      </c>
      <c r="EW17" s="313">
        <v>88</v>
      </c>
      <c r="EX17" s="311">
        <v>1304</v>
      </c>
      <c r="EY17" s="315">
        <v>1517</v>
      </c>
    </row>
    <row r="18" spans="1:155" ht="19.5" customHeight="1" x14ac:dyDescent="0.2">
      <c r="A18" s="297" t="s">
        <v>16</v>
      </c>
      <c r="B18" s="310">
        <v>0</v>
      </c>
      <c r="C18" s="313">
        <v>0</v>
      </c>
      <c r="D18" s="441">
        <v>0</v>
      </c>
      <c r="E18" s="312">
        <v>0</v>
      </c>
      <c r="F18" s="313">
        <v>218</v>
      </c>
      <c r="G18" s="313">
        <v>311</v>
      </c>
      <c r="H18" s="313">
        <v>176</v>
      </c>
      <c r="I18" s="313">
        <v>137</v>
      </c>
      <c r="J18" s="313">
        <v>91</v>
      </c>
      <c r="K18" s="314">
        <v>933</v>
      </c>
      <c r="L18" s="315">
        <v>933</v>
      </c>
      <c r="M18" s="310">
        <v>0</v>
      </c>
      <c r="N18" s="313">
        <v>0</v>
      </c>
      <c r="O18" s="311">
        <v>0</v>
      </c>
      <c r="P18" s="312">
        <v>0</v>
      </c>
      <c r="Q18" s="313">
        <v>2</v>
      </c>
      <c r="R18" s="313">
        <v>7</v>
      </c>
      <c r="S18" s="313">
        <v>13</v>
      </c>
      <c r="T18" s="313">
        <v>32</v>
      </c>
      <c r="U18" s="313">
        <v>45</v>
      </c>
      <c r="V18" s="311">
        <v>99</v>
      </c>
      <c r="W18" s="315">
        <v>99</v>
      </c>
      <c r="X18" s="310">
        <v>23</v>
      </c>
      <c r="Y18" s="313">
        <v>64</v>
      </c>
      <c r="Z18" s="311">
        <v>87</v>
      </c>
      <c r="AA18" s="312">
        <v>0</v>
      </c>
      <c r="AB18" s="313">
        <v>147</v>
      </c>
      <c r="AC18" s="313">
        <v>265</v>
      </c>
      <c r="AD18" s="313">
        <v>166</v>
      </c>
      <c r="AE18" s="313">
        <v>151</v>
      </c>
      <c r="AF18" s="313">
        <v>99</v>
      </c>
      <c r="AG18" s="311">
        <v>828</v>
      </c>
      <c r="AH18" s="315">
        <v>915</v>
      </c>
      <c r="AI18" s="310">
        <v>0</v>
      </c>
      <c r="AJ18" s="313">
        <v>4</v>
      </c>
      <c r="AK18" s="311">
        <v>4</v>
      </c>
      <c r="AL18" s="312">
        <v>0</v>
      </c>
      <c r="AM18" s="313">
        <v>8</v>
      </c>
      <c r="AN18" s="313">
        <v>19</v>
      </c>
      <c r="AO18" s="313">
        <v>18</v>
      </c>
      <c r="AP18" s="313">
        <v>11</v>
      </c>
      <c r="AQ18" s="313">
        <v>10</v>
      </c>
      <c r="AR18" s="311">
        <v>66</v>
      </c>
      <c r="AS18" s="315">
        <v>70</v>
      </c>
      <c r="AT18" s="310">
        <v>41</v>
      </c>
      <c r="AU18" s="313">
        <v>18</v>
      </c>
      <c r="AV18" s="311">
        <v>59</v>
      </c>
      <c r="AW18" s="312">
        <v>0</v>
      </c>
      <c r="AX18" s="313">
        <v>208</v>
      </c>
      <c r="AY18" s="313">
        <v>269</v>
      </c>
      <c r="AZ18" s="313">
        <v>244</v>
      </c>
      <c r="BA18" s="313">
        <v>250</v>
      </c>
      <c r="BB18" s="313">
        <v>210</v>
      </c>
      <c r="BC18" s="314">
        <v>1181</v>
      </c>
      <c r="BD18" s="315">
        <v>1240</v>
      </c>
      <c r="BE18" s="310">
        <v>0</v>
      </c>
      <c r="BF18" s="313">
        <v>0</v>
      </c>
      <c r="BG18" s="311">
        <v>0</v>
      </c>
      <c r="BH18" s="312">
        <v>0</v>
      </c>
      <c r="BI18" s="313">
        <v>319</v>
      </c>
      <c r="BJ18" s="313">
        <v>406</v>
      </c>
      <c r="BK18" s="313">
        <v>254</v>
      </c>
      <c r="BL18" s="313">
        <v>152</v>
      </c>
      <c r="BM18" s="313">
        <v>77</v>
      </c>
      <c r="BN18" s="311">
        <v>1208</v>
      </c>
      <c r="BO18" s="315">
        <v>1208</v>
      </c>
      <c r="BP18" s="310">
        <v>52</v>
      </c>
      <c r="BQ18" s="313">
        <v>89</v>
      </c>
      <c r="BR18" s="311">
        <v>141</v>
      </c>
      <c r="BS18" s="312">
        <v>0</v>
      </c>
      <c r="BT18" s="313">
        <v>166</v>
      </c>
      <c r="BU18" s="313">
        <v>265</v>
      </c>
      <c r="BV18" s="313">
        <v>119</v>
      </c>
      <c r="BW18" s="313">
        <v>65</v>
      </c>
      <c r="BX18" s="313">
        <v>27</v>
      </c>
      <c r="BY18" s="311">
        <v>642</v>
      </c>
      <c r="BZ18" s="315">
        <v>783</v>
      </c>
      <c r="CA18" s="310">
        <v>0</v>
      </c>
      <c r="CB18" s="313">
        <v>3</v>
      </c>
      <c r="CC18" s="311">
        <v>3</v>
      </c>
      <c r="CD18" s="312">
        <v>0</v>
      </c>
      <c r="CE18" s="313">
        <v>48</v>
      </c>
      <c r="CF18" s="313">
        <v>78</v>
      </c>
      <c r="CG18" s="313">
        <v>109</v>
      </c>
      <c r="CH18" s="313">
        <v>52</v>
      </c>
      <c r="CI18" s="313">
        <v>27</v>
      </c>
      <c r="CJ18" s="311">
        <v>314</v>
      </c>
      <c r="CK18" s="315">
        <v>317</v>
      </c>
      <c r="CL18" s="310">
        <v>0</v>
      </c>
      <c r="CM18" s="313">
        <v>0</v>
      </c>
      <c r="CN18" s="311">
        <v>0</v>
      </c>
      <c r="CO18" s="312">
        <v>0</v>
      </c>
      <c r="CP18" s="313">
        <v>5</v>
      </c>
      <c r="CQ18" s="313">
        <v>7</v>
      </c>
      <c r="CR18" s="313">
        <v>13</v>
      </c>
      <c r="CS18" s="313">
        <v>11</v>
      </c>
      <c r="CT18" s="313">
        <v>3</v>
      </c>
      <c r="CU18" s="311">
        <v>39</v>
      </c>
      <c r="CV18" s="315">
        <v>39</v>
      </c>
      <c r="CW18" s="310">
        <v>0</v>
      </c>
      <c r="CX18" s="313">
        <v>0</v>
      </c>
      <c r="CY18" s="311">
        <v>0</v>
      </c>
      <c r="CZ18" s="312">
        <v>0</v>
      </c>
      <c r="DA18" s="313">
        <v>0</v>
      </c>
      <c r="DB18" s="313">
        <v>0</v>
      </c>
      <c r="DC18" s="313">
        <v>0</v>
      </c>
      <c r="DD18" s="313">
        <v>0</v>
      </c>
      <c r="DE18" s="313">
        <v>0</v>
      </c>
      <c r="DF18" s="311">
        <v>0</v>
      </c>
      <c r="DG18" s="315">
        <v>0</v>
      </c>
      <c r="DH18" s="310">
        <v>0</v>
      </c>
      <c r="DI18" s="313">
        <v>0</v>
      </c>
      <c r="DJ18" s="311">
        <v>0</v>
      </c>
      <c r="DK18" s="312">
        <v>0</v>
      </c>
      <c r="DL18" s="313">
        <v>0</v>
      </c>
      <c r="DM18" s="313">
        <v>0</v>
      </c>
      <c r="DN18" s="313">
        <v>0</v>
      </c>
      <c r="DO18" s="313">
        <v>0</v>
      </c>
      <c r="DP18" s="313">
        <v>0</v>
      </c>
      <c r="DQ18" s="311">
        <v>0</v>
      </c>
      <c r="DR18" s="315">
        <v>0</v>
      </c>
      <c r="DS18" s="310">
        <v>157</v>
      </c>
      <c r="DT18" s="313">
        <v>304</v>
      </c>
      <c r="DU18" s="311">
        <v>461</v>
      </c>
      <c r="DV18" s="312">
        <v>0</v>
      </c>
      <c r="DW18" s="313">
        <v>414</v>
      </c>
      <c r="DX18" s="313">
        <v>869</v>
      </c>
      <c r="DY18" s="313">
        <v>507</v>
      </c>
      <c r="DZ18" s="313">
        <v>355</v>
      </c>
      <c r="EA18" s="313">
        <v>219</v>
      </c>
      <c r="EB18" s="311">
        <v>2364</v>
      </c>
      <c r="EC18" s="315">
        <v>2825</v>
      </c>
      <c r="ED18" s="310">
        <v>30</v>
      </c>
      <c r="EE18" s="313">
        <v>14</v>
      </c>
      <c r="EF18" s="311">
        <v>44</v>
      </c>
      <c r="EG18" s="312">
        <v>0</v>
      </c>
      <c r="EH18" s="313">
        <v>98</v>
      </c>
      <c r="EI18" s="313">
        <v>91</v>
      </c>
      <c r="EJ18" s="313">
        <v>80</v>
      </c>
      <c r="EK18" s="313">
        <v>117</v>
      </c>
      <c r="EL18" s="313">
        <v>77</v>
      </c>
      <c r="EM18" s="311">
        <v>463</v>
      </c>
      <c r="EN18" s="315">
        <v>507</v>
      </c>
      <c r="EO18" s="310">
        <v>206</v>
      </c>
      <c r="EP18" s="313">
        <v>378</v>
      </c>
      <c r="EQ18" s="311">
        <v>584</v>
      </c>
      <c r="ER18" s="312">
        <v>0</v>
      </c>
      <c r="ES18" s="313">
        <v>877</v>
      </c>
      <c r="ET18" s="313">
        <v>1146</v>
      </c>
      <c r="EU18" s="313">
        <v>608</v>
      </c>
      <c r="EV18" s="313">
        <v>381</v>
      </c>
      <c r="EW18" s="313">
        <v>228</v>
      </c>
      <c r="EX18" s="311">
        <v>3240</v>
      </c>
      <c r="EY18" s="315">
        <v>3824</v>
      </c>
    </row>
    <row r="19" spans="1:155" ht="19.5" customHeight="1" x14ac:dyDescent="0.2">
      <c r="A19" s="297" t="s">
        <v>17</v>
      </c>
      <c r="B19" s="310">
        <v>0</v>
      </c>
      <c r="C19" s="313">
        <v>0</v>
      </c>
      <c r="D19" s="441">
        <v>0</v>
      </c>
      <c r="E19" s="312">
        <v>0</v>
      </c>
      <c r="F19" s="313">
        <v>240</v>
      </c>
      <c r="G19" s="313">
        <v>425</v>
      </c>
      <c r="H19" s="313">
        <v>259</v>
      </c>
      <c r="I19" s="313">
        <v>196</v>
      </c>
      <c r="J19" s="313">
        <v>160</v>
      </c>
      <c r="K19" s="314">
        <v>1280</v>
      </c>
      <c r="L19" s="315">
        <v>1280</v>
      </c>
      <c r="M19" s="310">
        <v>0</v>
      </c>
      <c r="N19" s="313">
        <v>2</v>
      </c>
      <c r="O19" s="311">
        <v>2</v>
      </c>
      <c r="P19" s="312">
        <v>0</v>
      </c>
      <c r="Q19" s="313">
        <v>0</v>
      </c>
      <c r="R19" s="313">
        <v>18</v>
      </c>
      <c r="S19" s="313">
        <v>23</v>
      </c>
      <c r="T19" s="313">
        <v>46</v>
      </c>
      <c r="U19" s="313">
        <v>78</v>
      </c>
      <c r="V19" s="311">
        <v>165</v>
      </c>
      <c r="W19" s="315">
        <v>167</v>
      </c>
      <c r="X19" s="310">
        <v>38</v>
      </c>
      <c r="Y19" s="313">
        <v>91</v>
      </c>
      <c r="Z19" s="311">
        <v>129</v>
      </c>
      <c r="AA19" s="312">
        <v>0</v>
      </c>
      <c r="AB19" s="313">
        <v>162</v>
      </c>
      <c r="AC19" s="313">
        <v>296</v>
      </c>
      <c r="AD19" s="313">
        <v>181</v>
      </c>
      <c r="AE19" s="313">
        <v>178</v>
      </c>
      <c r="AF19" s="313">
        <v>150</v>
      </c>
      <c r="AG19" s="311">
        <v>967</v>
      </c>
      <c r="AH19" s="315">
        <v>1096</v>
      </c>
      <c r="AI19" s="310">
        <v>2</v>
      </c>
      <c r="AJ19" s="313">
        <v>8</v>
      </c>
      <c r="AK19" s="311">
        <v>10</v>
      </c>
      <c r="AL19" s="312">
        <v>0</v>
      </c>
      <c r="AM19" s="313">
        <v>6</v>
      </c>
      <c r="AN19" s="313">
        <v>34</v>
      </c>
      <c r="AO19" s="313">
        <v>22</v>
      </c>
      <c r="AP19" s="313">
        <v>12</v>
      </c>
      <c r="AQ19" s="313">
        <v>9</v>
      </c>
      <c r="AR19" s="311">
        <v>83</v>
      </c>
      <c r="AS19" s="315">
        <v>93</v>
      </c>
      <c r="AT19" s="310">
        <v>31</v>
      </c>
      <c r="AU19" s="313">
        <v>55</v>
      </c>
      <c r="AV19" s="311">
        <v>86</v>
      </c>
      <c r="AW19" s="312">
        <v>0</v>
      </c>
      <c r="AX19" s="313">
        <v>246</v>
      </c>
      <c r="AY19" s="313">
        <v>414</v>
      </c>
      <c r="AZ19" s="313">
        <v>333</v>
      </c>
      <c r="BA19" s="313">
        <v>353</v>
      </c>
      <c r="BB19" s="313">
        <v>284</v>
      </c>
      <c r="BC19" s="314">
        <v>1630</v>
      </c>
      <c r="BD19" s="315">
        <v>1716</v>
      </c>
      <c r="BE19" s="310">
        <v>0</v>
      </c>
      <c r="BF19" s="313">
        <v>1</v>
      </c>
      <c r="BG19" s="311">
        <v>1</v>
      </c>
      <c r="BH19" s="312">
        <v>0</v>
      </c>
      <c r="BI19" s="313">
        <v>357</v>
      </c>
      <c r="BJ19" s="313">
        <v>537</v>
      </c>
      <c r="BK19" s="313">
        <v>305</v>
      </c>
      <c r="BL19" s="313">
        <v>181</v>
      </c>
      <c r="BM19" s="313">
        <v>83</v>
      </c>
      <c r="BN19" s="311">
        <v>1463</v>
      </c>
      <c r="BO19" s="315">
        <v>1464</v>
      </c>
      <c r="BP19" s="310">
        <v>26</v>
      </c>
      <c r="BQ19" s="313">
        <v>73</v>
      </c>
      <c r="BR19" s="311">
        <v>99</v>
      </c>
      <c r="BS19" s="312">
        <v>0</v>
      </c>
      <c r="BT19" s="313">
        <v>80</v>
      </c>
      <c r="BU19" s="313">
        <v>172</v>
      </c>
      <c r="BV19" s="313">
        <v>81</v>
      </c>
      <c r="BW19" s="313">
        <v>49</v>
      </c>
      <c r="BX19" s="313">
        <v>21</v>
      </c>
      <c r="BY19" s="311">
        <v>403</v>
      </c>
      <c r="BZ19" s="315">
        <v>502</v>
      </c>
      <c r="CA19" s="310">
        <v>1</v>
      </c>
      <c r="CB19" s="313">
        <v>3</v>
      </c>
      <c r="CC19" s="311">
        <v>4</v>
      </c>
      <c r="CD19" s="312">
        <v>0</v>
      </c>
      <c r="CE19" s="313">
        <v>56</v>
      </c>
      <c r="CF19" s="313">
        <v>94</v>
      </c>
      <c r="CG19" s="313">
        <v>104</v>
      </c>
      <c r="CH19" s="313">
        <v>84</v>
      </c>
      <c r="CI19" s="313">
        <v>47</v>
      </c>
      <c r="CJ19" s="311">
        <v>385</v>
      </c>
      <c r="CK19" s="315">
        <v>389</v>
      </c>
      <c r="CL19" s="310">
        <v>0</v>
      </c>
      <c r="CM19" s="313">
        <v>0</v>
      </c>
      <c r="CN19" s="311">
        <v>0</v>
      </c>
      <c r="CO19" s="312">
        <v>0</v>
      </c>
      <c r="CP19" s="313">
        <v>3</v>
      </c>
      <c r="CQ19" s="313">
        <v>18</v>
      </c>
      <c r="CR19" s="313">
        <v>9</v>
      </c>
      <c r="CS19" s="313">
        <v>10</v>
      </c>
      <c r="CT19" s="313">
        <v>12</v>
      </c>
      <c r="CU19" s="311">
        <v>52</v>
      </c>
      <c r="CV19" s="315">
        <v>52</v>
      </c>
      <c r="CW19" s="310">
        <v>0</v>
      </c>
      <c r="CX19" s="313">
        <v>0</v>
      </c>
      <c r="CY19" s="311">
        <v>0</v>
      </c>
      <c r="CZ19" s="312">
        <v>0</v>
      </c>
      <c r="DA19" s="313">
        <v>0</v>
      </c>
      <c r="DB19" s="313">
        <v>0</v>
      </c>
      <c r="DC19" s="313">
        <v>0</v>
      </c>
      <c r="DD19" s="313">
        <v>0</v>
      </c>
      <c r="DE19" s="313">
        <v>0</v>
      </c>
      <c r="DF19" s="311">
        <v>0</v>
      </c>
      <c r="DG19" s="315">
        <v>0</v>
      </c>
      <c r="DH19" s="310">
        <v>0</v>
      </c>
      <c r="DI19" s="313">
        <v>0</v>
      </c>
      <c r="DJ19" s="311">
        <v>0</v>
      </c>
      <c r="DK19" s="312">
        <v>0</v>
      </c>
      <c r="DL19" s="313">
        <v>0</v>
      </c>
      <c r="DM19" s="313">
        <v>0</v>
      </c>
      <c r="DN19" s="313">
        <v>0</v>
      </c>
      <c r="DO19" s="313">
        <v>0</v>
      </c>
      <c r="DP19" s="313">
        <v>0</v>
      </c>
      <c r="DQ19" s="311">
        <v>0</v>
      </c>
      <c r="DR19" s="315">
        <v>0</v>
      </c>
      <c r="DS19" s="310">
        <v>200</v>
      </c>
      <c r="DT19" s="313">
        <v>481</v>
      </c>
      <c r="DU19" s="311">
        <v>681</v>
      </c>
      <c r="DV19" s="312">
        <v>0</v>
      </c>
      <c r="DW19" s="313">
        <v>414</v>
      </c>
      <c r="DX19" s="313">
        <v>1070</v>
      </c>
      <c r="DY19" s="313">
        <v>631</v>
      </c>
      <c r="DZ19" s="313">
        <v>541</v>
      </c>
      <c r="EA19" s="313">
        <v>341</v>
      </c>
      <c r="EB19" s="311">
        <v>2997</v>
      </c>
      <c r="EC19" s="315">
        <v>3678</v>
      </c>
      <c r="ED19" s="310">
        <v>30</v>
      </c>
      <c r="EE19" s="313">
        <v>35</v>
      </c>
      <c r="EF19" s="311">
        <v>65</v>
      </c>
      <c r="EG19" s="312">
        <v>0</v>
      </c>
      <c r="EH19" s="313">
        <v>93</v>
      </c>
      <c r="EI19" s="313">
        <v>79</v>
      </c>
      <c r="EJ19" s="313">
        <v>85</v>
      </c>
      <c r="EK19" s="313">
        <v>88</v>
      </c>
      <c r="EL19" s="313">
        <v>50</v>
      </c>
      <c r="EM19" s="311">
        <v>395</v>
      </c>
      <c r="EN19" s="315">
        <v>460</v>
      </c>
      <c r="EO19" s="310">
        <v>245</v>
      </c>
      <c r="EP19" s="313">
        <v>562</v>
      </c>
      <c r="EQ19" s="311">
        <v>807</v>
      </c>
      <c r="ER19" s="312">
        <v>0</v>
      </c>
      <c r="ES19" s="313">
        <v>943</v>
      </c>
      <c r="ET19" s="313">
        <v>1415</v>
      </c>
      <c r="EU19" s="313">
        <v>769</v>
      </c>
      <c r="EV19" s="313">
        <v>561</v>
      </c>
      <c r="EW19" s="313">
        <v>344</v>
      </c>
      <c r="EX19" s="311">
        <v>4032</v>
      </c>
      <c r="EY19" s="315">
        <v>4839</v>
      </c>
    </row>
    <row r="20" spans="1:155" ht="19.5" customHeight="1" x14ac:dyDescent="0.2">
      <c r="A20" s="297" t="s">
        <v>18</v>
      </c>
      <c r="B20" s="310">
        <v>0</v>
      </c>
      <c r="C20" s="313">
        <v>0</v>
      </c>
      <c r="D20" s="441">
        <v>0</v>
      </c>
      <c r="E20" s="312">
        <v>0</v>
      </c>
      <c r="F20" s="313">
        <v>506</v>
      </c>
      <c r="G20" s="313">
        <v>494</v>
      </c>
      <c r="H20" s="313">
        <v>277</v>
      </c>
      <c r="I20" s="313">
        <v>218</v>
      </c>
      <c r="J20" s="313">
        <v>151</v>
      </c>
      <c r="K20" s="314">
        <v>1646</v>
      </c>
      <c r="L20" s="315">
        <v>1646</v>
      </c>
      <c r="M20" s="310">
        <v>0</v>
      </c>
      <c r="N20" s="313">
        <v>1</v>
      </c>
      <c r="O20" s="311">
        <v>1</v>
      </c>
      <c r="P20" s="312">
        <v>0</v>
      </c>
      <c r="Q20" s="313">
        <v>3</v>
      </c>
      <c r="R20" s="313">
        <v>17</v>
      </c>
      <c r="S20" s="313">
        <v>16</v>
      </c>
      <c r="T20" s="313">
        <v>45</v>
      </c>
      <c r="U20" s="313">
        <v>79</v>
      </c>
      <c r="V20" s="311">
        <v>160</v>
      </c>
      <c r="W20" s="315">
        <v>161</v>
      </c>
      <c r="X20" s="310">
        <v>44</v>
      </c>
      <c r="Y20" s="313">
        <v>109</v>
      </c>
      <c r="Z20" s="311">
        <v>153</v>
      </c>
      <c r="AA20" s="312">
        <v>0</v>
      </c>
      <c r="AB20" s="313">
        <v>325</v>
      </c>
      <c r="AC20" s="313">
        <v>334</v>
      </c>
      <c r="AD20" s="313">
        <v>218</v>
      </c>
      <c r="AE20" s="313">
        <v>193</v>
      </c>
      <c r="AF20" s="313">
        <v>144</v>
      </c>
      <c r="AG20" s="311">
        <v>1214</v>
      </c>
      <c r="AH20" s="315">
        <v>1367</v>
      </c>
      <c r="AI20" s="310">
        <v>7</v>
      </c>
      <c r="AJ20" s="313">
        <v>8</v>
      </c>
      <c r="AK20" s="311">
        <v>15</v>
      </c>
      <c r="AL20" s="312">
        <v>0</v>
      </c>
      <c r="AM20" s="313">
        <v>35</v>
      </c>
      <c r="AN20" s="313">
        <v>41</v>
      </c>
      <c r="AO20" s="313">
        <v>28</v>
      </c>
      <c r="AP20" s="313">
        <v>25</v>
      </c>
      <c r="AQ20" s="313">
        <v>12</v>
      </c>
      <c r="AR20" s="311">
        <v>141</v>
      </c>
      <c r="AS20" s="315">
        <v>156</v>
      </c>
      <c r="AT20" s="310">
        <v>56</v>
      </c>
      <c r="AU20" s="313">
        <v>67</v>
      </c>
      <c r="AV20" s="311">
        <v>123</v>
      </c>
      <c r="AW20" s="312">
        <v>0</v>
      </c>
      <c r="AX20" s="313">
        <v>428</v>
      </c>
      <c r="AY20" s="313">
        <v>482</v>
      </c>
      <c r="AZ20" s="313">
        <v>461</v>
      </c>
      <c r="BA20" s="313">
        <v>406</v>
      </c>
      <c r="BB20" s="313">
        <v>334</v>
      </c>
      <c r="BC20" s="314">
        <v>2111</v>
      </c>
      <c r="BD20" s="315">
        <v>2234</v>
      </c>
      <c r="BE20" s="310">
        <v>0</v>
      </c>
      <c r="BF20" s="313">
        <v>0</v>
      </c>
      <c r="BG20" s="311">
        <v>0</v>
      </c>
      <c r="BH20" s="312">
        <v>0</v>
      </c>
      <c r="BI20" s="313">
        <v>606</v>
      </c>
      <c r="BJ20" s="313">
        <v>589</v>
      </c>
      <c r="BK20" s="313">
        <v>319</v>
      </c>
      <c r="BL20" s="313">
        <v>190</v>
      </c>
      <c r="BM20" s="313">
        <v>81</v>
      </c>
      <c r="BN20" s="311">
        <v>1785</v>
      </c>
      <c r="BO20" s="315">
        <v>1785</v>
      </c>
      <c r="BP20" s="310">
        <v>51</v>
      </c>
      <c r="BQ20" s="313">
        <v>88</v>
      </c>
      <c r="BR20" s="311">
        <v>139</v>
      </c>
      <c r="BS20" s="312">
        <v>0</v>
      </c>
      <c r="BT20" s="313">
        <v>177</v>
      </c>
      <c r="BU20" s="313">
        <v>174</v>
      </c>
      <c r="BV20" s="313">
        <v>100</v>
      </c>
      <c r="BW20" s="313">
        <v>65</v>
      </c>
      <c r="BX20" s="313">
        <v>19</v>
      </c>
      <c r="BY20" s="311">
        <v>535</v>
      </c>
      <c r="BZ20" s="315">
        <v>674</v>
      </c>
      <c r="CA20" s="310">
        <v>2</v>
      </c>
      <c r="CB20" s="313">
        <v>6</v>
      </c>
      <c r="CC20" s="311">
        <v>8</v>
      </c>
      <c r="CD20" s="312">
        <v>0</v>
      </c>
      <c r="CE20" s="313">
        <v>54</v>
      </c>
      <c r="CF20" s="313">
        <v>117</v>
      </c>
      <c r="CG20" s="313">
        <v>132</v>
      </c>
      <c r="CH20" s="313">
        <v>111</v>
      </c>
      <c r="CI20" s="313">
        <v>63</v>
      </c>
      <c r="CJ20" s="311">
        <v>477</v>
      </c>
      <c r="CK20" s="315">
        <v>485</v>
      </c>
      <c r="CL20" s="310">
        <v>0</v>
      </c>
      <c r="CM20" s="313">
        <v>0</v>
      </c>
      <c r="CN20" s="311">
        <v>0</v>
      </c>
      <c r="CO20" s="312">
        <v>0</v>
      </c>
      <c r="CP20" s="313">
        <v>2</v>
      </c>
      <c r="CQ20" s="313">
        <v>3</v>
      </c>
      <c r="CR20" s="313">
        <v>5</v>
      </c>
      <c r="CS20" s="313">
        <v>3</v>
      </c>
      <c r="CT20" s="313">
        <v>2</v>
      </c>
      <c r="CU20" s="311">
        <v>15</v>
      </c>
      <c r="CV20" s="315">
        <v>15</v>
      </c>
      <c r="CW20" s="310">
        <v>0</v>
      </c>
      <c r="CX20" s="313">
        <v>0</v>
      </c>
      <c r="CY20" s="311">
        <v>0</v>
      </c>
      <c r="CZ20" s="312">
        <v>0</v>
      </c>
      <c r="DA20" s="313">
        <v>0</v>
      </c>
      <c r="DB20" s="313">
        <v>0</v>
      </c>
      <c r="DC20" s="313">
        <v>0</v>
      </c>
      <c r="DD20" s="313">
        <v>0</v>
      </c>
      <c r="DE20" s="313">
        <v>0</v>
      </c>
      <c r="DF20" s="311">
        <v>0</v>
      </c>
      <c r="DG20" s="315">
        <v>0</v>
      </c>
      <c r="DH20" s="310">
        <v>0</v>
      </c>
      <c r="DI20" s="313">
        <v>0</v>
      </c>
      <c r="DJ20" s="311">
        <v>0</v>
      </c>
      <c r="DK20" s="312">
        <v>0</v>
      </c>
      <c r="DL20" s="313">
        <v>0</v>
      </c>
      <c r="DM20" s="313">
        <v>0</v>
      </c>
      <c r="DN20" s="313">
        <v>0</v>
      </c>
      <c r="DO20" s="313">
        <v>0</v>
      </c>
      <c r="DP20" s="313">
        <v>0</v>
      </c>
      <c r="DQ20" s="311">
        <v>0</v>
      </c>
      <c r="DR20" s="315">
        <v>0</v>
      </c>
      <c r="DS20" s="310">
        <v>219</v>
      </c>
      <c r="DT20" s="313">
        <v>493</v>
      </c>
      <c r="DU20" s="311">
        <v>712</v>
      </c>
      <c r="DV20" s="312">
        <v>0</v>
      </c>
      <c r="DW20" s="313">
        <v>782</v>
      </c>
      <c r="DX20" s="313">
        <v>1055</v>
      </c>
      <c r="DY20" s="313">
        <v>643</v>
      </c>
      <c r="DZ20" s="313">
        <v>498</v>
      </c>
      <c r="EA20" s="313">
        <v>297</v>
      </c>
      <c r="EB20" s="311">
        <v>3275</v>
      </c>
      <c r="EC20" s="315">
        <v>3987</v>
      </c>
      <c r="ED20" s="310">
        <v>25</v>
      </c>
      <c r="EE20" s="313">
        <v>17</v>
      </c>
      <c r="EF20" s="311">
        <v>42</v>
      </c>
      <c r="EG20" s="312">
        <v>0</v>
      </c>
      <c r="EH20" s="313">
        <v>119</v>
      </c>
      <c r="EI20" s="313">
        <v>100</v>
      </c>
      <c r="EJ20" s="313">
        <v>102</v>
      </c>
      <c r="EK20" s="313">
        <v>88</v>
      </c>
      <c r="EL20" s="313">
        <v>67</v>
      </c>
      <c r="EM20" s="311">
        <v>476</v>
      </c>
      <c r="EN20" s="315">
        <v>518</v>
      </c>
      <c r="EO20" s="310">
        <v>282</v>
      </c>
      <c r="EP20" s="313">
        <v>606</v>
      </c>
      <c r="EQ20" s="311">
        <v>888</v>
      </c>
      <c r="ER20" s="312">
        <v>0</v>
      </c>
      <c r="ES20" s="313">
        <v>1591</v>
      </c>
      <c r="ET20" s="313">
        <v>1463</v>
      </c>
      <c r="EU20" s="313">
        <v>778</v>
      </c>
      <c r="EV20" s="313">
        <v>544</v>
      </c>
      <c r="EW20" s="313">
        <v>305</v>
      </c>
      <c r="EX20" s="311">
        <v>4681</v>
      </c>
      <c r="EY20" s="315">
        <v>5569</v>
      </c>
    </row>
    <row r="21" spans="1:155" ht="19.5" customHeight="1" x14ac:dyDescent="0.2">
      <c r="A21" s="297" t="s">
        <v>19</v>
      </c>
      <c r="B21" s="310">
        <v>0</v>
      </c>
      <c r="C21" s="313">
        <v>0</v>
      </c>
      <c r="D21" s="441">
        <v>0</v>
      </c>
      <c r="E21" s="312">
        <v>0</v>
      </c>
      <c r="F21" s="313">
        <v>180</v>
      </c>
      <c r="G21" s="313">
        <v>161</v>
      </c>
      <c r="H21" s="313">
        <v>106</v>
      </c>
      <c r="I21" s="313">
        <v>80</v>
      </c>
      <c r="J21" s="313">
        <v>53</v>
      </c>
      <c r="K21" s="314">
        <v>580</v>
      </c>
      <c r="L21" s="315">
        <v>580</v>
      </c>
      <c r="M21" s="310">
        <v>0</v>
      </c>
      <c r="N21" s="313">
        <v>1</v>
      </c>
      <c r="O21" s="311">
        <v>1</v>
      </c>
      <c r="P21" s="312">
        <v>0</v>
      </c>
      <c r="Q21" s="313">
        <v>3</v>
      </c>
      <c r="R21" s="313">
        <v>4</v>
      </c>
      <c r="S21" s="313">
        <v>12</v>
      </c>
      <c r="T21" s="313">
        <v>18</v>
      </c>
      <c r="U21" s="313">
        <v>28</v>
      </c>
      <c r="V21" s="311">
        <v>65</v>
      </c>
      <c r="W21" s="315">
        <v>66</v>
      </c>
      <c r="X21" s="310">
        <v>32</v>
      </c>
      <c r="Y21" s="313">
        <v>50</v>
      </c>
      <c r="Z21" s="311">
        <v>82</v>
      </c>
      <c r="AA21" s="312">
        <v>0</v>
      </c>
      <c r="AB21" s="313">
        <v>148</v>
      </c>
      <c r="AC21" s="313">
        <v>129</v>
      </c>
      <c r="AD21" s="313">
        <v>95</v>
      </c>
      <c r="AE21" s="313">
        <v>76</v>
      </c>
      <c r="AF21" s="313">
        <v>60</v>
      </c>
      <c r="AG21" s="311">
        <v>508</v>
      </c>
      <c r="AH21" s="315">
        <v>590</v>
      </c>
      <c r="AI21" s="310">
        <v>5</v>
      </c>
      <c r="AJ21" s="313">
        <v>10</v>
      </c>
      <c r="AK21" s="311">
        <v>15</v>
      </c>
      <c r="AL21" s="312">
        <v>0</v>
      </c>
      <c r="AM21" s="313">
        <v>22</v>
      </c>
      <c r="AN21" s="313">
        <v>14</v>
      </c>
      <c r="AO21" s="313">
        <v>9</v>
      </c>
      <c r="AP21" s="313">
        <v>7</v>
      </c>
      <c r="AQ21" s="313">
        <v>2</v>
      </c>
      <c r="AR21" s="311">
        <v>54</v>
      </c>
      <c r="AS21" s="315">
        <v>69</v>
      </c>
      <c r="AT21" s="310">
        <v>38</v>
      </c>
      <c r="AU21" s="313">
        <v>34</v>
      </c>
      <c r="AV21" s="311">
        <v>72</v>
      </c>
      <c r="AW21" s="312">
        <v>0</v>
      </c>
      <c r="AX21" s="313">
        <v>174</v>
      </c>
      <c r="AY21" s="313">
        <v>188</v>
      </c>
      <c r="AZ21" s="313">
        <v>166</v>
      </c>
      <c r="BA21" s="313">
        <v>159</v>
      </c>
      <c r="BB21" s="313">
        <v>127</v>
      </c>
      <c r="BC21" s="314">
        <v>814</v>
      </c>
      <c r="BD21" s="315">
        <v>886</v>
      </c>
      <c r="BE21" s="310">
        <v>0</v>
      </c>
      <c r="BF21" s="313">
        <v>0</v>
      </c>
      <c r="BG21" s="311">
        <v>0</v>
      </c>
      <c r="BH21" s="312">
        <v>0</v>
      </c>
      <c r="BI21" s="313">
        <v>263</v>
      </c>
      <c r="BJ21" s="313">
        <v>237</v>
      </c>
      <c r="BK21" s="313">
        <v>119</v>
      </c>
      <c r="BL21" s="313">
        <v>64</v>
      </c>
      <c r="BM21" s="313">
        <v>37</v>
      </c>
      <c r="BN21" s="311">
        <v>720</v>
      </c>
      <c r="BO21" s="315">
        <v>720</v>
      </c>
      <c r="BP21" s="310">
        <v>17</v>
      </c>
      <c r="BQ21" s="313">
        <v>42</v>
      </c>
      <c r="BR21" s="311">
        <v>59</v>
      </c>
      <c r="BS21" s="312">
        <v>0</v>
      </c>
      <c r="BT21" s="313">
        <v>91</v>
      </c>
      <c r="BU21" s="313">
        <v>94</v>
      </c>
      <c r="BV21" s="313">
        <v>65</v>
      </c>
      <c r="BW21" s="313">
        <v>30</v>
      </c>
      <c r="BX21" s="313">
        <v>12</v>
      </c>
      <c r="BY21" s="311">
        <v>292</v>
      </c>
      <c r="BZ21" s="315">
        <v>351</v>
      </c>
      <c r="CA21" s="310">
        <v>0</v>
      </c>
      <c r="CB21" s="313">
        <v>2</v>
      </c>
      <c r="CC21" s="311">
        <v>2</v>
      </c>
      <c r="CD21" s="312">
        <v>0</v>
      </c>
      <c r="CE21" s="313">
        <v>23</v>
      </c>
      <c r="CF21" s="313">
        <v>47</v>
      </c>
      <c r="CG21" s="313">
        <v>61</v>
      </c>
      <c r="CH21" s="313">
        <v>22</v>
      </c>
      <c r="CI21" s="313">
        <v>15</v>
      </c>
      <c r="CJ21" s="311">
        <v>168</v>
      </c>
      <c r="CK21" s="315">
        <v>170</v>
      </c>
      <c r="CL21" s="310">
        <v>0</v>
      </c>
      <c r="CM21" s="313">
        <v>1</v>
      </c>
      <c r="CN21" s="311">
        <v>1</v>
      </c>
      <c r="CO21" s="312">
        <v>0</v>
      </c>
      <c r="CP21" s="313">
        <v>4</v>
      </c>
      <c r="CQ21" s="313">
        <v>7</v>
      </c>
      <c r="CR21" s="313">
        <v>8</v>
      </c>
      <c r="CS21" s="313">
        <v>9</v>
      </c>
      <c r="CT21" s="313">
        <v>4</v>
      </c>
      <c r="CU21" s="311">
        <v>32</v>
      </c>
      <c r="CV21" s="315">
        <v>33</v>
      </c>
      <c r="CW21" s="310">
        <v>0</v>
      </c>
      <c r="CX21" s="313">
        <v>0</v>
      </c>
      <c r="CY21" s="311">
        <v>0</v>
      </c>
      <c r="CZ21" s="312">
        <v>0</v>
      </c>
      <c r="DA21" s="313">
        <v>0</v>
      </c>
      <c r="DB21" s="313">
        <v>0</v>
      </c>
      <c r="DC21" s="313">
        <v>0</v>
      </c>
      <c r="DD21" s="313">
        <v>0</v>
      </c>
      <c r="DE21" s="313">
        <v>0</v>
      </c>
      <c r="DF21" s="311">
        <v>0</v>
      </c>
      <c r="DG21" s="315">
        <v>0</v>
      </c>
      <c r="DH21" s="310">
        <v>0</v>
      </c>
      <c r="DI21" s="313">
        <v>0</v>
      </c>
      <c r="DJ21" s="311">
        <v>0</v>
      </c>
      <c r="DK21" s="312">
        <v>0</v>
      </c>
      <c r="DL21" s="313">
        <v>0</v>
      </c>
      <c r="DM21" s="313">
        <v>0</v>
      </c>
      <c r="DN21" s="313">
        <v>0</v>
      </c>
      <c r="DO21" s="313">
        <v>0</v>
      </c>
      <c r="DP21" s="313">
        <v>0</v>
      </c>
      <c r="DQ21" s="311">
        <v>0</v>
      </c>
      <c r="DR21" s="315">
        <v>0</v>
      </c>
      <c r="DS21" s="310">
        <v>82</v>
      </c>
      <c r="DT21" s="313">
        <v>218</v>
      </c>
      <c r="DU21" s="311">
        <v>300</v>
      </c>
      <c r="DV21" s="312">
        <v>0</v>
      </c>
      <c r="DW21" s="313">
        <v>379</v>
      </c>
      <c r="DX21" s="313">
        <v>444</v>
      </c>
      <c r="DY21" s="313">
        <v>289</v>
      </c>
      <c r="DZ21" s="313">
        <v>183</v>
      </c>
      <c r="EA21" s="313">
        <v>134</v>
      </c>
      <c r="EB21" s="311">
        <v>1429</v>
      </c>
      <c r="EC21" s="315">
        <v>1729</v>
      </c>
      <c r="ED21" s="310">
        <v>14</v>
      </c>
      <c r="EE21" s="313">
        <v>18</v>
      </c>
      <c r="EF21" s="311">
        <v>32</v>
      </c>
      <c r="EG21" s="312">
        <v>0</v>
      </c>
      <c r="EH21" s="313">
        <v>70</v>
      </c>
      <c r="EI21" s="313">
        <v>43</v>
      </c>
      <c r="EJ21" s="313">
        <v>47</v>
      </c>
      <c r="EK21" s="313">
        <v>51</v>
      </c>
      <c r="EL21" s="313">
        <v>24</v>
      </c>
      <c r="EM21" s="311">
        <v>235</v>
      </c>
      <c r="EN21" s="315">
        <v>267</v>
      </c>
      <c r="EO21" s="310">
        <v>127</v>
      </c>
      <c r="EP21" s="313">
        <v>266</v>
      </c>
      <c r="EQ21" s="311">
        <v>393</v>
      </c>
      <c r="ER21" s="312">
        <v>0</v>
      </c>
      <c r="ES21" s="313">
        <v>668</v>
      </c>
      <c r="ET21" s="313">
        <v>596</v>
      </c>
      <c r="EU21" s="313">
        <v>327</v>
      </c>
      <c r="EV21" s="313">
        <v>174</v>
      </c>
      <c r="EW21" s="313">
        <v>113</v>
      </c>
      <c r="EX21" s="311">
        <v>1878</v>
      </c>
      <c r="EY21" s="315">
        <v>2271</v>
      </c>
    </row>
    <row r="22" spans="1:155" ht="19.5" customHeight="1" x14ac:dyDescent="0.2">
      <c r="A22" s="297" t="s">
        <v>20</v>
      </c>
      <c r="B22" s="310">
        <v>0</v>
      </c>
      <c r="C22" s="313">
        <v>0</v>
      </c>
      <c r="D22" s="441">
        <v>0</v>
      </c>
      <c r="E22" s="312">
        <v>0</v>
      </c>
      <c r="F22" s="313">
        <v>254</v>
      </c>
      <c r="G22" s="313">
        <v>165</v>
      </c>
      <c r="H22" s="313">
        <v>111</v>
      </c>
      <c r="I22" s="313">
        <v>80</v>
      </c>
      <c r="J22" s="313">
        <v>60</v>
      </c>
      <c r="K22" s="314">
        <v>670</v>
      </c>
      <c r="L22" s="315">
        <v>670</v>
      </c>
      <c r="M22" s="310">
        <v>0</v>
      </c>
      <c r="N22" s="313">
        <v>1</v>
      </c>
      <c r="O22" s="311">
        <v>1</v>
      </c>
      <c r="P22" s="312">
        <v>0</v>
      </c>
      <c r="Q22" s="313">
        <v>2</v>
      </c>
      <c r="R22" s="313">
        <v>7</v>
      </c>
      <c r="S22" s="313">
        <v>9</v>
      </c>
      <c r="T22" s="313">
        <v>23</v>
      </c>
      <c r="U22" s="313">
        <v>36</v>
      </c>
      <c r="V22" s="311">
        <v>77</v>
      </c>
      <c r="W22" s="315">
        <v>78</v>
      </c>
      <c r="X22" s="310">
        <v>31</v>
      </c>
      <c r="Y22" s="313">
        <v>84</v>
      </c>
      <c r="Z22" s="311">
        <v>115</v>
      </c>
      <c r="AA22" s="312">
        <v>0</v>
      </c>
      <c r="AB22" s="313">
        <v>246</v>
      </c>
      <c r="AC22" s="313">
        <v>137</v>
      </c>
      <c r="AD22" s="313">
        <v>97</v>
      </c>
      <c r="AE22" s="313">
        <v>85</v>
      </c>
      <c r="AF22" s="313">
        <v>46</v>
      </c>
      <c r="AG22" s="311">
        <v>611</v>
      </c>
      <c r="AH22" s="315">
        <v>726</v>
      </c>
      <c r="AI22" s="310">
        <v>13</v>
      </c>
      <c r="AJ22" s="313">
        <v>34</v>
      </c>
      <c r="AK22" s="311">
        <v>47</v>
      </c>
      <c r="AL22" s="312">
        <v>0</v>
      </c>
      <c r="AM22" s="313">
        <v>45</v>
      </c>
      <c r="AN22" s="313">
        <v>48</v>
      </c>
      <c r="AO22" s="313">
        <v>30</v>
      </c>
      <c r="AP22" s="313">
        <v>23</v>
      </c>
      <c r="AQ22" s="313">
        <v>13</v>
      </c>
      <c r="AR22" s="311">
        <v>159</v>
      </c>
      <c r="AS22" s="315">
        <v>206</v>
      </c>
      <c r="AT22" s="310">
        <v>17</v>
      </c>
      <c r="AU22" s="313">
        <v>54</v>
      </c>
      <c r="AV22" s="311">
        <v>71</v>
      </c>
      <c r="AW22" s="312">
        <v>0</v>
      </c>
      <c r="AX22" s="313">
        <v>227</v>
      </c>
      <c r="AY22" s="313">
        <v>218</v>
      </c>
      <c r="AZ22" s="313">
        <v>177</v>
      </c>
      <c r="BA22" s="313">
        <v>209</v>
      </c>
      <c r="BB22" s="313">
        <v>116</v>
      </c>
      <c r="BC22" s="314">
        <v>947</v>
      </c>
      <c r="BD22" s="315">
        <v>1018</v>
      </c>
      <c r="BE22" s="310">
        <v>0</v>
      </c>
      <c r="BF22" s="313">
        <v>0</v>
      </c>
      <c r="BG22" s="311">
        <v>0</v>
      </c>
      <c r="BH22" s="312">
        <v>0</v>
      </c>
      <c r="BI22" s="313">
        <v>305</v>
      </c>
      <c r="BJ22" s="313">
        <v>168</v>
      </c>
      <c r="BK22" s="313">
        <v>121</v>
      </c>
      <c r="BL22" s="313">
        <v>66</v>
      </c>
      <c r="BM22" s="313">
        <v>30</v>
      </c>
      <c r="BN22" s="311">
        <v>690</v>
      </c>
      <c r="BO22" s="315">
        <v>690</v>
      </c>
      <c r="BP22" s="310">
        <v>20</v>
      </c>
      <c r="BQ22" s="313">
        <v>54</v>
      </c>
      <c r="BR22" s="311">
        <v>74</v>
      </c>
      <c r="BS22" s="312">
        <v>0</v>
      </c>
      <c r="BT22" s="313">
        <v>181</v>
      </c>
      <c r="BU22" s="313">
        <v>112</v>
      </c>
      <c r="BV22" s="313">
        <v>61</v>
      </c>
      <c r="BW22" s="313">
        <v>39</v>
      </c>
      <c r="BX22" s="313">
        <v>11</v>
      </c>
      <c r="BY22" s="311">
        <v>404</v>
      </c>
      <c r="BZ22" s="315">
        <v>478</v>
      </c>
      <c r="CA22" s="310">
        <v>1</v>
      </c>
      <c r="CB22" s="313">
        <v>5</v>
      </c>
      <c r="CC22" s="311">
        <v>6</v>
      </c>
      <c r="CD22" s="312">
        <v>0</v>
      </c>
      <c r="CE22" s="313">
        <v>45</v>
      </c>
      <c r="CF22" s="313">
        <v>44</v>
      </c>
      <c r="CG22" s="313">
        <v>77</v>
      </c>
      <c r="CH22" s="313">
        <v>48</v>
      </c>
      <c r="CI22" s="313">
        <v>26</v>
      </c>
      <c r="CJ22" s="311">
        <v>240</v>
      </c>
      <c r="CK22" s="315">
        <v>246</v>
      </c>
      <c r="CL22" s="310">
        <v>0</v>
      </c>
      <c r="CM22" s="313">
        <v>1</v>
      </c>
      <c r="CN22" s="311">
        <v>1</v>
      </c>
      <c r="CO22" s="312">
        <v>0</v>
      </c>
      <c r="CP22" s="313">
        <v>1</v>
      </c>
      <c r="CQ22" s="313">
        <v>7</v>
      </c>
      <c r="CR22" s="313">
        <v>9</v>
      </c>
      <c r="CS22" s="313">
        <v>8</v>
      </c>
      <c r="CT22" s="313">
        <v>3</v>
      </c>
      <c r="CU22" s="311">
        <v>28</v>
      </c>
      <c r="CV22" s="315">
        <v>29</v>
      </c>
      <c r="CW22" s="310">
        <v>0</v>
      </c>
      <c r="CX22" s="313">
        <v>0</v>
      </c>
      <c r="CY22" s="311">
        <v>0</v>
      </c>
      <c r="CZ22" s="312">
        <v>0</v>
      </c>
      <c r="DA22" s="313">
        <v>0</v>
      </c>
      <c r="DB22" s="313">
        <v>0</v>
      </c>
      <c r="DC22" s="313">
        <v>0</v>
      </c>
      <c r="DD22" s="313">
        <v>0</v>
      </c>
      <c r="DE22" s="313">
        <v>0</v>
      </c>
      <c r="DF22" s="311">
        <v>0</v>
      </c>
      <c r="DG22" s="315">
        <v>0</v>
      </c>
      <c r="DH22" s="310">
        <v>0</v>
      </c>
      <c r="DI22" s="313">
        <v>0</v>
      </c>
      <c r="DJ22" s="311">
        <v>0</v>
      </c>
      <c r="DK22" s="312">
        <v>0</v>
      </c>
      <c r="DL22" s="313">
        <v>0</v>
      </c>
      <c r="DM22" s="313">
        <v>0</v>
      </c>
      <c r="DN22" s="313">
        <v>0</v>
      </c>
      <c r="DO22" s="313">
        <v>0</v>
      </c>
      <c r="DP22" s="313">
        <v>0</v>
      </c>
      <c r="DQ22" s="311">
        <v>0</v>
      </c>
      <c r="DR22" s="315">
        <v>0</v>
      </c>
      <c r="DS22" s="310">
        <v>131</v>
      </c>
      <c r="DT22" s="313">
        <v>308</v>
      </c>
      <c r="DU22" s="311">
        <v>439</v>
      </c>
      <c r="DV22" s="312">
        <v>0</v>
      </c>
      <c r="DW22" s="313">
        <v>500</v>
      </c>
      <c r="DX22" s="313">
        <v>404</v>
      </c>
      <c r="DY22" s="313">
        <v>273</v>
      </c>
      <c r="DZ22" s="313">
        <v>211</v>
      </c>
      <c r="EA22" s="313">
        <v>106</v>
      </c>
      <c r="EB22" s="311">
        <v>1494</v>
      </c>
      <c r="EC22" s="315">
        <v>1933</v>
      </c>
      <c r="ED22" s="310">
        <v>9</v>
      </c>
      <c r="EE22" s="313">
        <v>29</v>
      </c>
      <c r="EF22" s="311">
        <v>38</v>
      </c>
      <c r="EG22" s="312">
        <v>0</v>
      </c>
      <c r="EH22" s="313">
        <v>70</v>
      </c>
      <c r="EI22" s="313">
        <v>69</v>
      </c>
      <c r="EJ22" s="313">
        <v>45</v>
      </c>
      <c r="EK22" s="313">
        <v>74</v>
      </c>
      <c r="EL22" s="313">
        <v>30</v>
      </c>
      <c r="EM22" s="311">
        <v>288</v>
      </c>
      <c r="EN22" s="315">
        <v>326</v>
      </c>
      <c r="EO22" s="310">
        <v>184</v>
      </c>
      <c r="EP22" s="313">
        <v>411</v>
      </c>
      <c r="EQ22" s="311">
        <v>595</v>
      </c>
      <c r="ER22" s="312">
        <v>0</v>
      </c>
      <c r="ES22" s="313">
        <v>968</v>
      </c>
      <c r="ET22" s="313">
        <v>540</v>
      </c>
      <c r="EU22" s="313">
        <v>347</v>
      </c>
      <c r="EV22" s="313">
        <v>234</v>
      </c>
      <c r="EW22" s="313">
        <v>123</v>
      </c>
      <c r="EX22" s="311">
        <v>2212</v>
      </c>
      <c r="EY22" s="315">
        <v>2807</v>
      </c>
    </row>
    <row r="23" spans="1:155" ht="19.5" customHeight="1" x14ac:dyDescent="0.2">
      <c r="A23" s="297" t="s">
        <v>21</v>
      </c>
      <c r="B23" s="310">
        <v>0</v>
      </c>
      <c r="C23" s="313">
        <v>0</v>
      </c>
      <c r="D23" s="441">
        <v>0</v>
      </c>
      <c r="E23" s="312">
        <v>0</v>
      </c>
      <c r="F23" s="313">
        <v>245</v>
      </c>
      <c r="G23" s="313">
        <v>322</v>
      </c>
      <c r="H23" s="313">
        <v>164</v>
      </c>
      <c r="I23" s="313">
        <v>124</v>
      </c>
      <c r="J23" s="313">
        <v>91</v>
      </c>
      <c r="K23" s="314">
        <v>946</v>
      </c>
      <c r="L23" s="315">
        <v>946</v>
      </c>
      <c r="M23" s="310">
        <v>0</v>
      </c>
      <c r="N23" s="313">
        <v>0</v>
      </c>
      <c r="O23" s="311">
        <v>0</v>
      </c>
      <c r="P23" s="312">
        <v>0</v>
      </c>
      <c r="Q23" s="313">
        <v>2</v>
      </c>
      <c r="R23" s="313">
        <v>5</v>
      </c>
      <c r="S23" s="313">
        <v>11</v>
      </c>
      <c r="T23" s="313">
        <v>30</v>
      </c>
      <c r="U23" s="313">
        <v>45</v>
      </c>
      <c r="V23" s="311">
        <v>93</v>
      </c>
      <c r="W23" s="315">
        <v>93</v>
      </c>
      <c r="X23" s="310">
        <v>53</v>
      </c>
      <c r="Y23" s="313">
        <v>89</v>
      </c>
      <c r="Z23" s="311">
        <v>142</v>
      </c>
      <c r="AA23" s="312">
        <v>0</v>
      </c>
      <c r="AB23" s="313">
        <v>185</v>
      </c>
      <c r="AC23" s="313">
        <v>255</v>
      </c>
      <c r="AD23" s="313">
        <v>137</v>
      </c>
      <c r="AE23" s="313">
        <v>121</v>
      </c>
      <c r="AF23" s="313">
        <v>61</v>
      </c>
      <c r="AG23" s="311">
        <v>759</v>
      </c>
      <c r="AH23" s="315">
        <v>901</v>
      </c>
      <c r="AI23" s="310">
        <v>14</v>
      </c>
      <c r="AJ23" s="313">
        <v>25</v>
      </c>
      <c r="AK23" s="311">
        <v>39</v>
      </c>
      <c r="AL23" s="312">
        <v>0</v>
      </c>
      <c r="AM23" s="313">
        <v>22</v>
      </c>
      <c r="AN23" s="313">
        <v>34</v>
      </c>
      <c r="AO23" s="313">
        <v>11</v>
      </c>
      <c r="AP23" s="313">
        <v>15</v>
      </c>
      <c r="AQ23" s="313">
        <v>9</v>
      </c>
      <c r="AR23" s="311">
        <v>91</v>
      </c>
      <c r="AS23" s="315">
        <v>130</v>
      </c>
      <c r="AT23" s="310">
        <v>37</v>
      </c>
      <c r="AU23" s="313">
        <v>44</v>
      </c>
      <c r="AV23" s="311">
        <v>81</v>
      </c>
      <c r="AW23" s="312">
        <v>0</v>
      </c>
      <c r="AX23" s="313">
        <v>217</v>
      </c>
      <c r="AY23" s="313">
        <v>308</v>
      </c>
      <c r="AZ23" s="313">
        <v>248</v>
      </c>
      <c r="BA23" s="313">
        <v>224</v>
      </c>
      <c r="BB23" s="313">
        <v>166</v>
      </c>
      <c r="BC23" s="314">
        <v>1163</v>
      </c>
      <c r="BD23" s="315">
        <v>1244</v>
      </c>
      <c r="BE23" s="310">
        <v>0</v>
      </c>
      <c r="BF23" s="313">
        <v>0</v>
      </c>
      <c r="BG23" s="311">
        <v>0</v>
      </c>
      <c r="BH23" s="312">
        <v>0</v>
      </c>
      <c r="BI23" s="313">
        <v>265</v>
      </c>
      <c r="BJ23" s="313">
        <v>346</v>
      </c>
      <c r="BK23" s="313">
        <v>154</v>
      </c>
      <c r="BL23" s="313">
        <v>108</v>
      </c>
      <c r="BM23" s="313">
        <v>35</v>
      </c>
      <c r="BN23" s="311">
        <v>908</v>
      </c>
      <c r="BO23" s="315">
        <v>908</v>
      </c>
      <c r="BP23" s="310">
        <v>28</v>
      </c>
      <c r="BQ23" s="313">
        <v>48</v>
      </c>
      <c r="BR23" s="311">
        <v>76</v>
      </c>
      <c r="BS23" s="312">
        <v>0</v>
      </c>
      <c r="BT23" s="313">
        <v>51</v>
      </c>
      <c r="BU23" s="313">
        <v>71</v>
      </c>
      <c r="BV23" s="313">
        <v>37</v>
      </c>
      <c r="BW23" s="313">
        <v>13</v>
      </c>
      <c r="BX23" s="313">
        <v>15</v>
      </c>
      <c r="BY23" s="311">
        <v>187</v>
      </c>
      <c r="BZ23" s="315">
        <v>263</v>
      </c>
      <c r="CA23" s="310">
        <v>2</v>
      </c>
      <c r="CB23" s="313">
        <v>4</v>
      </c>
      <c r="CC23" s="311">
        <v>6</v>
      </c>
      <c r="CD23" s="312">
        <v>0</v>
      </c>
      <c r="CE23" s="313">
        <v>26</v>
      </c>
      <c r="CF23" s="313">
        <v>61</v>
      </c>
      <c r="CG23" s="313">
        <v>73</v>
      </c>
      <c r="CH23" s="313">
        <v>66</v>
      </c>
      <c r="CI23" s="313">
        <v>27</v>
      </c>
      <c r="CJ23" s="311">
        <v>253</v>
      </c>
      <c r="CK23" s="315">
        <v>259</v>
      </c>
      <c r="CL23" s="310">
        <v>0</v>
      </c>
      <c r="CM23" s="313">
        <v>0</v>
      </c>
      <c r="CN23" s="311">
        <v>0</v>
      </c>
      <c r="CO23" s="312">
        <v>0</v>
      </c>
      <c r="CP23" s="313">
        <v>2</v>
      </c>
      <c r="CQ23" s="313">
        <v>3</v>
      </c>
      <c r="CR23" s="313">
        <v>2</v>
      </c>
      <c r="CS23" s="313">
        <v>2</v>
      </c>
      <c r="CT23" s="313">
        <v>3</v>
      </c>
      <c r="CU23" s="311">
        <v>12</v>
      </c>
      <c r="CV23" s="315">
        <v>12</v>
      </c>
      <c r="CW23" s="310">
        <v>0</v>
      </c>
      <c r="CX23" s="313">
        <v>0</v>
      </c>
      <c r="CY23" s="311">
        <v>0</v>
      </c>
      <c r="CZ23" s="312">
        <v>0</v>
      </c>
      <c r="DA23" s="313">
        <v>0</v>
      </c>
      <c r="DB23" s="313">
        <v>0</v>
      </c>
      <c r="DC23" s="313">
        <v>0</v>
      </c>
      <c r="DD23" s="313">
        <v>0</v>
      </c>
      <c r="DE23" s="313">
        <v>0</v>
      </c>
      <c r="DF23" s="311">
        <v>0</v>
      </c>
      <c r="DG23" s="315">
        <v>0</v>
      </c>
      <c r="DH23" s="310">
        <v>0</v>
      </c>
      <c r="DI23" s="313">
        <v>0</v>
      </c>
      <c r="DJ23" s="311">
        <v>0</v>
      </c>
      <c r="DK23" s="312">
        <v>0</v>
      </c>
      <c r="DL23" s="313">
        <v>0</v>
      </c>
      <c r="DM23" s="313">
        <v>0</v>
      </c>
      <c r="DN23" s="313">
        <v>0</v>
      </c>
      <c r="DO23" s="313">
        <v>0</v>
      </c>
      <c r="DP23" s="313">
        <v>0</v>
      </c>
      <c r="DQ23" s="311">
        <v>0</v>
      </c>
      <c r="DR23" s="315">
        <v>0</v>
      </c>
      <c r="DS23" s="310">
        <v>176</v>
      </c>
      <c r="DT23" s="313">
        <v>322</v>
      </c>
      <c r="DU23" s="311">
        <v>498</v>
      </c>
      <c r="DV23" s="312">
        <v>0</v>
      </c>
      <c r="DW23" s="313">
        <v>324</v>
      </c>
      <c r="DX23" s="313">
        <v>659</v>
      </c>
      <c r="DY23" s="313">
        <v>365</v>
      </c>
      <c r="DZ23" s="313">
        <v>270</v>
      </c>
      <c r="EA23" s="313">
        <v>145</v>
      </c>
      <c r="EB23" s="311">
        <v>1763</v>
      </c>
      <c r="EC23" s="315">
        <v>2261</v>
      </c>
      <c r="ED23" s="310">
        <v>23</v>
      </c>
      <c r="EE23" s="313">
        <v>19</v>
      </c>
      <c r="EF23" s="311">
        <v>42</v>
      </c>
      <c r="EG23" s="312">
        <v>0</v>
      </c>
      <c r="EH23" s="313">
        <v>58</v>
      </c>
      <c r="EI23" s="313">
        <v>64</v>
      </c>
      <c r="EJ23" s="313">
        <v>49</v>
      </c>
      <c r="EK23" s="313">
        <v>42</v>
      </c>
      <c r="EL23" s="313">
        <v>45</v>
      </c>
      <c r="EM23" s="311">
        <v>258</v>
      </c>
      <c r="EN23" s="315">
        <v>300</v>
      </c>
      <c r="EO23" s="310">
        <v>242</v>
      </c>
      <c r="EP23" s="313">
        <v>403</v>
      </c>
      <c r="EQ23" s="311">
        <v>645</v>
      </c>
      <c r="ER23" s="312">
        <v>0</v>
      </c>
      <c r="ES23" s="313">
        <v>740</v>
      </c>
      <c r="ET23" s="313">
        <v>917</v>
      </c>
      <c r="EU23" s="313">
        <v>433</v>
      </c>
      <c r="EV23" s="313">
        <v>302</v>
      </c>
      <c r="EW23" s="313">
        <v>158</v>
      </c>
      <c r="EX23" s="311">
        <v>2550</v>
      </c>
      <c r="EY23" s="315">
        <v>3195</v>
      </c>
    </row>
    <row r="24" spans="1:155" ht="19.5" customHeight="1" x14ac:dyDescent="0.2">
      <c r="A24" s="297" t="s">
        <v>22</v>
      </c>
      <c r="B24" s="310">
        <v>0</v>
      </c>
      <c r="C24" s="313">
        <v>0</v>
      </c>
      <c r="D24" s="441">
        <v>0</v>
      </c>
      <c r="E24" s="312">
        <v>0</v>
      </c>
      <c r="F24" s="313">
        <v>76</v>
      </c>
      <c r="G24" s="313">
        <v>72</v>
      </c>
      <c r="H24" s="313">
        <v>32</v>
      </c>
      <c r="I24" s="313">
        <v>35</v>
      </c>
      <c r="J24" s="313">
        <v>31</v>
      </c>
      <c r="K24" s="314">
        <v>246</v>
      </c>
      <c r="L24" s="315">
        <v>246</v>
      </c>
      <c r="M24" s="310">
        <v>0</v>
      </c>
      <c r="N24" s="313">
        <v>0</v>
      </c>
      <c r="O24" s="311">
        <v>0</v>
      </c>
      <c r="P24" s="312">
        <v>0</v>
      </c>
      <c r="Q24" s="313">
        <v>0</v>
      </c>
      <c r="R24" s="313">
        <v>2</v>
      </c>
      <c r="S24" s="313">
        <v>4</v>
      </c>
      <c r="T24" s="313">
        <v>4</v>
      </c>
      <c r="U24" s="313">
        <v>19</v>
      </c>
      <c r="V24" s="311">
        <v>29</v>
      </c>
      <c r="W24" s="315">
        <v>29</v>
      </c>
      <c r="X24" s="310">
        <v>4</v>
      </c>
      <c r="Y24" s="313">
        <v>15</v>
      </c>
      <c r="Z24" s="311">
        <v>19</v>
      </c>
      <c r="AA24" s="312">
        <v>0</v>
      </c>
      <c r="AB24" s="313">
        <v>47</v>
      </c>
      <c r="AC24" s="313">
        <v>70</v>
      </c>
      <c r="AD24" s="313">
        <v>26</v>
      </c>
      <c r="AE24" s="313">
        <v>40</v>
      </c>
      <c r="AF24" s="313">
        <v>36</v>
      </c>
      <c r="AG24" s="311">
        <v>219</v>
      </c>
      <c r="AH24" s="315">
        <v>238</v>
      </c>
      <c r="AI24" s="310">
        <v>2</v>
      </c>
      <c r="AJ24" s="313">
        <v>2</v>
      </c>
      <c r="AK24" s="311">
        <v>4</v>
      </c>
      <c r="AL24" s="312">
        <v>0</v>
      </c>
      <c r="AM24" s="313">
        <v>8</v>
      </c>
      <c r="AN24" s="313">
        <v>7</v>
      </c>
      <c r="AO24" s="313">
        <v>8</v>
      </c>
      <c r="AP24" s="313">
        <v>4</v>
      </c>
      <c r="AQ24" s="313">
        <v>5</v>
      </c>
      <c r="AR24" s="311">
        <v>32</v>
      </c>
      <c r="AS24" s="315">
        <v>36</v>
      </c>
      <c r="AT24" s="310">
        <v>2</v>
      </c>
      <c r="AU24" s="313">
        <v>11</v>
      </c>
      <c r="AV24" s="311">
        <v>13</v>
      </c>
      <c r="AW24" s="312">
        <v>0</v>
      </c>
      <c r="AX24" s="313">
        <v>73</v>
      </c>
      <c r="AY24" s="313">
        <v>71</v>
      </c>
      <c r="AZ24" s="313">
        <v>47</v>
      </c>
      <c r="BA24" s="313">
        <v>57</v>
      </c>
      <c r="BB24" s="313">
        <v>33</v>
      </c>
      <c r="BC24" s="314">
        <v>281</v>
      </c>
      <c r="BD24" s="315">
        <v>294</v>
      </c>
      <c r="BE24" s="310">
        <v>0</v>
      </c>
      <c r="BF24" s="313">
        <v>0</v>
      </c>
      <c r="BG24" s="311">
        <v>0</v>
      </c>
      <c r="BH24" s="312">
        <v>0</v>
      </c>
      <c r="BI24" s="313">
        <v>126</v>
      </c>
      <c r="BJ24" s="313">
        <v>115</v>
      </c>
      <c r="BK24" s="313">
        <v>40</v>
      </c>
      <c r="BL24" s="313">
        <v>36</v>
      </c>
      <c r="BM24" s="313">
        <v>18</v>
      </c>
      <c r="BN24" s="311">
        <v>335</v>
      </c>
      <c r="BO24" s="315">
        <v>335</v>
      </c>
      <c r="BP24" s="310">
        <v>1</v>
      </c>
      <c r="BQ24" s="313">
        <v>8</v>
      </c>
      <c r="BR24" s="311">
        <v>9</v>
      </c>
      <c r="BS24" s="312">
        <v>0</v>
      </c>
      <c r="BT24" s="313">
        <v>18</v>
      </c>
      <c r="BU24" s="313">
        <v>24</v>
      </c>
      <c r="BV24" s="313">
        <v>22</v>
      </c>
      <c r="BW24" s="313">
        <v>13</v>
      </c>
      <c r="BX24" s="313">
        <v>6</v>
      </c>
      <c r="BY24" s="311">
        <v>83</v>
      </c>
      <c r="BZ24" s="315">
        <v>92</v>
      </c>
      <c r="CA24" s="310">
        <v>0</v>
      </c>
      <c r="CB24" s="313">
        <v>1</v>
      </c>
      <c r="CC24" s="311">
        <v>1</v>
      </c>
      <c r="CD24" s="312">
        <v>0</v>
      </c>
      <c r="CE24" s="313">
        <v>16</v>
      </c>
      <c r="CF24" s="313">
        <v>29</v>
      </c>
      <c r="CG24" s="313">
        <v>27</v>
      </c>
      <c r="CH24" s="313">
        <v>18</v>
      </c>
      <c r="CI24" s="313">
        <v>10</v>
      </c>
      <c r="CJ24" s="311">
        <v>100</v>
      </c>
      <c r="CK24" s="315">
        <v>101</v>
      </c>
      <c r="CL24" s="310">
        <v>0</v>
      </c>
      <c r="CM24" s="313">
        <v>0</v>
      </c>
      <c r="CN24" s="311">
        <v>0</v>
      </c>
      <c r="CO24" s="312">
        <v>0</v>
      </c>
      <c r="CP24" s="313">
        <v>0</v>
      </c>
      <c r="CQ24" s="313">
        <v>1</v>
      </c>
      <c r="CR24" s="313">
        <v>9</v>
      </c>
      <c r="CS24" s="313">
        <v>2</v>
      </c>
      <c r="CT24" s="313">
        <v>2</v>
      </c>
      <c r="CU24" s="311">
        <v>14</v>
      </c>
      <c r="CV24" s="315">
        <v>14</v>
      </c>
      <c r="CW24" s="310">
        <v>0</v>
      </c>
      <c r="CX24" s="313">
        <v>0</v>
      </c>
      <c r="CY24" s="311">
        <v>0</v>
      </c>
      <c r="CZ24" s="312">
        <v>0</v>
      </c>
      <c r="DA24" s="313">
        <v>0</v>
      </c>
      <c r="DB24" s="313">
        <v>0</v>
      </c>
      <c r="DC24" s="313">
        <v>0</v>
      </c>
      <c r="DD24" s="313">
        <v>0</v>
      </c>
      <c r="DE24" s="313">
        <v>0</v>
      </c>
      <c r="DF24" s="311">
        <v>0</v>
      </c>
      <c r="DG24" s="315">
        <v>0</v>
      </c>
      <c r="DH24" s="310">
        <v>0</v>
      </c>
      <c r="DI24" s="313">
        <v>0</v>
      </c>
      <c r="DJ24" s="311">
        <v>0</v>
      </c>
      <c r="DK24" s="312">
        <v>0</v>
      </c>
      <c r="DL24" s="313">
        <v>0</v>
      </c>
      <c r="DM24" s="313">
        <v>0</v>
      </c>
      <c r="DN24" s="313">
        <v>0</v>
      </c>
      <c r="DO24" s="313">
        <v>0</v>
      </c>
      <c r="DP24" s="313">
        <v>0</v>
      </c>
      <c r="DQ24" s="311">
        <v>0</v>
      </c>
      <c r="DR24" s="315">
        <v>0</v>
      </c>
      <c r="DS24" s="310">
        <v>47</v>
      </c>
      <c r="DT24" s="313">
        <v>132</v>
      </c>
      <c r="DU24" s="311">
        <v>179</v>
      </c>
      <c r="DV24" s="312">
        <v>0</v>
      </c>
      <c r="DW24" s="313">
        <v>194</v>
      </c>
      <c r="DX24" s="313">
        <v>235</v>
      </c>
      <c r="DY24" s="313">
        <v>120</v>
      </c>
      <c r="DZ24" s="313">
        <v>92</v>
      </c>
      <c r="EA24" s="313">
        <v>68</v>
      </c>
      <c r="EB24" s="311">
        <v>709</v>
      </c>
      <c r="EC24" s="315">
        <v>888</v>
      </c>
      <c r="ED24" s="310">
        <v>7</v>
      </c>
      <c r="EE24" s="313">
        <v>6</v>
      </c>
      <c r="EF24" s="311">
        <v>13</v>
      </c>
      <c r="EG24" s="312">
        <v>0</v>
      </c>
      <c r="EH24" s="313">
        <v>34</v>
      </c>
      <c r="EI24" s="313">
        <v>29</v>
      </c>
      <c r="EJ24" s="313">
        <v>18</v>
      </c>
      <c r="EK24" s="313">
        <v>21</v>
      </c>
      <c r="EL24" s="313">
        <v>9</v>
      </c>
      <c r="EM24" s="311">
        <v>111</v>
      </c>
      <c r="EN24" s="315">
        <v>124</v>
      </c>
      <c r="EO24" s="310">
        <v>51</v>
      </c>
      <c r="EP24" s="313">
        <v>144</v>
      </c>
      <c r="EQ24" s="311">
        <v>195</v>
      </c>
      <c r="ER24" s="312">
        <v>0</v>
      </c>
      <c r="ES24" s="313">
        <v>378</v>
      </c>
      <c r="ET24" s="313">
        <v>328</v>
      </c>
      <c r="EU24" s="313">
        <v>131</v>
      </c>
      <c r="EV24" s="313">
        <v>97</v>
      </c>
      <c r="EW24" s="313">
        <v>68</v>
      </c>
      <c r="EX24" s="311">
        <v>1002</v>
      </c>
      <c r="EY24" s="315">
        <v>1197</v>
      </c>
    </row>
    <row r="25" spans="1:155" ht="19.5" customHeight="1" x14ac:dyDescent="0.2">
      <c r="A25" s="297" t="s">
        <v>23</v>
      </c>
      <c r="B25" s="310">
        <v>0</v>
      </c>
      <c r="C25" s="313">
        <v>0</v>
      </c>
      <c r="D25" s="441">
        <v>0</v>
      </c>
      <c r="E25" s="312">
        <v>0</v>
      </c>
      <c r="F25" s="313">
        <v>150</v>
      </c>
      <c r="G25" s="313">
        <v>131</v>
      </c>
      <c r="H25" s="313">
        <v>63</v>
      </c>
      <c r="I25" s="313">
        <v>62</v>
      </c>
      <c r="J25" s="313">
        <v>51</v>
      </c>
      <c r="K25" s="314">
        <v>457</v>
      </c>
      <c r="L25" s="315">
        <v>457</v>
      </c>
      <c r="M25" s="310">
        <v>0</v>
      </c>
      <c r="N25" s="313">
        <v>0</v>
      </c>
      <c r="O25" s="311">
        <v>0</v>
      </c>
      <c r="P25" s="312">
        <v>0</v>
      </c>
      <c r="Q25" s="313">
        <v>1</v>
      </c>
      <c r="R25" s="313">
        <v>1</v>
      </c>
      <c r="S25" s="313">
        <v>9</v>
      </c>
      <c r="T25" s="313">
        <v>13</v>
      </c>
      <c r="U25" s="313">
        <v>18</v>
      </c>
      <c r="V25" s="311">
        <v>42</v>
      </c>
      <c r="W25" s="315">
        <v>42</v>
      </c>
      <c r="X25" s="310">
        <v>28</v>
      </c>
      <c r="Y25" s="313">
        <v>48</v>
      </c>
      <c r="Z25" s="311">
        <v>76</v>
      </c>
      <c r="AA25" s="312">
        <v>0</v>
      </c>
      <c r="AB25" s="313">
        <v>96</v>
      </c>
      <c r="AC25" s="313">
        <v>118</v>
      </c>
      <c r="AD25" s="313">
        <v>65</v>
      </c>
      <c r="AE25" s="313">
        <v>64</v>
      </c>
      <c r="AF25" s="313">
        <v>51</v>
      </c>
      <c r="AG25" s="311">
        <v>394</v>
      </c>
      <c r="AH25" s="315">
        <v>470</v>
      </c>
      <c r="AI25" s="310">
        <v>1</v>
      </c>
      <c r="AJ25" s="313">
        <v>10</v>
      </c>
      <c r="AK25" s="311">
        <v>11</v>
      </c>
      <c r="AL25" s="312">
        <v>0</v>
      </c>
      <c r="AM25" s="313">
        <v>7</v>
      </c>
      <c r="AN25" s="313">
        <v>16</v>
      </c>
      <c r="AO25" s="313">
        <v>8</v>
      </c>
      <c r="AP25" s="313">
        <v>2</v>
      </c>
      <c r="AQ25" s="313">
        <v>5</v>
      </c>
      <c r="AR25" s="311">
        <v>38</v>
      </c>
      <c r="AS25" s="315">
        <v>49</v>
      </c>
      <c r="AT25" s="310">
        <v>14</v>
      </c>
      <c r="AU25" s="313">
        <v>14</v>
      </c>
      <c r="AV25" s="311">
        <v>28</v>
      </c>
      <c r="AW25" s="312">
        <v>0</v>
      </c>
      <c r="AX25" s="313">
        <v>154</v>
      </c>
      <c r="AY25" s="313">
        <v>152</v>
      </c>
      <c r="AZ25" s="313">
        <v>120</v>
      </c>
      <c r="BA25" s="313">
        <v>137</v>
      </c>
      <c r="BB25" s="313">
        <v>95</v>
      </c>
      <c r="BC25" s="314">
        <v>658</v>
      </c>
      <c r="BD25" s="315">
        <v>686</v>
      </c>
      <c r="BE25" s="310">
        <v>0</v>
      </c>
      <c r="BF25" s="313">
        <v>0</v>
      </c>
      <c r="BG25" s="311">
        <v>0</v>
      </c>
      <c r="BH25" s="312">
        <v>0</v>
      </c>
      <c r="BI25" s="313">
        <v>315</v>
      </c>
      <c r="BJ25" s="313">
        <v>242</v>
      </c>
      <c r="BK25" s="313">
        <v>102</v>
      </c>
      <c r="BL25" s="313">
        <v>82</v>
      </c>
      <c r="BM25" s="313">
        <v>38</v>
      </c>
      <c r="BN25" s="311">
        <v>779</v>
      </c>
      <c r="BO25" s="315">
        <v>779</v>
      </c>
      <c r="BP25" s="310">
        <v>4</v>
      </c>
      <c r="BQ25" s="313">
        <v>13</v>
      </c>
      <c r="BR25" s="311">
        <v>17</v>
      </c>
      <c r="BS25" s="312">
        <v>0</v>
      </c>
      <c r="BT25" s="313">
        <v>44</v>
      </c>
      <c r="BU25" s="313">
        <v>56</v>
      </c>
      <c r="BV25" s="313">
        <v>25</v>
      </c>
      <c r="BW25" s="313">
        <v>22</v>
      </c>
      <c r="BX25" s="313">
        <v>9</v>
      </c>
      <c r="BY25" s="311">
        <v>156</v>
      </c>
      <c r="BZ25" s="315">
        <v>173</v>
      </c>
      <c r="CA25" s="310">
        <v>1</v>
      </c>
      <c r="CB25" s="313">
        <v>3</v>
      </c>
      <c r="CC25" s="311">
        <v>4</v>
      </c>
      <c r="CD25" s="312">
        <v>0</v>
      </c>
      <c r="CE25" s="313">
        <v>30</v>
      </c>
      <c r="CF25" s="313">
        <v>38</v>
      </c>
      <c r="CG25" s="313">
        <v>39</v>
      </c>
      <c r="CH25" s="313">
        <v>34</v>
      </c>
      <c r="CI25" s="313">
        <v>11</v>
      </c>
      <c r="CJ25" s="311">
        <v>152</v>
      </c>
      <c r="CK25" s="315">
        <v>156</v>
      </c>
      <c r="CL25" s="310">
        <v>0</v>
      </c>
      <c r="CM25" s="313">
        <v>0</v>
      </c>
      <c r="CN25" s="311">
        <v>0</v>
      </c>
      <c r="CO25" s="312">
        <v>0</v>
      </c>
      <c r="CP25" s="313">
        <v>1</v>
      </c>
      <c r="CQ25" s="313">
        <v>2</v>
      </c>
      <c r="CR25" s="313">
        <v>0</v>
      </c>
      <c r="CS25" s="313">
        <v>5</v>
      </c>
      <c r="CT25" s="313">
        <v>5</v>
      </c>
      <c r="CU25" s="311">
        <v>13</v>
      </c>
      <c r="CV25" s="315">
        <v>13</v>
      </c>
      <c r="CW25" s="310">
        <v>0</v>
      </c>
      <c r="CX25" s="313">
        <v>0</v>
      </c>
      <c r="CY25" s="311">
        <v>0</v>
      </c>
      <c r="CZ25" s="312">
        <v>0</v>
      </c>
      <c r="DA25" s="313">
        <v>0</v>
      </c>
      <c r="DB25" s="313">
        <v>0</v>
      </c>
      <c r="DC25" s="313">
        <v>0</v>
      </c>
      <c r="DD25" s="313">
        <v>0</v>
      </c>
      <c r="DE25" s="313">
        <v>0</v>
      </c>
      <c r="DF25" s="311">
        <v>0</v>
      </c>
      <c r="DG25" s="315">
        <v>0</v>
      </c>
      <c r="DH25" s="310">
        <v>0</v>
      </c>
      <c r="DI25" s="313">
        <v>0</v>
      </c>
      <c r="DJ25" s="311">
        <v>0</v>
      </c>
      <c r="DK25" s="312">
        <v>0</v>
      </c>
      <c r="DL25" s="313">
        <v>0</v>
      </c>
      <c r="DM25" s="313">
        <v>0</v>
      </c>
      <c r="DN25" s="313">
        <v>0</v>
      </c>
      <c r="DO25" s="313">
        <v>0</v>
      </c>
      <c r="DP25" s="313">
        <v>0</v>
      </c>
      <c r="DQ25" s="311">
        <v>0</v>
      </c>
      <c r="DR25" s="315">
        <v>0</v>
      </c>
      <c r="DS25" s="310">
        <v>89</v>
      </c>
      <c r="DT25" s="313">
        <v>186</v>
      </c>
      <c r="DU25" s="311">
        <v>275</v>
      </c>
      <c r="DV25" s="312">
        <v>0</v>
      </c>
      <c r="DW25" s="313">
        <v>277</v>
      </c>
      <c r="DX25" s="313">
        <v>353</v>
      </c>
      <c r="DY25" s="313">
        <v>194</v>
      </c>
      <c r="DZ25" s="313">
        <v>166</v>
      </c>
      <c r="EA25" s="313">
        <v>93</v>
      </c>
      <c r="EB25" s="311">
        <v>1083</v>
      </c>
      <c r="EC25" s="315">
        <v>1358</v>
      </c>
      <c r="ED25" s="310">
        <v>7</v>
      </c>
      <c r="EE25" s="313">
        <v>4</v>
      </c>
      <c r="EF25" s="311">
        <v>11</v>
      </c>
      <c r="EG25" s="312">
        <v>0</v>
      </c>
      <c r="EH25" s="313">
        <v>44</v>
      </c>
      <c r="EI25" s="313">
        <v>44</v>
      </c>
      <c r="EJ25" s="313">
        <v>28</v>
      </c>
      <c r="EK25" s="313">
        <v>43</v>
      </c>
      <c r="EL25" s="313">
        <v>24</v>
      </c>
      <c r="EM25" s="311">
        <v>183</v>
      </c>
      <c r="EN25" s="315">
        <v>194</v>
      </c>
      <c r="EO25" s="310">
        <v>118</v>
      </c>
      <c r="EP25" s="313">
        <v>226</v>
      </c>
      <c r="EQ25" s="311">
        <v>344</v>
      </c>
      <c r="ER25" s="312">
        <v>0</v>
      </c>
      <c r="ES25" s="313">
        <v>577</v>
      </c>
      <c r="ET25" s="313">
        <v>488</v>
      </c>
      <c r="EU25" s="313">
        <v>238</v>
      </c>
      <c r="EV25" s="313">
        <v>194</v>
      </c>
      <c r="EW25" s="313">
        <v>105</v>
      </c>
      <c r="EX25" s="311">
        <v>1602</v>
      </c>
      <c r="EY25" s="315">
        <v>1946</v>
      </c>
    </row>
    <row r="26" spans="1:155" ht="19.5" customHeight="1" x14ac:dyDescent="0.2">
      <c r="A26" s="297" t="s">
        <v>24</v>
      </c>
      <c r="B26" s="310">
        <v>0</v>
      </c>
      <c r="C26" s="313">
        <v>0</v>
      </c>
      <c r="D26" s="441">
        <v>0</v>
      </c>
      <c r="E26" s="312">
        <v>0</v>
      </c>
      <c r="F26" s="313">
        <v>79</v>
      </c>
      <c r="G26" s="313">
        <v>55</v>
      </c>
      <c r="H26" s="313">
        <v>33</v>
      </c>
      <c r="I26" s="313">
        <v>21</v>
      </c>
      <c r="J26" s="313">
        <v>36</v>
      </c>
      <c r="K26" s="314">
        <v>224</v>
      </c>
      <c r="L26" s="315">
        <v>224</v>
      </c>
      <c r="M26" s="310">
        <v>0</v>
      </c>
      <c r="N26" s="313">
        <v>0</v>
      </c>
      <c r="O26" s="311">
        <v>0</v>
      </c>
      <c r="P26" s="312">
        <v>0</v>
      </c>
      <c r="Q26" s="313">
        <v>1</v>
      </c>
      <c r="R26" s="313">
        <v>3</v>
      </c>
      <c r="S26" s="313">
        <v>4</v>
      </c>
      <c r="T26" s="313">
        <v>8</v>
      </c>
      <c r="U26" s="313">
        <v>16</v>
      </c>
      <c r="V26" s="311">
        <v>32</v>
      </c>
      <c r="W26" s="315">
        <v>32</v>
      </c>
      <c r="X26" s="310">
        <v>15</v>
      </c>
      <c r="Y26" s="313">
        <v>17</v>
      </c>
      <c r="Z26" s="311">
        <v>32</v>
      </c>
      <c r="AA26" s="312">
        <v>0</v>
      </c>
      <c r="AB26" s="313">
        <v>74</v>
      </c>
      <c r="AC26" s="313">
        <v>56</v>
      </c>
      <c r="AD26" s="313">
        <v>36</v>
      </c>
      <c r="AE26" s="313">
        <v>34</v>
      </c>
      <c r="AF26" s="313">
        <v>24</v>
      </c>
      <c r="AG26" s="311">
        <v>224</v>
      </c>
      <c r="AH26" s="315">
        <v>256</v>
      </c>
      <c r="AI26" s="310">
        <v>3</v>
      </c>
      <c r="AJ26" s="313">
        <v>3</v>
      </c>
      <c r="AK26" s="311">
        <v>6</v>
      </c>
      <c r="AL26" s="312">
        <v>0</v>
      </c>
      <c r="AM26" s="313">
        <v>5</v>
      </c>
      <c r="AN26" s="313">
        <v>3</v>
      </c>
      <c r="AO26" s="313">
        <v>2</v>
      </c>
      <c r="AP26" s="313">
        <v>4</v>
      </c>
      <c r="AQ26" s="313">
        <v>7</v>
      </c>
      <c r="AR26" s="311">
        <v>21</v>
      </c>
      <c r="AS26" s="315">
        <v>27</v>
      </c>
      <c r="AT26" s="310">
        <v>24</v>
      </c>
      <c r="AU26" s="313">
        <v>14</v>
      </c>
      <c r="AV26" s="311">
        <v>38</v>
      </c>
      <c r="AW26" s="312">
        <v>0</v>
      </c>
      <c r="AX26" s="313">
        <v>77</v>
      </c>
      <c r="AY26" s="313">
        <v>77</v>
      </c>
      <c r="AZ26" s="313">
        <v>77</v>
      </c>
      <c r="BA26" s="313">
        <v>72</v>
      </c>
      <c r="BB26" s="313">
        <v>61</v>
      </c>
      <c r="BC26" s="314">
        <v>364</v>
      </c>
      <c r="BD26" s="315">
        <v>402</v>
      </c>
      <c r="BE26" s="310">
        <v>0</v>
      </c>
      <c r="BF26" s="313">
        <v>0</v>
      </c>
      <c r="BG26" s="311">
        <v>0</v>
      </c>
      <c r="BH26" s="312">
        <v>0</v>
      </c>
      <c r="BI26" s="313">
        <v>99</v>
      </c>
      <c r="BJ26" s="313">
        <v>66</v>
      </c>
      <c r="BK26" s="313">
        <v>38</v>
      </c>
      <c r="BL26" s="313">
        <v>17</v>
      </c>
      <c r="BM26" s="313">
        <v>4</v>
      </c>
      <c r="BN26" s="311">
        <v>224</v>
      </c>
      <c r="BO26" s="315">
        <v>224</v>
      </c>
      <c r="BP26" s="310">
        <v>14</v>
      </c>
      <c r="BQ26" s="313">
        <v>15</v>
      </c>
      <c r="BR26" s="311">
        <v>29</v>
      </c>
      <c r="BS26" s="312">
        <v>0</v>
      </c>
      <c r="BT26" s="313">
        <v>45</v>
      </c>
      <c r="BU26" s="313">
        <v>31</v>
      </c>
      <c r="BV26" s="313">
        <v>22</v>
      </c>
      <c r="BW26" s="313">
        <v>13</v>
      </c>
      <c r="BX26" s="313">
        <v>11</v>
      </c>
      <c r="BY26" s="311">
        <v>122</v>
      </c>
      <c r="BZ26" s="315">
        <v>151</v>
      </c>
      <c r="CA26" s="310">
        <v>2</v>
      </c>
      <c r="CB26" s="313">
        <v>1</v>
      </c>
      <c r="CC26" s="311">
        <v>3</v>
      </c>
      <c r="CD26" s="312">
        <v>0</v>
      </c>
      <c r="CE26" s="313">
        <v>21</v>
      </c>
      <c r="CF26" s="313">
        <v>24</v>
      </c>
      <c r="CG26" s="313">
        <v>26</v>
      </c>
      <c r="CH26" s="313">
        <v>16</v>
      </c>
      <c r="CI26" s="313">
        <v>10</v>
      </c>
      <c r="CJ26" s="311">
        <v>97</v>
      </c>
      <c r="CK26" s="315">
        <v>100</v>
      </c>
      <c r="CL26" s="310">
        <v>0</v>
      </c>
      <c r="CM26" s="313">
        <v>0</v>
      </c>
      <c r="CN26" s="311">
        <v>0</v>
      </c>
      <c r="CO26" s="312">
        <v>0</v>
      </c>
      <c r="CP26" s="313">
        <v>1</v>
      </c>
      <c r="CQ26" s="313">
        <v>0</v>
      </c>
      <c r="CR26" s="313">
        <v>3</v>
      </c>
      <c r="CS26" s="313">
        <v>2</v>
      </c>
      <c r="CT26" s="313">
        <v>1</v>
      </c>
      <c r="CU26" s="311">
        <v>7</v>
      </c>
      <c r="CV26" s="315">
        <v>7</v>
      </c>
      <c r="CW26" s="310">
        <v>0</v>
      </c>
      <c r="CX26" s="313">
        <v>0</v>
      </c>
      <c r="CY26" s="311">
        <v>0</v>
      </c>
      <c r="CZ26" s="312">
        <v>0</v>
      </c>
      <c r="DA26" s="313">
        <v>0</v>
      </c>
      <c r="DB26" s="313">
        <v>0</v>
      </c>
      <c r="DC26" s="313">
        <v>0</v>
      </c>
      <c r="DD26" s="313">
        <v>0</v>
      </c>
      <c r="DE26" s="313">
        <v>0</v>
      </c>
      <c r="DF26" s="311">
        <v>0</v>
      </c>
      <c r="DG26" s="315">
        <v>0</v>
      </c>
      <c r="DH26" s="310">
        <v>0</v>
      </c>
      <c r="DI26" s="313">
        <v>0</v>
      </c>
      <c r="DJ26" s="311">
        <v>0</v>
      </c>
      <c r="DK26" s="312">
        <v>0</v>
      </c>
      <c r="DL26" s="313">
        <v>0</v>
      </c>
      <c r="DM26" s="313">
        <v>0</v>
      </c>
      <c r="DN26" s="313">
        <v>0</v>
      </c>
      <c r="DO26" s="313">
        <v>0</v>
      </c>
      <c r="DP26" s="313">
        <v>0</v>
      </c>
      <c r="DQ26" s="311">
        <v>0</v>
      </c>
      <c r="DR26" s="315">
        <v>0</v>
      </c>
      <c r="DS26" s="310">
        <v>72</v>
      </c>
      <c r="DT26" s="313">
        <v>68</v>
      </c>
      <c r="DU26" s="311">
        <v>140</v>
      </c>
      <c r="DV26" s="312">
        <v>0</v>
      </c>
      <c r="DW26" s="313">
        <v>167</v>
      </c>
      <c r="DX26" s="313">
        <v>153</v>
      </c>
      <c r="DY26" s="313">
        <v>92</v>
      </c>
      <c r="DZ26" s="313">
        <v>61</v>
      </c>
      <c r="EA26" s="313">
        <v>49</v>
      </c>
      <c r="EB26" s="311">
        <v>522</v>
      </c>
      <c r="EC26" s="315">
        <v>662</v>
      </c>
      <c r="ED26" s="310">
        <v>13</v>
      </c>
      <c r="EE26" s="313">
        <v>6</v>
      </c>
      <c r="EF26" s="311">
        <v>19</v>
      </c>
      <c r="EG26" s="312">
        <v>0</v>
      </c>
      <c r="EH26" s="313">
        <v>33</v>
      </c>
      <c r="EI26" s="313">
        <v>37</v>
      </c>
      <c r="EJ26" s="313">
        <v>23</v>
      </c>
      <c r="EK26" s="313">
        <v>31</v>
      </c>
      <c r="EL26" s="313">
        <v>19</v>
      </c>
      <c r="EM26" s="311">
        <v>143</v>
      </c>
      <c r="EN26" s="315">
        <v>162</v>
      </c>
      <c r="EO26" s="310">
        <v>92</v>
      </c>
      <c r="EP26" s="313">
        <v>82</v>
      </c>
      <c r="EQ26" s="311">
        <v>174</v>
      </c>
      <c r="ER26" s="312">
        <v>0</v>
      </c>
      <c r="ES26" s="313">
        <v>300</v>
      </c>
      <c r="ET26" s="313">
        <v>186</v>
      </c>
      <c r="EU26" s="313">
        <v>120</v>
      </c>
      <c r="EV26" s="313">
        <v>67</v>
      </c>
      <c r="EW26" s="313">
        <v>58</v>
      </c>
      <c r="EX26" s="311">
        <v>731</v>
      </c>
      <c r="EY26" s="315">
        <v>905</v>
      </c>
    </row>
    <row r="27" spans="1:155" ht="19.5" customHeight="1" x14ac:dyDescent="0.2">
      <c r="A27" s="297" t="s">
        <v>25</v>
      </c>
      <c r="B27" s="310">
        <v>0</v>
      </c>
      <c r="C27" s="313">
        <v>0</v>
      </c>
      <c r="D27" s="441">
        <v>0</v>
      </c>
      <c r="E27" s="312">
        <v>0</v>
      </c>
      <c r="F27" s="313">
        <v>88</v>
      </c>
      <c r="G27" s="313">
        <v>54</v>
      </c>
      <c r="H27" s="313">
        <v>36</v>
      </c>
      <c r="I27" s="313">
        <v>49</v>
      </c>
      <c r="J27" s="313">
        <v>37</v>
      </c>
      <c r="K27" s="314">
        <v>264</v>
      </c>
      <c r="L27" s="315">
        <v>264</v>
      </c>
      <c r="M27" s="310">
        <v>0</v>
      </c>
      <c r="N27" s="313">
        <v>0</v>
      </c>
      <c r="O27" s="311">
        <v>0</v>
      </c>
      <c r="P27" s="312">
        <v>0</v>
      </c>
      <c r="Q27" s="313">
        <v>2</v>
      </c>
      <c r="R27" s="313">
        <v>8</v>
      </c>
      <c r="S27" s="313">
        <v>5</v>
      </c>
      <c r="T27" s="313">
        <v>17</v>
      </c>
      <c r="U27" s="313">
        <v>21</v>
      </c>
      <c r="V27" s="311">
        <v>53</v>
      </c>
      <c r="W27" s="315">
        <v>53</v>
      </c>
      <c r="X27" s="310">
        <v>15</v>
      </c>
      <c r="Y27" s="313">
        <v>26</v>
      </c>
      <c r="Z27" s="311">
        <v>41</v>
      </c>
      <c r="AA27" s="312">
        <v>0</v>
      </c>
      <c r="AB27" s="313">
        <v>73</v>
      </c>
      <c r="AC27" s="313">
        <v>64</v>
      </c>
      <c r="AD27" s="313">
        <v>40</v>
      </c>
      <c r="AE27" s="313">
        <v>40</v>
      </c>
      <c r="AF27" s="313">
        <v>33</v>
      </c>
      <c r="AG27" s="311">
        <v>250</v>
      </c>
      <c r="AH27" s="315">
        <v>291</v>
      </c>
      <c r="AI27" s="310">
        <v>3</v>
      </c>
      <c r="AJ27" s="313">
        <v>3</v>
      </c>
      <c r="AK27" s="311">
        <v>6</v>
      </c>
      <c r="AL27" s="312">
        <v>0</v>
      </c>
      <c r="AM27" s="313">
        <v>3</v>
      </c>
      <c r="AN27" s="313">
        <v>5</v>
      </c>
      <c r="AO27" s="313">
        <v>8</v>
      </c>
      <c r="AP27" s="313">
        <v>4</v>
      </c>
      <c r="AQ27" s="313">
        <v>4</v>
      </c>
      <c r="AR27" s="311">
        <v>24</v>
      </c>
      <c r="AS27" s="315">
        <v>30</v>
      </c>
      <c r="AT27" s="310">
        <v>5</v>
      </c>
      <c r="AU27" s="313">
        <v>13</v>
      </c>
      <c r="AV27" s="311">
        <v>18</v>
      </c>
      <c r="AW27" s="312">
        <v>0</v>
      </c>
      <c r="AX27" s="313">
        <v>70</v>
      </c>
      <c r="AY27" s="313">
        <v>66</v>
      </c>
      <c r="AZ27" s="313">
        <v>43</v>
      </c>
      <c r="BA27" s="313">
        <v>67</v>
      </c>
      <c r="BB27" s="313">
        <v>46</v>
      </c>
      <c r="BC27" s="314">
        <v>292</v>
      </c>
      <c r="BD27" s="315">
        <v>310</v>
      </c>
      <c r="BE27" s="310">
        <v>0</v>
      </c>
      <c r="BF27" s="313">
        <v>0</v>
      </c>
      <c r="BG27" s="311">
        <v>0</v>
      </c>
      <c r="BH27" s="312">
        <v>0</v>
      </c>
      <c r="BI27" s="313">
        <v>143</v>
      </c>
      <c r="BJ27" s="313">
        <v>67</v>
      </c>
      <c r="BK27" s="313">
        <v>37</v>
      </c>
      <c r="BL27" s="313">
        <v>36</v>
      </c>
      <c r="BM27" s="313">
        <v>10</v>
      </c>
      <c r="BN27" s="311">
        <v>293</v>
      </c>
      <c r="BO27" s="315">
        <v>293</v>
      </c>
      <c r="BP27" s="310">
        <v>4</v>
      </c>
      <c r="BQ27" s="313">
        <v>14</v>
      </c>
      <c r="BR27" s="311">
        <v>18</v>
      </c>
      <c r="BS27" s="312">
        <v>0</v>
      </c>
      <c r="BT27" s="313">
        <v>36</v>
      </c>
      <c r="BU27" s="313">
        <v>59</v>
      </c>
      <c r="BV27" s="313">
        <v>23</v>
      </c>
      <c r="BW27" s="313">
        <v>21</v>
      </c>
      <c r="BX27" s="313">
        <v>8</v>
      </c>
      <c r="BY27" s="311">
        <v>147</v>
      </c>
      <c r="BZ27" s="315">
        <v>165</v>
      </c>
      <c r="CA27" s="310">
        <v>1</v>
      </c>
      <c r="CB27" s="313">
        <v>3</v>
      </c>
      <c r="CC27" s="311">
        <v>4</v>
      </c>
      <c r="CD27" s="312">
        <v>0</v>
      </c>
      <c r="CE27" s="313">
        <v>15</v>
      </c>
      <c r="CF27" s="313">
        <v>27</v>
      </c>
      <c r="CG27" s="313">
        <v>17</v>
      </c>
      <c r="CH27" s="313">
        <v>10</v>
      </c>
      <c r="CI27" s="313">
        <v>9</v>
      </c>
      <c r="CJ27" s="311">
        <v>78</v>
      </c>
      <c r="CK27" s="315">
        <v>82</v>
      </c>
      <c r="CL27" s="310">
        <v>0</v>
      </c>
      <c r="CM27" s="313">
        <v>0</v>
      </c>
      <c r="CN27" s="311">
        <v>0</v>
      </c>
      <c r="CO27" s="312">
        <v>0</v>
      </c>
      <c r="CP27" s="313">
        <v>1</v>
      </c>
      <c r="CQ27" s="313">
        <v>4</v>
      </c>
      <c r="CR27" s="313">
        <v>2</v>
      </c>
      <c r="CS27" s="313">
        <v>3</v>
      </c>
      <c r="CT27" s="313">
        <v>1</v>
      </c>
      <c r="CU27" s="311">
        <v>11</v>
      </c>
      <c r="CV27" s="315">
        <v>11</v>
      </c>
      <c r="CW27" s="310">
        <v>0</v>
      </c>
      <c r="CX27" s="313">
        <v>0</v>
      </c>
      <c r="CY27" s="311">
        <v>0</v>
      </c>
      <c r="CZ27" s="312">
        <v>0</v>
      </c>
      <c r="DA27" s="313">
        <v>0</v>
      </c>
      <c r="DB27" s="313">
        <v>0</v>
      </c>
      <c r="DC27" s="313">
        <v>0</v>
      </c>
      <c r="DD27" s="313">
        <v>0</v>
      </c>
      <c r="DE27" s="313">
        <v>0</v>
      </c>
      <c r="DF27" s="311">
        <v>0</v>
      </c>
      <c r="DG27" s="315">
        <v>0</v>
      </c>
      <c r="DH27" s="310">
        <v>0</v>
      </c>
      <c r="DI27" s="313">
        <v>0</v>
      </c>
      <c r="DJ27" s="311">
        <v>0</v>
      </c>
      <c r="DK27" s="312">
        <v>0</v>
      </c>
      <c r="DL27" s="313">
        <v>0</v>
      </c>
      <c r="DM27" s="313">
        <v>0</v>
      </c>
      <c r="DN27" s="313">
        <v>0</v>
      </c>
      <c r="DO27" s="313">
        <v>0</v>
      </c>
      <c r="DP27" s="313">
        <v>0</v>
      </c>
      <c r="DQ27" s="311">
        <v>0</v>
      </c>
      <c r="DR27" s="315">
        <v>0</v>
      </c>
      <c r="DS27" s="310">
        <v>56</v>
      </c>
      <c r="DT27" s="313">
        <v>114</v>
      </c>
      <c r="DU27" s="311">
        <v>170</v>
      </c>
      <c r="DV27" s="312">
        <v>0</v>
      </c>
      <c r="DW27" s="313">
        <v>132</v>
      </c>
      <c r="DX27" s="313">
        <v>176</v>
      </c>
      <c r="DY27" s="313">
        <v>106</v>
      </c>
      <c r="DZ27" s="313">
        <v>116</v>
      </c>
      <c r="EA27" s="313">
        <v>64</v>
      </c>
      <c r="EB27" s="311">
        <v>594</v>
      </c>
      <c r="EC27" s="315">
        <v>764</v>
      </c>
      <c r="ED27" s="310">
        <v>2</v>
      </c>
      <c r="EE27" s="313">
        <v>5</v>
      </c>
      <c r="EF27" s="311">
        <v>7</v>
      </c>
      <c r="EG27" s="312">
        <v>0</v>
      </c>
      <c r="EH27" s="313">
        <v>23</v>
      </c>
      <c r="EI27" s="313">
        <v>20</v>
      </c>
      <c r="EJ27" s="313">
        <v>11</v>
      </c>
      <c r="EK27" s="313">
        <v>18</v>
      </c>
      <c r="EL27" s="313">
        <v>10</v>
      </c>
      <c r="EM27" s="311">
        <v>82</v>
      </c>
      <c r="EN27" s="315">
        <v>89</v>
      </c>
      <c r="EO27" s="310">
        <v>71</v>
      </c>
      <c r="EP27" s="313">
        <v>136</v>
      </c>
      <c r="EQ27" s="311">
        <v>207</v>
      </c>
      <c r="ER27" s="312">
        <v>0</v>
      </c>
      <c r="ES27" s="313">
        <v>344</v>
      </c>
      <c r="ET27" s="313">
        <v>233</v>
      </c>
      <c r="EU27" s="313">
        <v>120</v>
      </c>
      <c r="EV27" s="313">
        <v>129</v>
      </c>
      <c r="EW27" s="313">
        <v>68</v>
      </c>
      <c r="EX27" s="311">
        <v>894</v>
      </c>
      <c r="EY27" s="315">
        <v>1101</v>
      </c>
    </row>
    <row r="28" spans="1:155" ht="19.5" customHeight="1" x14ac:dyDescent="0.2">
      <c r="A28" s="297" t="s">
        <v>26</v>
      </c>
      <c r="B28" s="310">
        <v>0</v>
      </c>
      <c r="C28" s="313">
        <v>0</v>
      </c>
      <c r="D28" s="441">
        <v>0</v>
      </c>
      <c r="E28" s="312">
        <v>0</v>
      </c>
      <c r="F28" s="313">
        <v>77</v>
      </c>
      <c r="G28" s="313">
        <v>60</v>
      </c>
      <c r="H28" s="313">
        <v>42</v>
      </c>
      <c r="I28" s="313">
        <v>39</v>
      </c>
      <c r="J28" s="313">
        <v>54</v>
      </c>
      <c r="K28" s="314">
        <v>272</v>
      </c>
      <c r="L28" s="315">
        <v>272</v>
      </c>
      <c r="M28" s="310">
        <v>0</v>
      </c>
      <c r="N28" s="313">
        <v>0</v>
      </c>
      <c r="O28" s="311">
        <v>0</v>
      </c>
      <c r="P28" s="312">
        <v>0</v>
      </c>
      <c r="Q28" s="313">
        <v>0</v>
      </c>
      <c r="R28" s="313">
        <v>4</v>
      </c>
      <c r="S28" s="313">
        <v>4</v>
      </c>
      <c r="T28" s="313">
        <v>12</v>
      </c>
      <c r="U28" s="313">
        <v>20</v>
      </c>
      <c r="V28" s="311">
        <v>40</v>
      </c>
      <c r="W28" s="315">
        <v>40</v>
      </c>
      <c r="X28" s="310">
        <v>15</v>
      </c>
      <c r="Y28" s="313">
        <v>21</v>
      </c>
      <c r="Z28" s="311">
        <v>36</v>
      </c>
      <c r="AA28" s="312">
        <v>0</v>
      </c>
      <c r="AB28" s="313">
        <v>62</v>
      </c>
      <c r="AC28" s="313">
        <v>52</v>
      </c>
      <c r="AD28" s="313">
        <v>37</v>
      </c>
      <c r="AE28" s="313">
        <v>33</v>
      </c>
      <c r="AF28" s="313">
        <v>48</v>
      </c>
      <c r="AG28" s="311">
        <v>232</v>
      </c>
      <c r="AH28" s="315">
        <v>268</v>
      </c>
      <c r="AI28" s="310">
        <v>1</v>
      </c>
      <c r="AJ28" s="313">
        <v>0</v>
      </c>
      <c r="AK28" s="311">
        <v>1</v>
      </c>
      <c r="AL28" s="312">
        <v>0</v>
      </c>
      <c r="AM28" s="313">
        <v>5</v>
      </c>
      <c r="AN28" s="313">
        <v>5</v>
      </c>
      <c r="AO28" s="313">
        <v>3</v>
      </c>
      <c r="AP28" s="313">
        <v>1</v>
      </c>
      <c r="AQ28" s="313">
        <v>5</v>
      </c>
      <c r="AR28" s="311">
        <v>19</v>
      </c>
      <c r="AS28" s="315">
        <v>20</v>
      </c>
      <c r="AT28" s="310">
        <v>8</v>
      </c>
      <c r="AU28" s="313">
        <v>5</v>
      </c>
      <c r="AV28" s="311">
        <v>13</v>
      </c>
      <c r="AW28" s="312">
        <v>0</v>
      </c>
      <c r="AX28" s="313">
        <v>61</v>
      </c>
      <c r="AY28" s="313">
        <v>60</v>
      </c>
      <c r="AZ28" s="313">
        <v>56</v>
      </c>
      <c r="BA28" s="313">
        <v>62</v>
      </c>
      <c r="BB28" s="313">
        <v>67</v>
      </c>
      <c r="BC28" s="314">
        <v>306</v>
      </c>
      <c r="BD28" s="315">
        <v>319</v>
      </c>
      <c r="BE28" s="310">
        <v>0</v>
      </c>
      <c r="BF28" s="313">
        <v>0</v>
      </c>
      <c r="BG28" s="311">
        <v>0</v>
      </c>
      <c r="BH28" s="312">
        <v>0</v>
      </c>
      <c r="BI28" s="313">
        <v>114</v>
      </c>
      <c r="BJ28" s="313">
        <v>71</v>
      </c>
      <c r="BK28" s="313">
        <v>47</v>
      </c>
      <c r="BL28" s="313">
        <v>28</v>
      </c>
      <c r="BM28" s="313">
        <v>22</v>
      </c>
      <c r="BN28" s="311">
        <v>282</v>
      </c>
      <c r="BO28" s="315">
        <v>282</v>
      </c>
      <c r="BP28" s="310">
        <v>3</v>
      </c>
      <c r="BQ28" s="313">
        <v>6</v>
      </c>
      <c r="BR28" s="311">
        <v>9</v>
      </c>
      <c r="BS28" s="312">
        <v>0</v>
      </c>
      <c r="BT28" s="313">
        <v>22</v>
      </c>
      <c r="BU28" s="313">
        <v>22</v>
      </c>
      <c r="BV28" s="313">
        <v>11</v>
      </c>
      <c r="BW28" s="313">
        <v>7</v>
      </c>
      <c r="BX28" s="313">
        <v>6</v>
      </c>
      <c r="BY28" s="311">
        <v>68</v>
      </c>
      <c r="BZ28" s="315">
        <v>77</v>
      </c>
      <c r="CA28" s="310">
        <v>0</v>
      </c>
      <c r="CB28" s="313">
        <v>2</v>
      </c>
      <c r="CC28" s="311">
        <v>2</v>
      </c>
      <c r="CD28" s="312">
        <v>0</v>
      </c>
      <c r="CE28" s="313">
        <v>11</v>
      </c>
      <c r="CF28" s="313">
        <v>13</v>
      </c>
      <c r="CG28" s="313">
        <v>15</v>
      </c>
      <c r="CH28" s="313">
        <v>16</v>
      </c>
      <c r="CI28" s="313">
        <v>11</v>
      </c>
      <c r="CJ28" s="311">
        <v>66</v>
      </c>
      <c r="CK28" s="315">
        <v>68</v>
      </c>
      <c r="CL28" s="310">
        <v>0</v>
      </c>
      <c r="CM28" s="313">
        <v>0</v>
      </c>
      <c r="CN28" s="311">
        <v>0</v>
      </c>
      <c r="CO28" s="312">
        <v>0</v>
      </c>
      <c r="CP28" s="313">
        <v>3</v>
      </c>
      <c r="CQ28" s="313">
        <v>2</v>
      </c>
      <c r="CR28" s="313">
        <v>8</v>
      </c>
      <c r="CS28" s="313">
        <v>3</v>
      </c>
      <c r="CT28" s="313">
        <v>4</v>
      </c>
      <c r="CU28" s="311">
        <v>20</v>
      </c>
      <c r="CV28" s="315">
        <v>20</v>
      </c>
      <c r="CW28" s="310">
        <v>0</v>
      </c>
      <c r="CX28" s="313">
        <v>0</v>
      </c>
      <c r="CY28" s="311">
        <v>0</v>
      </c>
      <c r="CZ28" s="312">
        <v>0</v>
      </c>
      <c r="DA28" s="313">
        <v>0</v>
      </c>
      <c r="DB28" s="313">
        <v>0</v>
      </c>
      <c r="DC28" s="313">
        <v>0</v>
      </c>
      <c r="DD28" s="313">
        <v>0</v>
      </c>
      <c r="DE28" s="313">
        <v>0</v>
      </c>
      <c r="DF28" s="311">
        <v>0</v>
      </c>
      <c r="DG28" s="315">
        <v>0</v>
      </c>
      <c r="DH28" s="310">
        <v>0</v>
      </c>
      <c r="DI28" s="313">
        <v>0</v>
      </c>
      <c r="DJ28" s="311">
        <v>0</v>
      </c>
      <c r="DK28" s="312">
        <v>0</v>
      </c>
      <c r="DL28" s="313">
        <v>0</v>
      </c>
      <c r="DM28" s="313">
        <v>0</v>
      </c>
      <c r="DN28" s="313">
        <v>0</v>
      </c>
      <c r="DO28" s="313">
        <v>0</v>
      </c>
      <c r="DP28" s="313">
        <v>0</v>
      </c>
      <c r="DQ28" s="311">
        <v>0</v>
      </c>
      <c r="DR28" s="315">
        <v>0</v>
      </c>
      <c r="DS28" s="310">
        <v>63</v>
      </c>
      <c r="DT28" s="313">
        <v>86</v>
      </c>
      <c r="DU28" s="311">
        <v>149</v>
      </c>
      <c r="DV28" s="312">
        <v>0</v>
      </c>
      <c r="DW28" s="313">
        <v>153</v>
      </c>
      <c r="DX28" s="313">
        <v>149</v>
      </c>
      <c r="DY28" s="313">
        <v>99</v>
      </c>
      <c r="DZ28" s="313">
        <v>80</v>
      </c>
      <c r="EA28" s="313">
        <v>75</v>
      </c>
      <c r="EB28" s="311">
        <v>556</v>
      </c>
      <c r="EC28" s="315">
        <v>705</v>
      </c>
      <c r="ED28" s="310">
        <v>10</v>
      </c>
      <c r="EE28" s="313">
        <v>2</v>
      </c>
      <c r="EF28" s="311">
        <v>12</v>
      </c>
      <c r="EG28" s="312">
        <v>0</v>
      </c>
      <c r="EH28" s="313">
        <v>30</v>
      </c>
      <c r="EI28" s="313">
        <v>20</v>
      </c>
      <c r="EJ28" s="313">
        <v>17</v>
      </c>
      <c r="EK28" s="313">
        <v>15</v>
      </c>
      <c r="EL28" s="313">
        <v>12</v>
      </c>
      <c r="EM28" s="311">
        <v>94</v>
      </c>
      <c r="EN28" s="315">
        <v>106</v>
      </c>
      <c r="EO28" s="310">
        <v>79</v>
      </c>
      <c r="EP28" s="313">
        <v>100</v>
      </c>
      <c r="EQ28" s="311">
        <v>179</v>
      </c>
      <c r="ER28" s="312">
        <v>0</v>
      </c>
      <c r="ES28" s="313">
        <v>279</v>
      </c>
      <c r="ET28" s="313">
        <v>205</v>
      </c>
      <c r="EU28" s="313">
        <v>119</v>
      </c>
      <c r="EV28" s="313">
        <v>83</v>
      </c>
      <c r="EW28" s="313">
        <v>76</v>
      </c>
      <c r="EX28" s="311">
        <v>762</v>
      </c>
      <c r="EY28" s="315">
        <v>941</v>
      </c>
    </row>
    <row r="29" spans="1:155" ht="19.5" customHeight="1" x14ac:dyDescent="0.2">
      <c r="A29" s="297" t="s">
        <v>27</v>
      </c>
      <c r="B29" s="310">
        <v>0</v>
      </c>
      <c r="C29" s="313">
        <v>0</v>
      </c>
      <c r="D29" s="441">
        <v>0</v>
      </c>
      <c r="E29" s="312">
        <v>0</v>
      </c>
      <c r="F29" s="313">
        <v>56</v>
      </c>
      <c r="G29" s="313">
        <v>51</v>
      </c>
      <c r="H29" s="313">
        <v>41</v>
      </c>
      <c r="I29" s="313">
        <v>34</v>
      </c>
      <c r="J29" s="313">
        <v>31</v>
      </c>
      <c r="K29" s="314">
        <v>213</v>
      </c>
      <c r="L29" s="315">
        <v>213</v>
      </c>
      <c r="M29" s="310">
        <v>0</v>
      </c>
      <c r="N29" s="313">
        <v>0</v>
      </c>
      <c r="O29" s="311">
        <v>0</v>
      </c>
      <c r="P29" s="312">
        <v>0</v>
      </c>
      <c r="Q29" s="313">
        <v>1</v>
      </c>
      <c r="R29" s="313">
        <v>2</v>
      </c>
      <c r="S29" s="313">
        <v>6</v>
      </c>
      <c r="T29" s="313">
        <v>15</v>
      </c>
      <c r="U29" s="313">
        <v>13</v>
      </c>
      <c r="V29" s="311">
        <v>37</v>
      </c>
      <c r="W29" s="315">
        <v>37</v>
      </c>
      <c r="X29" s="310">
        <v>20</v>
      </c>
      <c r="Y29" s="313">
        <v>36</v>
      </c>
      <c r="Z29" s="311">
        <v>56</v>
      </c>
      <c r="AA29" s="312">
        <v>0</v>
      </c>
      <c r="AB29" s="313">
        <v>40</v>
      </c>
      <c r="AC29" s="313">
        <v>47</v>
      </c>
      <c r="AD29" s="313">
        <v>38</v>
      </c>
      <c r="AE29" s="313">
        <v>38</v>
      </c>
      <c r="AF29" s="313">
        <v>26</v>
      </c>
      <c r="AG29" s="311">
        <v>189</v>
      </c>
      <c r="AH29" s="315">
        <v>245</v>
      </c>
      <c r="AI29" s="310">
        <v>0</v>
      </c>
      <c r="AJ29" s="313">
        <v>3</v>
      </c>
      <c r="AK29" s="311">
        <v>3</v>
      </c>
      <c r="AL29" s="312">
        <v>0</v>
      </c>
      <c r="AM29" s="313">
        <v>0</v>
      </c>
      <c r="AN29" s="313">
        <v>1</v>
      </c>
      <c r="AO29" s="313">
        <v>3</v>
      </c>
      <c r="AP29" s="313">
        <v>0</v>
      </c>
      <c r="AQ29" s="313">
        <v>3</v>
      </c>
      <c r="AR29" s="311">
        <v>7</v>
      </c>
      <c r="AS29" s="315">
        <v>10</v>
      </c>
      <c r="AT29" s="310">
        <v>12</v>
      </c>
      <c r="AU29" s="313">
        <v>17</v>
      </c>
      <c r="AV29" s="311">
        <v>29</v>
      </c>
      <c r="AW29" s="312">
        <v>0</v>
      </c>
      <c r="AX29" s="313">
        <v>59</v>
      </c>
      <c r="AY29" s="313">
        <v>53</v>
      </c>
      <c r="AZ29" s="313">
        <v>72</v>
      </c>
      <c r="BA29" s="313">
        <v>68</v>
      </c>
      <c r="BB29" s="313">
        <v>43</v>
      </c>
      <c r="BC29" s="314">
        <v>295</v>
      </c>
      <c r="BD29" s="315">
        <v>324</v>
      </c>
      <c r="BE29" s="310">
        <v>0</v>
      </c>
      <c r="BF29" s="313">
        <v>0</v>
      </c>
      <c r="BG29" s="311">
        <v>0</v>
      </c>
      <c r="BH29" s="312">
        <v>0</v>
      </c>
      <c r="BI29" s="313">
        <v>98</v>
      </c>
      <c r="BJ29" s="313">
        <v>77</v>
      </c>
      <c r="BK29" s="313">
        <v>46</v>
      </c>
      <c r="BL29" s="313">
        <v>27</v>
      </c>
      <c r="BM29" s="313">
        <v>16</v>
      </c>
      <c r="BN29" s="311">
        <v>264</v>
      </c>
      <c r="BO29" s="315">
        <v>264</v>
      </c>
      <c r="BP29" s="310">
        <v>10</v>
      </c>
      <c r="BQ29" s="313">
        <v>26</v>
      </c>
      <c r="BR29" s="311">
        <v>36</v>
      </c>
      <c r="BS29" s="312">
        <v>0</v>
      </c>
      <c r="BT29" s="313">
        <v>19</v>
      </c>
      <c r="BU29" s="313">
        <v>24</v>
      </c>
      <c r="BV29" s="313">
        <v>16</v>
      </c>
      <c r="BW29" s="313">
        <v>7</v>
      </c>
      <c r="BX29" s="313">
        <v>7</v>
      </c>
      <c r="BY29" s="311">
        <v>73</v>
      </c>
      <c r="BZ29" s="315">
        <v>109</v>
      </c>
      <c r="CA29" s="310">
        <v>1</v>
      </c>
      <c r="CB29" s="313">
        <v>1</v>
      </c>
      <c r="CC29" s="311">
        <v>2</v>
      </c>
      <c r="CD29" s="312">
        <v>0</v>
      </c>
      <c r="CE29" s="313">
        <v>9</v>
      </c>
      <c r="CF29" s="313">
        <v>12</v>
      </c>
      <c r="CG29" s="313">
        <v>14</v>
      </c>
      <c r="CH29" s="313">
        <v>8</v>
      </c>
      <c r="CI29" s="313">
        <v>6</v>
      </c>
      <c r="CJ29" s="311">
        <v>49</v>
      </c>
      <c r="CK29" s="315">
        <v>51</v>
      </c>
      <c r="CL29" s="310">
        <v>0</v>
      </c>
      <c r="CM29" s="313">
        <v>0</v>
      </c>
      <c r="CN29" s="311">
        <v>0</v>
      </c>
      <c r="CO29" s="312">
        <v>0</v>
      </c>
      <c r="CP29" s="313">
        <v>4</v>
      </c>
      <c r="CQ29" s="313">
        <v>4</v>
      </c>
      <c r="CR29" s="313">
        <v>4</v>
      </c>
      <c r="CS29" s="313">
        <v>2</v>
      </c>
      <c r="CT29" s="313">
        <v>2</v>
      </c>
      <c r="CU29" s="311">
        <v>16</v>
      </c>
      <c r="CV29" s="315">
        <v>16</v>
      </c>
      <c r="CW29" s="310">
        <v>0</v>
      </c>
      <c r="CX29" s="313">
        <v>0</v>
      </c>
      <c r="CY29" s="311">
        <v>0</v>
      </c>
      <c r="CZ29" s="312">
        <v>0</v>
      </c>
      <c r="DA29" s="313">
        <v>0</v>
      </c>
      <c r="DB29" s="313">
        <v>0</v>
      </c>
      <c r="DC29" s="313">
        <v>0</v>
      </c>
      <c r="DD29" s="313">
        <v>0</v>
      </c>
      <c r="DE29" s="313">
        <v>0</v>
      </c>
      <c r="DF29" s="311">
        <v>0</v>
      </c>
      <c r="DG29" s="315">
        <v>0</v>
      </c>
      <c r="DH29" s="310">
        <v>0</v>
      </c>
      <c r="DI29" s="313">
        <v>0</v>
      </c>
      <c r="DJ29" s="311">
        <v>0</v>
      </c>
      <c r="DK29" s="312">
        <v>0</v>
      </c>
      <c r="DL29" s="313">
        <v>0</v>
      </c>
      <c r="DM29" s="313">
        <v>0</v>
      </c>
      <c r="DN29" s="313">
        <v>0</v>
      </c>
      <c r="DO29" s="313">
        <v>0</v>
      </c>
      <c r="DP29" s="313">
        <v>0</v>
      </c>
      <c r="DQ29" s="311">
        <v>0</v>
      </c>
      <c r="DR29" s="315">
        <v>0</v>
      </c>
      <c r="DS29" s="310">
        <v>72</v>
      </c>
      <c r="DT29" s="313">
        <v>105</v>
      </c>
      <c r="DU29" s="311">
        <v>177</v>
      </c>
      <c r="DV29" s="312">
        <v>0</v>
      </c>
      <c r="DW29" s="313">
        <v>69</v>
      </c>
      <c r="DX29" s="313">
        <v>138</v>
      </c>
      <c r="DY29" s="313">
        <v>110</v>
      </c>
      <c r="DZ29" s="313">
        <v>60</v>
      </c>
      <c r="EA29" s="313">
        <v>45</v>
      </c>
      <c r="EB29" s="311">
        <v>422</v>
      </c>
      <c r="EC29" s="315">
        <v>599</v>
      </c>
      <c r="ED29" s="310">
        <v>12</v>
      </c>
      <c r="EE29" s="313">
        <v>14</v>
      </c>
      <c r="EF29" s="311">
        <v>26</v>
      </c>
      <c r="EG29" s="312">
        <v>0</v>
      </c>
      <c r="EH29" s="313">
        <v>28</v>
      </c>
      <c r="EI29" s="313">
        <v>30</v>
      </c>
      <c r="EJ29" s="313">
        <v>35</v>
      </c>
      <c r="EK29" s="313">
        <v>36</v>
      </c>
      <c r="EL29" s="313">
        <v>18</v>
      </c>
      <c r="EM29" s="311">
        <v>147</v>
      </c>
      <c r="EN29" s="315">
        <v>173</v>
      </c>
      <c r="EO29" s="310">
        <v>92</v>
      </c>
      <c r="EP29" s="313">
        <v>134</v>
      </c>
      <c r="EQ29" s="311">
        <v>226</v>
      </c>
      <c r="ER29" s="312">
        <v>0</v>
      </c>
      <c r="ES29" s="313">
        <v>188</v>
      </c>
      <c r="ET29" s="313">
        <v>171</v>
      </c>
      <c r="EU29" s="313">
        <v>121</v>
      </c>
      <c r="EV29" s="313">
        <v>67</v>
      </c>
      <c r="EW29" s="313">
        <v>45</v>
      </c>
      <c r="EX29" s="311">
        <v>592</v>
      </c>
      <c r="EY29" s="315">
        <v>818</v>
      </c>
    </row>
    <row r="30" spans="1:155" ht="19.5" customHeight="1" x14ac:dyDescent="0.2">
      <c r="A30" s="297" t="s">
        <v>28</v>
      </c>
      <c r="B30" s="310">
        <v>0</v>
      </c>
      <c r="C30" s="313">
        <v>0</v>
      </c>
      <c r="D30" s="441">
        <v>0</v>
      </c>
      <c r="E30" s="312">
        <v>0</v>
      </c>
      <c r="F30" s="313">
        <v>13</v>
      </c>
      <c r="G30" s="313">
        <v>15</v>
      </c>
      <c r="H30" s="313">
        <v>5</v>
      </c>
      <c r="I30" s="313">
        <v>10</v>
      </c>
      <c r="J30" s="313">
        <v>10</v>
      </c>
      <c r="K30" s="314">
        <v>53</v>
      </c>
      <c r="L30" s="315">
        <v>53</v>
      </c>
      <c r="M30" s="310">
        <v>0</v>
      </c>
      <c r="N30" s="313">
        <v>0</v>
      </c>
      <c r="O30" s="311">
        <v>0</v>
      </c>
      <c r="P30" s="312">
        <v>0</v>
      </c>
      <c r="Q30" s="313">
        <v>0</v>
      </c>
      <c r="R30" s="313">
        <v>0</v>
      </c>
      <c r="S30" s="313">
        <v>1</v>
      </c>
      <c r="T30" s="313">
        <v>1</v>
      </c>
      <c r="U30" s="313">
        <v>5</v>
      </c>
      <c r="V30" s="311">
        <v>7</v>
      </c>
      <c r="W30" s="315">
        <v>7</v>
      </c>
      <c r="X30" s="310">
        <v>2</v>
      </c>
      <c r="Y30" s="313">
        <v>4</v>
      </c>
      <c r="Z30" s="311">
        <v>6</v>
      </c>
      <c r="AA30" s="312">
        <v>0</v>
      </c>
      <c r="AB30" s="313">
        <v>8</v>
      </c>
      <c r="AC30" s="313">
        <v>22</v>
      </c>
      <c r="AD30" s="313">
        <v>11</v>
      </c>
      <c r="AE30" s="313">
        <v>10</v>
      </c>
      <c r="AF30" s="313">
        <v>14</v>
      </c>
      <c r="AG30" s="311">
        <v>65</v>
      </c>
      <c r="AH30" s="315">
        <v>71</v>
      </c>
      <c r="AI30" s="310">
        <v>0</v>
      </c>
      <c r="AJ30" s="313">
        <v>0</v>
      </c>
      <c r="AK30" s="311">
        <v>0</v>
      </c>
      <c r="AL30" s="312">
        <v>0</v>
      </c>
      <c r="AM30" s="313">
        <v>4</v>
      </c>
      <c r="AN30" s="313">
        <v>0</v>
      </c>
      <c r="AO30" s="313">
        <v>0</v>
      </c>
      <c r="AP30" s="313">
        <v>1</v>
      </c>
      <c r="AQ30" s="313">
        <v>3</v>
      </c>
      <c r="AR30" s="311">
        <v>8</v>
      </c>
      <c r="AS30" s="315">
        <v>8</v>
      </c>
      <c r="AT30" s="310">
        <v>3</v>
      </c>
      <c r="AU30" s="313">
        <v>1</v>
      </c>
      <c r="AV30" s="311">
        <v>4</v>
      </c>
      <c r="AW30" s="312">
        <v>0</v>
      </c>
      <c r="AX30" s="313">
        <v>7</v>
      </c>
      <c r="AY30" s="313">
        <v>22</v>
      </c>
      <c r="AZ30" s="313">
        <v>18</v>
      </c>
      <c r="BA30" s="313">
        <v>13</v>
      </c>
      <c r="BB30" s="313">
        <v>20</v>
      </c>
      <c r="BC30" s="314">
        <v>80</v>
      </c>
      <c r="BD30" s="315">
        <v>84</v>
      </c>
      <c r="BE30" s="310">
        <v>0</v>
      </c>
      <c r="BF30" s="313">
        <v>0</v>
      </c>
      <c r="BG30" s="311">
        <v>0</v>
      </c>
      <c r="BH30" s="312">
        <v>0</v>
      </c>
      <c r="BI30" s="313">
        <v>33</v>
      </c>
      <c r="BJ30" s="313">
        <v>31</v>
      </c>
      <c r="BK30" s="313">
        <v>13</v>
      </c>
      <c r="BL30" s="313">
        <v>10</v>
      </c>
      <c r="BM30" s="313">
        <v>6</v>
      </c>
      <c r="BN30" s="311">
        <v>93</v>
      </c>
      <c r="BO30" s="315">
        <v>93</v>
      </c>
      <c r="BP30" s="310">
        <v>0</v>
      </c>
      <c r="BQ30" s="313">
        <v>5</v>
      </c>
      <c r="BR30" s="311">
        <v>5</v>
      </c>
      <c r="BS30" s="312">
        <v>0</v>
      </c>
      <c r="BT30" s="313">
        <v>5</v>
      </c>
      <c r="BU30" s="313">
        <v>13</v>
      </c>
      <c r="BV30" s="313">
        <v>7</v>
      </c>
      <c r="BW30" s="313">
        <v>8</v>
      </c>
      <c r="BX30" s="313">
        <v>7</v>
      </c>
      <c r="BY30" s="311">
        <v>40</v>
      </c>
      <c r="BZ30" s="315">
        <v>45</v>
      </c>
      <c r="CA30" s="310">
        <v>0</v>
      </c>
      <c r="CB30" s="313">
        <v>1</v>
      </c>
      <c r="CC30" s="311">
        <v>1</v>
      </c>
      <c r="CD30" s="312">
        <v>0</v>
      </c>
      <c r="CE30" s="313">
        <v>4</v>
      </c>
      <c r="CF30" s="313">
        <v>11</v>
      </c>
      <c r="CG30" s="313">
        <v>8</v>
      </c>
      <c r="CH30" s="313">
        <v>5</v>
      </c>
      <c r="CI30" s="313">
        <v>3</v>
      </c>
      <c r="CJ30" s="311">
        <v>31</v>
      </c>
      <c r="CK30" s="315">
        <v>32</v>
      </c>
      <c r="CL30" s="310">
        <v>0</v>
      </c>
      <c r="CM30" s="313">
        <v>0</v>
      </c>
      <c r="CN30" s="311">
        <v>0</v>
      </c>
      <c r="CO30" s="312">
        <v>0</v>
      </c>
      <c r="CP30" s="313">
        <v>1</v>
      </c>
      <c r="CQ30" s="313">
        <v>1</v>
      </c>
      <c r="CR30" s="313">
        <v>2</v>
      </c>
      <c r="CS30" s="313">
        <v>3</v>
      </c>
      <c r="CT30" s="313">
        <v>1</v>
      </c>
      <c r="CU30" s="311">
        <v>8</v>
      </c>
      <c r="CV30" s="315">
        <v>8</v>
      </c>
      <c r="CW30" s="310">
        <v>0</v>
      </c>
      <c r="CX30" s="313">
        <v>0</v>
      </c>
      <c r="CY30" s="311">
        <v>0</v>
      </c>
      <c r="CZ30" s="312">
        <v>0</v>
      </c>
      <c r="DA30" s="313">
        <v>0</v>
      </c>
      <c r="DB30" s="313">
        <v>0</v>
      </c>
      <c r="DC30" s="313">
        <v>0</v>
      </c>
      <c r="DD30" s="313">
        <v>0</v>
      </c>
      <c r="DE30" s="313">
        <v>0</v>
      </c>
      <c r="DF30" s="311">
        <v>0</v>
      </c>
      <c r="DG30" s="315">
        <v>0</v>
      </c>
      <c r="DH30" s="310">
        <v>0</v>
      </c>
      <c r="DI30" s="313">
        <v>0</v>
      </c>
      <c r="DJ30" s="311">
        <v>0</v>
      </c>
      <c r="DK30" s="312">
        <v>0</v>
      </c>
      <c r="DL30" s="313">
        <v>0</v>
      </c>
      <c r="DM30" s="313">
        <v>0</v>
      </c>
      <c r="DN30" s="313">
        <v>0</v>
      </c>
      <c r="DO30" s="313">
        <v>0</v>
      </c>
      <c r="DP30" s="313">
        <v>0</v>
      </c>
      <c r="DQ30" s="311">
        <v>0</v>
      </c>
      <c r="DR30" s="315">
        <v>0</v>
      </c>
      <c r="DS30" s="310">
        <v>7</v>
      </c>
      <c r="DT30" s="313">
        <v>13</v>
      </c>
      <c r="DU30" s="311">
        <v>20</v>
      </c>
      <c r="DV30" s="312">
        <v>0</v>
      </c>
      <c r="DW30" s="313">
        <v>29</v>
      </c>
      <c r="DX30" s="313">
        <v>67</v>
      </c>
      <c r="DY30" s="313">
        <v>28</v>
      </c>
      <c r="DZ30" s="313">
        <v>25</v>
      </c>
      <c r="EA30" s="313">
        <v>21</v>
      </c>
      <c r="EB30" s="311">
        <v>170</v>
      </c>
      <c r="EC30" s="315">
        <v>190</v>
      </c>
      <c r="ED30" s="310">
        <v>0</v>
      </c>
      <c r="EE30" s="313">
        <v>0</v>
      </c>
      <c r="EF30" s="311">
        <v>0</v>
      </c>
      <c r="EG30" s="312">
        <v>0</v>
      </c>
      <c r="EH30" s="313">
        <v>4</v>
      </c>
      <c r="EI30" s="313">
        <v>6</v>
      </c>
      <c r="EJ30" s="313">
        <v>4</v>
      </c>
      <c r="EK30" s="313">
        <v>5</v>
      </c>
      <c r="EL30" s="313">
        <v>3</v>
      </c>
      <c r="EM30" s="311">
        <v>22</v>
      </c>
      <c r="EN30" s="315">
        <v>22</v>
      </c>
      <c r="EO30" s="310">
        <v>7</v>
      </c>
      <c r="EP30" s="313">
        <v>17</v>
      </c>
      <c r="EQ30" s="311">
        <v>24</v>
      </c>
      <c r="ER30" s="312">
        <v>0</v>
      </c>
      <c r="ES30" s="313">
        <v>66</v>
      </c>
      <c r="ET30" s="313">
        <v>86</v>
      </c>
      <c r="EU30" s="313">
        <v>34</v>
      </c>
      <c r="EV30" s="313">
        <v>26</v>
      </c>
      <c r="EW30" s="313">
        <v>21</v>
      </c>
      <c r="EX30" s="311">
        <v>233</v>
      </c>
      <c r="EY30" s="315">
        <v>257</v>
      </c>
    </row>
    <row r="31" spans="1:155" ht="19.5" customHeight="1" x14ac:dyDescent="0.2">
      <c r="A31" s="297" t="s">
        <v>29</v>
      </c>
      <c r="B31" s="310">
        <v>0</v>
      </c>
      <c r="C31" s="313">
        <v>0</v>
      </c>
      <c r="D31" s="441">
        <v>0</v>
      </c>
      <c r="E31" s="312">
        <v>0</v>
      </c>
      <c r="F31" s="313">
        <v>25</v>
      </c>
      <c r="G31" s="313">
        <v>27</v>
      </c>
      <c r="H31" s="313">
        <v>13</v>
      </c>
      <c r="I31" s="313">
        <v>13</v>
      </c>
      <c r="J31" s="313">
        <v>8</v>
      </c>
      <c r="K31" s="314">
        <v>86</v>
      </c>
      <c r="L31" s="315">
        <v>86</v>
      </c>
      <c r="M31" s="310">
        <v>0</v>
      </c>
      <c r="N31" s="313">
        <v>0</v>
      </c>
      <c r="O31" s="311">
        <v>0</v>
      </c>
      <c r="P31" s="312">
        <v>0</v>
      </c>
      <c r="Q31" s="313">
        <v>0</v>
      </c>
      <c r="R31" s="313">
        <v>2</v>
      </c>
      <c r="S31" s="313">
        <v>1</v>
      </c>
      <c r="T31" s="313">
        <v>4</v>
      </c>
      <c r="U31" s="313">
        <v>4</v>
      </c>
      <c r="V31" s="311">
        <v>11</v>
      </c>
      <c r="W31" s="315">
        <v>11</v>
      </c>
      <c r="X31" s="310">
        <v>3</v>
      </c>
      <c r="Y31" s="313">
        <v>7</v>
      </c>
      <c r="Z31" s="311">
        <v>10</v>
      </c>
      <c r="AA31" s="312">
        <v>0</v>
      </c>
      <c r="AB31" s="313">
        <v>16</v>
      </c>
      <c r="AC31" s="313">
        <v>17</v>
      </c>
      <c r="AD31" s="313">
        <v>13</v>
      </c>
      <c r="AE31" s="313">
        <v>11</v>
      </c>
      <c r="AF31" s="313">
        <v>7</v>
      </c>
      <c r="AG31" s="311">
        <v>64</v>
      </c>
      <c r="AH31" s="315">
        <v>74</v>
      </c>
      <c r="AI31" s="310">
        <v>0</v>
      </c>
      <c r="AJ31" s="313">
        <v>1</v>
      </c>
      <c r="AK31" s="311">
        <v>1</v>
      </c>
      <c r="AL31" s="312">
        <v>0</v>
      </c>
      <c r="AM31" s="313">
        <v>2</v>
      </c>
      <c r="AN31" s="313">
        <v>4</v>
      </c>
      <c r="AO31" s="313">
        <v>0</v>
      </c>
      <c r="AP31" s="313">
        <v>3</v>
      </c>
      <c r="AQ31" s="313">
        <v>1</v>
      </c>
      <c r="AR31" s="311">
        <v>10</v>
      </c>
      <c r="AS31" s="315">
        <v>11</v>
      </c>
      <c r="AT31" s="310">
        <v>2</v>
      </c>
      <c r="AU31" s="313">
        <v>2</v>
      </c>
      <c r="AV31" s="311">
        <v>4</v>
      </c>
      <c r="AW31" s="312">
        <v>0</v>
      </c>
      <c r="AX31" s="313">
        <v>10</v>
      </c>
      <c r="AY31" s="313">
        <v>23</v>
      </c>
      <c r="AZ31" s="313">
        <v>7</v>
      </c>
      <c r="BA31" s="313">
        <v>19</v>
      </c>
      <c r="BB31" s="313">
        <v>10</v>
      </c>
      <c r="BC31" s="314">
        <v>69</v>
      </c>
      <c r="BD31" s="315">
        <v>73</v>
      </c>
      <c r="BE31" s="310">
        <v>0</v>
      </c>
      <c r="BF31" s="313">
        <v>0</v>
      </c>
      <c r="BG31" s="311">
        <v>0</v>
      </c>
      <c r="BH31" s="312">
        <v>0</v>
      </c>
      <c r="BI31" s="313">
        <v>36</v>
      </c>
      <c r="BJ31" s="313">
        <v>40</v>
      </c>
      <c r="BK31" s="313">
        <v>24</v>
      </c>
      <c r="BL31" s="313">
        <v>18</v>
      </c>
      <c r="BM31" s="313">
        <v>7</v>
      </c>
      <c r="BN31" s="311">
        <v>125</v>
      </c>
      <c r="BO31" s="315">
        <v>125</v>
      </c>
      <c r="BP31" s="310">
        <v>4</v>
      </c>
      <c r="BQ31" s="313">
        <v>4</v>
      </c>
      <c r="BR31" s="311">
        <v>8</v>
      </c>
      <c r="BS31" s="312">
        <v>0</v>
      </c>
      <c r="BT31" s="313">
        <v>17</v>
      </c>
      <c r="BU31" s="313">
        <v>12</v>
      </c>
      <c r="BV31" s="313">
        <v>9</v>
      </c>
      <c r="BW31" s="313">
        <v>5</v>
      </c>
      <c r="BX31" s="313">
        <v>4</v>
      </c>
      <c r="BY31" s="311">
        <v>47</v>
      </c>
      <c r="BZ31" s="315">
        <v>55</v>
      </c>
      <c r="CA31" s="310">
        <v>0</v>
      </c>
      <c r="CB31" s="313">
        <v>0</v>
      </c>
      <c r="CC31" s="311">
        <v>0</v>
      </c>
      <c r="CD31" s="312">
        <v>0</v>
      </c>
      <c r="CE31" s="313">
        <v>6</v>
      </c>
      <c r="CF31" s="313">
        <v>9</v>
      </c>
      <c r="CG31" s="313">
        <v>17</v>
      </c>
      <c r="CH31" s="313">
        <v>10</v>
      </c>
      <c r="CI31" s="313">
        <v>6</v>
      </c>
      <c r="CJ31" s="311">
        <v>48</v>
      </c>
      <c r="CK31" s="315">
        <v>48</v>
      </c>
      <c r="CL31" s="310">
        <v>0</v>
      </c>
      <c r="CM31" s="313">
        <v>1</v>
      </c>
      <c r="CN31" s="311">
        <v>1</v>
      </c>
      <c r="CO31" s="312">
        <v>0</v>
      </c>
      <c r="CP31" s="313">
        <v>0</v>
      </c>
      <c r="CQ31" s="313">
        <v>5</v>
      </c>
      <c r="CR31" s="313">
        <v>2</v>
      </c>
      <c r="CS31" s="313">
        <v>3</v>
      </c>
      <c r="CT31" s="313">
        <v>1</v>
      </c>
      <c r="CU31" s="311">
        <v>11</v>
      </c>
      <c r="CV31" s="315">
        <v>12</v>
      </c>
      <c r="CW31" s="310">
        <v>0</v>
      </c>
      <c r="CX31" s="313">
        <v>0</v>
      </c>
      <c r="CY31" s="311">
        <v>0</v>
      </c>
      <c r="CZ31" s="312">
        <v>0</v>
      </c>
      <c r="DA31" s="313">
        <v>0</v>
      </c>
      <c r="DB31" s="313">
        <v>0</v>
      </c>
      <c r="DC31" s="313">
        <v>0</v>
      </c>
      <c r="DD31" s="313">
        <v>0</v>
      </c>
      <c r="DE31" s="313">
        <v>0</v>
      </c>
      <c r="DF31" s="311">
        <v>0</v>
      </c>
      <c r="DG31" s="315">
        <v>0</v>
      </c>
      <c r="DH31" s="310">
        <v>0</v>
      </c>
      <c r="DI31" s="313">
        <v>0</v>
      </c>
      <c r="DJ31" s="311">
        <v>0</v>
      </c>
      <c r="DK31" s="312">
        <v>0</v>
      </c>
      <c r="DL31" s="313">
        <v>0</v>
      </c>
      <c r="DM31" s="313">
        <v>0</v>
      </c>
      <c r="DN31" s="313">
        <v>0</v>
      </c>
      <c r="DO31" s="313">
        <v>0</v>
      </c>
      <c r="DP31" s="313">
        <v>0</v>
      </c>
      <c r="DQ31" s="311">
        <v>0</v>
      </c>
      <c r="DR31" s="315">
        <v>0</v>
      </c>
      <c r="DS31" s="310">
        <v>21</v>
      </c>
      <c r="DT31" s="313">
        <v>32</v>
      </c>
      <c r="DU31" s="311">
        <v>53</v>
      </c>
      <c r="DV31" s="312">
        <v>0</v>
      </c>
      <c r="DW31" s="313">
        <v>39</v>
      </c>
      <c r="DX31" s="313">
        <v>65</v>
      </c>
      <c r="DY31" s="313">
        <v>37</v>
      </c>
      <c r="DZ31" s="313">
        <v>37</v>
      </c>
      <c r="EA31" s="313">
        <v>21</v>
      </c>
      <c r="EB31" s="311">
        <v>199</v>
      </c>
      <c r="EC31" s="315">
        <v>252</v>
      </c>
      <c r="ED31" s="310">
        <v>0</v>
      </c>
      <c r="EE31" s="313">
        <v>0</v>
      </c>
      <c r="EF31" s="311">
        <v>0</v>
      </c>
      <c r="EG31" s="312">
        <v>0</v>
      </c>
      <c r="EH31" s="313">
        <v>7</v>
      </c>
      <c r="EI31" s="313">
        <v>9</v>
      </c>
      <c r="EJ31" s="313">
        <v>3</v>
      </c>
      <c r="EK31" s="313">
        <v>6</v>
      </c>
      <c r="EL31" s="313">
        <v>4</v>
      </c>
      <c r="EM31" s="311">
        <v>29</v>
      </c>
      <c r="EN31" s="315">
        <v>29</v>
      </c>
      <c r="EO31" s="310">
        <v>24</v>
      </c>
      <c r="EP31" s="313">
        <v>40</v>
      </c>
      <c r="EQ31" s="311">
        <v>64</v>
      </c>
      <c r="ER31" s="312">
        <v>0</v>
      </c>
      <c r="ES31" s="313">
        <v>87</v>
      </c>
      <c r="ET31" s="313">
        <v>91</v>
      </c>
      <c r="EU31" s="313">
        <v>49</v>
      </c>
      <c r="EV31" s="313">
        <v>40</v>
      </c>
      <c r="EW31" s="313">
        <v>21</v>
      </c>
      <c r="EX31" s="311">
        <v>288</v>
      </c>
      <c r="EY31" s="315">
        <v>352</v>
      </c>
    </row>
    <row r="32" spans="1:155" ht="19.5" customHeight="1" x14ac:dyDescent="0.2">
      <c r="A32" s="297" t="s">
        <v>30</v>
      </c>
      <c r="B32" s="310">
        <v>0</v>
      </c>
      <c r="C32" s="313">
        <v>0</v>
      </c>
      <c r="D32" s="441">
        <v>0</v>
      </c>
      <c r="E32" s="312">
        <v>0</v>
      </c>
      <c r="F32" s="313">
        <v>17</v>
      </c>
      <c r="G32" s="313">
        <v>22</v>
      </c>
      <c r="H32" s="313">
        <v>19</v>
      </c>
      <c r="I32" s="313">
        <v>15</v>
      </c>
      <c r="J32" s="313">
        <v>8</v>
      </c>
      <c r="K32" s="314">
        <v>81</v>
      </c>
      <c r="L32" s="315">
        <v>81</v>
      </c>
      <c r="M32" s="310">
        <v>0</v>
      </c>
      <c r="N32" s="313">
        <v>0</v>
      </c>
      <c r="O32" s="311">
        <v>0</v>
      </c>
      <c r="P32" s="312">
        <v>0</v>
      </c>
      <c r="Q32" s="313">
        <v>0</v>
      </c>
      <c r="R32" s="313">
        <v>1</v>
      </c>
      <c r="S32" s="313">
        <v>1</v>
      </c>
      <c r="T32" s="313">
        <v>5</v>
      </c>
      <c r="U32" s="313">
        <v>6</v>
      </c>
      <c r="V32" s="311">
        <v>13</v>
      </c>
      <c r="W32" s="315">
        <v>13</v>
      </c>
      <c r="X32" s="310">
        <v>7</v>
      </c>
      <c r="Y32" s="313">
        <v>6</v>
      </c>
      <c r="Z32" s="311">
        <v>13</v>
      </c>
      <c r="AA32" s="312">
        <v>0</v>
      </c>
      <c r="AB32" s="313">
        <v>19</v>
      </c>
      <c r="AC32" s="313">
        <v>21</v>
      </c>
      <c r="AD32" s="313">
        <v>15</v>
      </c>
      <c r="AE32" s="313">
        <v>15</v>
      </c>
      <c r="AF32" s="313">
        <v>5</v>
      </c>
      <c r="AG32" s="311">
        <v>75</v>
      </c>
      <c r="AH32" s="315">
        <v>88</v>
      </c>
      <c r="AI32" s="310">
        <v>0</v>
      </c>
      <c r="AJ32" s="313">
        <v>1</v>
      </c>
      <c r="AK32" s="311">
        <v>1</v>
      </c>
      <c r="AL32" s="312">
        <v>0</v>
      </c>
      <c r="AM32" s="313">
        <v>2</v>
      </c>
      <c r="AN32" s="313">
        <v>1</v>
      </c>
      <c r="AO32" s="313">
        <v>2</v>
      </c>
      <c r="AP32" s="313">
        <v>1</v>
      </c>
      <c r="AQ32" s="313">
        <v>0</v>
      </c>
      <c r="AR32" s="311">
        <v>6</v>
      </c>
      <c r="AS32" s="315">
        <v>7</v>
      </c>
      <c r="AT32" s="310">
        <v>1</v>
      </c>
      <c r="AU32" s="313">
        <v>1</v>
      </c>
      <c r="AV32" s="311">
        <v>2</v>
      </c>
      <c r="AW32" s="312">
        <v>0</v>
      </c>
      <c r="AX32" s="313">
        <v>15</v>
      </c>
      <c r="AY32" s="313">
        <v>18</v>
      </c>
      <c r="AZ32" s="313">
        <v>22</v>
      </c>
      <c r="BA32" s="313">
        <v>16</v>
      </c>
      <c r="BB32" s="313">
        <v>11</v>
      </c>
      <c r="BC32" s="314">
        <v>82</v>
      </c>
      <c r="BD32" s="315">
        <v>84</v>
      </c>
      <c r="BE32" s="310">
        <v>0</v>
      </c>
      <c r="BF32" s="313">
        <v>0</v>
      </c>
      <c r="BG32" s="311">
        <v>0</v>
      </c>
      <c r="BH32" s="312">
        <v>0</v>
      </c>
      <c r="BI32" s="313">
        <v>36</v>
      </c>
      <c r="BJ32" s="313">
        <v>22</v>
      </c>
      <c r="BK32" s="313">
        <v>22</v>
      </c>
      <c r="BL32" s="313">
        <v>10</v>
      </c>
      <c r="BM32" s="313">
        <v>2</v>
      </c>
      <c r="BN32" s="311">
        <v>92</v>
      </c>
      <c r="BO32" s="315">
        <v>92</v>
      </c>
      <c r="BP32" s="310">
        <v>1</v>
      </c>
      <c r="BQ32" s="313">
        <v>1</v>
      </c>
      <c r="BR32" s="311">
        <v>2</v>
      </c>
      <c r="BS32" s="312">
        <v>0</v>
      </c>
      <c r="BT32" s="313">
        <v>7</v>
      </c>
      <c r="BU32" s="313">
        <v>11</v>
      </c>
      <c r="BV32" s="313">
        <v>4</v>
      </c>
      <c r="BW32" s="313">
        <v>6</v>
      </c>
      <c r="BX32" s="313">
        <v>0</v>
      </c>
      <c r="BY32" s="311">
        <v>28</v>
      </c>
      <c r="BZ32" s="315">
        <v>30</v>
      </c>
      <c r="CA32" s="310">
        <v>0</v>
      </c>
      <c r="CB32" s="313">
        <v>0</v>
      </c>
      <c r="CC32" s="311">
        <v>0</v>
      </c>
      <c r="CD32" s="312">
        <v>0</v>
      </c>
      <c r="CE32" s="313">
        <v>8</v>
      </c>
      <c r="CF32" s="313">
        <v>8</v>
      </c>
      <c r="CG32" s="313">
        <v>9</v>
      </c>
      <c r="CH32" s="313">
        <v>9</v>
      </c>
      <c r="CI32" s="313">
        <v>2</v>
      </c>
      <c r="CJ32" s="311">
        <v>36</v>
      </c>
      <c r="CK32" s="315">
        <v>36</v>
      </c>
      <c r="CL32" s="310">
        <v>0</v>
      </c>
      <c r="CM32" s="313">
        <v>0</v>
      </c>
      <c r="CN32" s="311">
        <v>0</v>
      </c>
      <c r="CO32" s="312">
        <v>0</v>
      </c>
      <c r="CP32" s="313">
        <v>0</v>
      </c>
      <c r="CQ32" s="313">
        <v>3</v>
      </c>
      <c r="CR32" s="313">
        <v>2</v>
      </c>
      <c r="CS32" s="313">
        <v>0</v>
      </c>
      <c r="CT32" s="313">
        <v>1</v>
      </c>
      <c r="CU32" s="311">
        <v>6</v>
      </c>
      <c r="CV32" s="315">
        <v>6</v>
      </c>
      <c r="CW32" s="310">
        <v>0</v>
      </c>
      <c r="CX32" s="313">
        <v>0</v>
      </c>
      <c r="CY32" s="311">
        <v>0</v>
      </c>
      <c r="CZ32" s="312">
        <v>0</v>
      </c>
      <c r="DA32" s="313">
        <v>0</v>
      </c>
      <c r="DB32" s="313">
        <v>0</v>
      </c>
      <c r="DC32" s="313">
        <v>0</v>
      </c>
      <c r="DD32" s="313">
        <v>0</v>
      </c>
      <c r="DE32" s="313">
        <v>0</v>
      </c>
      <c r="DF32" s="311">
        <v>0</v>
      </c>
      <c r="DG32" s="315">
        <v>0</v>
      </c>
      <c r="DH32" s="310">
        <v>0</v>
      </c>
      <c r="DI32" s="313">
        <v>0</v>
      </c>
      <c r="DJ32" s="311">
        <v>0</v>
      </c>
      <c r="DK32" s="312">
        <v>0</v>
      </c>
      <c r="DL32" s="313">
        <v>0</v>
      </c>
      <c r="DM32" s="313">
        <v>0</v>
      </c>
      <c r="DN32" s="313">
        <v>0</v>
      </c>
      <c r="DO32" s="313">
        <v>0</v>
      </c>
      <c r="DP32" s="313">
        <v>0</v>
      </c>
      <c r="DQ32" s="311">
        <v>0</v>
      </c>
      <c r="DR32" s="315">
        <v>0</v>
      </c>
      <c r="DS32" s="310">
        <v>21</v>
      </c>
      <c r="DT32" s="313">
        <v>25</v>
      </c>
      <c r="DU32" s="311">
        <v>46</v>
      </c>
      <c r="DV32" s="312">
        <v>0</v>
      </c>
      <c r="DW32" s="313">
        <v>47</v>
      </c>
      <c r="DX32" s="313">
        <v>66</v>
      </c>
      <c r="DY32" s="313">
        <v>51</v>
      </c>
      <c r="DZ32" s="313">
        <v>35</v>
      </c>
      <c r="EA32" s="313">
        <v>16</v>
      </c>
      <c r="EB32" s="311">
        <v>215</v>
      </c>
      <c r="EC32" s="315">
        <v>261</v>
      </c>
      <c r="ED32" s="310">
        <v>1</v>
      </c>
      <c r="EE32" s="313">
        <v>0</v>
      </c>
      <c r="EF32" s="311">
        <v>1</v>
      </c>
      <c r="EG32" s="312">
        <v>0</v>
      </c>
      <c r="EH32" s="313">
        <v>6</v>
      </c>
      <c r="EI32" s="313">
        <v>9</v>
      </c>
      <c r="EJ32" s="313">
        <v>3</v>
      </c>
      <c r="EK32" s="313">
        <v>3</v>
      </c>
      <c r="EL32" s="313">
        <v>2</v>
      </c>
      <c r="EM32" s="311">
        <v>23</v>
      </c>
      <c r="EN32" s="315">
        <v>24</v>
      </c>
      <c r="EO32" s="310">
        <v>27</v>
      </c>
      <c r="EP32" s="313">
        <v>29</v>
      </c>
      <c r="EQ32" s="311">
        <v>56</v>
      </c>
      <c r="ER32" s="312">
        <v>0</v>
      </c>
      <c r="ES32" s="313">
        <v>89</v>
      </c>
      <c r="ET32" s="313">
        <v>82</v>
      </c>
      <c r="EU32" s="313">
        <v>58</v>
      </c>
      <c r="EV32" s="313">
        <v>36</v>
      </c>
      <c r="EW32" s="313">
        <v>18</v>
      </c>
      <c r="EX32" s="311">
        <v>283</v>
      </c>
      <c r="EY32" s="315">
        <v>339</v>
      </c>
    </row>
    <row r="33" spans="1:155" ht="19.5" customHeight="1" x14ac:dyDescent="0.2">
      <c r="A33" s="297" t="s">
        <v>31</v>
      </c>
      <c r="B33" s="310">
        <v>0</v>
      </c>
      <c r="C33" s="313">
        <v>0</v>
      </c>
      <c r="D33" s="441">
        <v>0</v>
      </c>
      <c r="E33" s="312">
        <v>0</v>
      </c>
      <c r="F33" s="313">
        <v>16</v>
      </c>
      <c r="G33" s="313">
        <v>12</v>
      </c>
      <c r="H33" s="313">
        <v>9</v>
      </c>
      <c r="I33" s="313">
        <v>6</v>
      </c>
      <c r="J33" s="313">
        <v>10</v>
      </c>
      <c r="K33" s="314">
        <v>53</v>
      </c>
      <c r="L33" s="315">
        <v>53</v>
      </c>
      <c r="M33" s="310">
        <v>0</v>
      </c>
      <c r="N33" s="313">
        <v>0</v>
      </c>
      <c r="O33" s="311">
        <v>0</v>
      </c>
      <c r="P33" s="312">
        <v>0</v>
      </c>
      <c r="Q33" s="313">
        <v>0</v>
      </c>
      <c r="R33" s="313">
        <v>3</v>
      </c>
      <c r="S33" s="313">
        <v>4</v>
      </c>
      <c r="T33" s="313">
        <v>6</v>
      </c>
      <c r="U33" s="313">
        <v>6</v>
      </c>
      <c r="V33" s="311">
        <v>19</v>
      </c>
      <c r="W33" s="315">
        <v>19</v>
      </c>
      <c r="X33" s="310">
        <v>3</v>
      </c>
      <c r="Y33" s="313">
        <v>3</v>
      </c>
      <c r="Z33" s="311">
        <v>6</v>
      </c>
      <c r="AA33" s="312">
        <v>0</v>
      </c>
      <c r="AB33" s="313">
        <v>12</v>
      </c>
      <c r="AC33" s="313">
        <v>21</v>
      </c>
      <c r="AD33" s="313">
        <v>17</v>
      </c>
      <c r="AE33" s="313">
        <v>10</v>
      </c>
      <c r="AF33" s="313">
        <v>12</v>
      </c>
      <c r="AG33" s="311">
        <v>72</v>
      </c>
      <c r="AH33" s="315">
        <v>78</v>
      </c>
      <c r="AI33" s="310">
        <v>1</v>
      </c>
      <c r="AJ33" s="313">
        <v>2</v>
      </c>
      <c r="AK33" s="311">
        <v>3</v>
      </c>
      <c r="AL33" s="312">
        <v>0</v>
      </c>
      <c r="AM33" s="313">
        <v>2</v>
      </c>
      <c r="AN33" s="313">
        <v>5</v>
      </c>
      <c r="AO33" s="313">
        <v>2</v>
      </c>
      <c r="AP33" s="313">
        <v>3</v>
      </c>
      <c r="AQ33" s="313">
        <v>4</v>
      </c>
      <c r="AR33" s="311">
        <v>16</v>
      </c>
      <c r="AS33" s="315">
        <v>19</v>
      </c>
      <c r="AT33" s="310">
        <v>1</v>
      </c>
      <c r="AU33" s="313">
        <v>0</v>
      </c>
      <c r="AV33" s="311">
        <v>1</v>
      </c>
      <c r="AW33" s="312">
        <v>0</v>
      </c>
      <c r="AX33" s="313">
        <v>12</v>
      </c>
      <c r="AY33" s="313">
        <v>19</v>
      </c>
      <c r="AZ33" s="313">
        <v>18</v>
      </c>
      <c r="BA33" s="313">
        <v>10</v>
      </c>
      <c r="BB33" s="313">
        <v>7</v>
      </c>
      <c r="BC33" s="314">
        <v>66</v>
      </c>
      <c r="BD33" s="315">
        <v>67</v>
      </c>
      <c r="BE33" s="310">
        <v>0</v>
      </c>
      <c r="BF33" s="313">
        <v>0</v>
      </c>
      <c r="BG33" s="311">
        <v>0</v>
      </c>
      <c r="BH33" s="312">
        <v>0</v>
      </c>
      <c r="BI33" s="313">
        <v>41</v>
      </c>
      <c r="BJ33" s="313">
        <v>46</v>
      </c>
      <c r="BK33" s="313">
        <v>25</v>
      </c>
      <c r="BL33" s="313">
        <v>7</v>
      </c>
      <c r="BM33" s="313">
        <v>5</v>
      </c>
      <c r="BN33" s="311">
        <v>124</v>
      </c>
      <c r="BO33" s="315">
        <v>124</v>
      </c>
      <c r="BP33" s="310">
        <v>0</v>
      </c>
      <c r="BQ33" s="313">
        <v>1</v>
      </c>
      <c r="BR33" s="311">
        <v>1</v>
      </c>
      <c r="BS33" s="312">
        <v>0</v>
      </c>
      <c r="BT33" s="313">
        <v>3</v>
      </c>
      <c r="BU33" s="313">
        <v>8</v>
      </c>
      <c r="BV33" s="313">
        <v>4</v>
      </c>
      <c r="BW33" s="313">
        <v>2</v>
      </c>
      <c r="BX33" s="313">
        <v>2</v>
      </c>
      <c r="BY33" s="311">
        <v>19</v>
      </c>
      <c r="BZ33" s="315">
        <v>20</v>
      </c>
      <c r="CA33" s="310">
        <v>0</v>
      </c>
      <c r="CB33" s="313">
        <v>0</v>
      </c>
      <c r="CC33" s="311">
        <v>0</v>
      </c>
      <c r="CD33" s="312">
        <v>0</v>
      </c>
      <c r="CE33" s="313">
        <v>4</v>
      </c>
      <c r="CF33" s="313">
        <v>9</v>
      </c>
      <c r="CG33" s="313">
        <v>10</v>
      </c>
      <c r="CH33" s="313">
        <v>7</v>
      </c>
      <c r="CI33" s="313">
        <v>3</v>
      </c>
      <c r="CJ33" s="311">
        <v>33</v>
      </c>
      <c r="CK33" s="315">
        <v>33</v>
      </c>
      <c r="CL33" s="310">
        <v>0</v>
      </c>
      <c r="CM33" s="313">
        <v>0</v>
      </c>
      <c r="CN33" s="311">
        <v>0</v>
      </c>
      <c r="CO33" s="312">
        <v>0</v>
      </c>
      <c r="CP33" s="313">
        <v>0</v>
      </c>
      <c r="CQ33" s="313">
        <v>0</v>
      </c>
      <c r="CR33" s="313">
        <v>0</v>
      </c>
      <c r="CS33" s="313">
        <v>1</v>
      </c>
      <c r="CT33" s="313">
        <v>1</v>
      </c>
      <c r="CU33" s="311">
        <v>2</v>
      </c>
      <c r="CV33" s="315">
        <v>2</v>
      </c>
      <c r="CW33" s="310">
        <v>0</v>
      </c>
      <c r="CX33" s="313">
        <v>0</v>
      </c>
      <c r="CY33" s="311">
        <v>0</v>
      </c>
      <c r="CZ33" s="312">
        <v>0</v>
      </c>
      <c r="DA33" s="313">
        <v>0</v>
      </c>
      <c r="DB33" s="313">
        <v>0</v>
      </c>
      <c r="DC33" s="313">
        <v>0</v>
      </c>
      <c r="DD33" s="313">
        <v>0</v>
      </c>
      <c r="DE33" s="313">
        <v>0</v>
      </c>
      <c r="DF33" s="311">
        <v>0</v>
      </c>
      <c r="DG33" s="315">
        <v>0</v>
      </c>
      <c r="DH33" s="310">
        <v>0</v>
      </c>
      <c r="DI33" s="313">
        <v>0</v>
      </c>
      <c r="DJ33" s="311">
        <v>0</v>
      </c>
      <c r="DK33" s="312">
        <v>0</v>
      </c>
      <c r="DL33" s="313">
        <v>0</v>
      </c>
      <c r="DM33" s="313">
        <v>0</v>
      </c>
      <c r="DN33" s="313">
        <v>0</v>
      </c>
      <c r="DO33" s="313">
        <v>0</v>
      </c>
      <c r="DP33" s="313">
        <v>0</v>
      </c>
      <c r="DQ33" s="311">
        <v>0</v>
      </c>
      <c r="DR33" s="315">
        <v>0</v>
      </c>
      <c r="DS33" s="310">
        <v>19</v>
      </c>
      <c r="DT33" s="313">
        <v>42</v>
      </c>
      <c r="DU33" s="311">
        <v>61</v>
      </c>
      <c r="DV33" s="312">
        <v>0</v>
      </c>
      <c r="DW33" s="313">
        <v>58</v>
      </c>
      <c r="DX33" s="313">
        <v>75</v>
      </c>
      <c r="DY33" s="313">
        <v>42</v>
      </c>
      <c r="DZ33" s="313">
        <v>20</v>
      </c>
      <c r="EA33" s="313">
        <v>21</v>
      </c>
      <c r="EB33" s="311">
        <v>216</v>
      </c>
      <c r="EC33" s="315">
        <v>277</v>
      </c>
      <c r="ED33" s="310">
        <v>1</v>
      </c>
      <c r="EE33" s="313">
        <v>2</v>
      </c>
      <c r="EF33" s="311">
        <v>3</v>
      </c>
      <c r="EG33" s="312">
        <v>0</v>
      </c>
      <c r="EH33" s="313">
        <v>8</v>
      </c>
      <c r="EI33" s="313">
        <v>10</v>
      </c>
      <c r="EJ33" s="313">
        <v>7</v>
      </c>
      <c r="EK33" s="313">
        <v>2</v>
      </c>
      <c r="EL33" s="313">
        <v>1</v>
      </c>
      <c r="EM33" s="311">
        <v>28</v>
      </c>
      <c r="EN33" s="315">
        <v>31</v>
      </c>
      <c r="EO33" s="310">
        <v>23</v>
      </c>
      <c r="EP33" s="313">
        <v>43</v>
      </c>
      <c r="EQ33" s="311">
        <v>66</v>
      </c>
      <c r="ER33" s="312">
        <v>0</v>
      </c>
      <c r="ES33" s="313">
        <v>100</v>
      </c>
      <c r="ET33" s="313">
        <v>102</v>
      </c>
      <c r="EU33" s="313">
        <v>51</v>
      </c>
      <c r="EV33" s="313">
        <v>21</v>
      </c>
      <c r="EW33" s="313">
        <v>20</v>
      </c>
      <c r="EX33" s="311">
        <v>294</v>
      </c>
      <c r="EY33" s="315">
        <v>360</v>
      </c>
    </row>
    <row r="34" spans="1:155" ht="19.5" customHeight="1" x14ac:dyDescent="0.2">
      <c r="A34" s="297" t="s">
        <v>32</v>
      </c>
      <c r="B34" s="310">
        <v>0</v>
      </c>
      <c r="C34" s="313">
        <v>0</v>
      </c>
      <c r="D34" s="441">
        <v>0</v>
      </c>
      <c r="E34" s="312">
        <v>0</v>
      </c>
      <c r="F34" s="313">
        <v>35</v>
      </c>
      <c r="G34" s="313">
        <v>21</v>
      </c>
      <c r="H34" s="313">
        <v>10</v>
      </c>
      <c r="I34" s="313">
        <v>14</v>
      </c>
      <c r="J34" s="313">
        <v>9</v>
      </c>
      <c r="K34" s="314">
        <v>89</v>
      </c>
      <c r="L34" s="315">
        <v>89</v>
      </c>
      <c r="M34" s="310">
        <v>0</v>
      </c>
      <c r="N34" s="313">
        <v>0</v>
      </c>
      <c r="O34" s="311">
        <v>0</v>
      </c>
      <c r="P34" s="312">
        <v>0</v>
      </c>
      <c r="Q34" s="313">
        <v>0</v>
      </c>
      <c r="R34" s="313">
        <v>1</v>
      </c>
      <c r="S34" s="313">
        <v>2</v>
      </c>
      <c r="T34" s="313">
        <v>4</v>
      </c>
      <c r="U34" s="313">
        <v>8</v>
      </c>
      <c r="V34" s="311">
        <v>15</v>
      </c>
      <c r="W34" s="315">
        <v>15</v>
      </c>
      <c r="X34" s="310">
        <v>6</v>
      </c>
      <c r="Y34" s="313">
        <v>6</v>
      </c>
      <c r="Z34" s="311">
        <v>12</v>
      </c>
      <c r="AA34" s="312">
        <v>0</v>
      </c>
      <c r="AB34" s="313">
        <v>35</v>
      </c>
      <c r="AC34" s="313">
        <v>25</v>
      </c>
      <c r="AD34" s="313">
        <v>12</v>
      </c>
      <c r="AE34" s="313">
        <v>15</v>
      </c>
      <c r="AF34" s="313">
        <v>12</v>
      </c>
      <c r="AG34" s="311">
        <v>99</v>
      </c>
      <c r="AH34" s="315">
        <v>111</v>
      </c>
      <c r="AI34" s="310">
        <v>1</v>
      </c>
      <c r="AJ34" s="313">
        <v>1</v>
      </c>
      <c r="AK34" s="311">
        <v>2</v>
      </c>
      <c r="AL34" s="312">
        <v>0</v>
      </c>
      <c r="AM34" s="313">
        <v>6</v>
      </c>
      <c r="AN34" s="313">
        <v>1</v>
      </c>
      <c r="AO34" s="313">
        <v>3</v>
      </c>
      <c r="AP34" s="313">
        <v>2</v>
      </c>
      <c r="AQ34" s="313">
        <v>3</v>
      </c>
      <c r="AR34" s="311">
        <v>15</v>
      </c>
      <c r="AS34" s="315">
        <v>17</v>
      </c>
      <c r="AT34" s="310">
        <v>2</v>
      </c>
      <c r="AU34" s="313">
        <v>2</v>
      </c>
      <c r="AV34" s="311">
        <v>4</v>
      </c>
      <c r="AW34" s="312">
        <v>0</v>
      </c>
      <c r="AX34" s="313">
        <v>12</v>
      </c>
      <c r="AY34" s="313">
        <v>19</v>
      </c>
      <c r="AZ34" s="313">
        <v>19</v>
      </c>
      <c r="BA34" s="313">
        <v>24</v>
      </c>
      <c r="BB34" s="313">
        <v>16</v>
      </c>
      <c r="BC34" s="314">
        <v>90</v>
      </c>
      <c r="BD34" s="315">
        <v>94</v>
      </c>
      <c r="BE34" s="310">
        <v>0</v>
      </c>
      <c r="BF34" s="313">
        <v>0</v>
      </c>
      <c r="BG34" s="311">
        <v>0</v>
      </c>
      <c r="BH34" s="312">
        <v>0</v>
      </c>
      <c r="BI34" s="313">
        <v>50</v>
      </c>
      <c r="BJ34" s="313">
        <v>51</v>
      </c>
      <c r="BK34" s="313">
        <v>20</v>
      </c>
      <c r="BL34" s="313">
        <v>18</v>
      </c>
      <c r="BM34" s="313">
        <v>2</v>
      </c>
      <c r="BN34" s="311">
        <v>141</v>
      </c>
      <c r="BO34" s="315">
        <v>141</v>
      </c>
      <c r="BP34" s="310">
        <v>0</v>
      </c>
      <c r="BQ34" s="313">
        <v>0</v>
      </c>
      <c r="BR34" s="311">
        <v>0</v>
      </c>
      <c r="BS34" s="312">
        <v>0</v>
      </c>
      <c r="BT34" s="313">
        <v>11</v>
      </c>
      <c r="BU34" s="313">
        <v>17</v>
      </c>
      <c r="BV34" s="313">
        <v>7</v>
      </c>
      <c r="BW34" s="313">
        <v>5</v>
      </c>
      <c r="BX34" s="313">
        <v>3</v>
      </c>
      <c r="BY34" s="311">
        <v>43</v>
      </c>
      <c r="BZ34" s="315">
        <v>43</v>
      </c>
      <c r="CA34" s="310">
        <v>1</v>
      </c>
      <c r="CB34" s="313">
        <v>1</v>
      </c>
      <c r="CC34" s="311">
        <v>2</v>
      </c>
      <c r="CD34" s="312">
        <v>0</v>
      </c>
      <c r="CE34" s="313">
        <v>4</v>
      </c>
      <c r="CF34" s="313">
        <v>17</v>
      </c>
      <c r="CG34" s="313">
        <v>10</v>
      </c>
      <c r="CH34" s="313">
        <v>6</v>
      </c>
      <c r="CI34" s="313">
        <v>2</v>
      </c>
      <c r="CJ34" s="311">
        <v>39</v>
      </c>
      <c r="CK34" s="315">
        <v>41</v>
      </c>
      <c r="CL34" s="310">
        <v>0</v>
      </c>
      <c r="CM34" s="313">
        <v>0</v>
      </c>
      <c r="CN34" s="311">
        <v>0</v>
      </c>
      <c r="CO34" s="312">
        <v>0</v>
      </c>
      <c r="CP34" s="313">
        <v>1</v>
      </c>
      <c r="CQ34" s="313">
        <v>3</v>
      </c>
      <c r="CR34" s="313">
        <v>3</v>
      </c>
      <c r="CS34" s="313">
        <v>5</v>
      </c>
      <c r="CT34" s="313">
        <v>2</v>
      </c>
      <c r="CU34" s="311">
        <v>14</v>
      </c>
      <c r="CV34" s="315">
        <v>14</v>
      </c>
      <c r="CW34" s="310">
        <v>0</v>
      </c>
      <c r="CX34" s="313">
        <v>0</v>
      </c>
      <c r="CY34" s="311">
        <v>0</v>
      </c>
      <c r="CZ34" s="312">
        <v>0</v>
      </c>
      <c r="DA34" s="313">
        <v>0</v>
      </c>
      <c r="DB34" s="313">
        <v>0</v>
      </c>
      <c r="DC34" s="313">
        <v>0</v>
      </c>
      <c r="DD34" s="313">
        <v>0</v>
      </c>
      <c r="DE34" s="313">
        <v>0</v>
      </c>
      <c r="DF34" s="311">
        <v>0</v>
      </c>
      <c r="DG34" s="315">
        <v>0</v>
      </c>
      <c r="DH34" s="310">
        <v>0</v>
      </c>
      <c r="DI34" s="313">
        <v>0</v>
      </c>
      <c r="DJ34" s="311">
        <v>0</v>
      </c>
      <c r="DK34" s="312">
        <v>0</v>
      </c>
      <c r="DL34" s="313">
        <v>0</v>
      </c>
      <c r="DM34" s="313">
        <v>0</v>
      </c>
      <c r="DN34" s="313">
        <v>0</v>
      </c>
      <c r="DO34" s="313">
        <v>0</v>
      </c>
      <c r="DP34" s="313">
        <v>0</v>
      </c>
      <c r="DQ34" s="311">
        <v>0</v>
      </c>
      <c r="DR34" s="315">
        <v>0</v>
      </c>
      <c r="DS34" s="310">
        <v>24</v>
      </c>
      <c r="DT34" s="313">
        <v>43</v>
      </c>
      <c r="DU34" s="311">
        <v>67</v>
      </c>
      <c r="DV34" s="312">
        <v>0</v>
      </c>
      <c r="DW34" s="313">
        <v>73</v>
      </c>
      <c r="DX34" s="313">
        <v>71</v>
      </c>
      <c r="DY34" s="313">
        <v>43</v>
      </c>
      <c r="DZ34" s="313">
        <v>35</v>
      </c>
      <c r="EA34" s="313">
        <v>19</v>
      </c>
      <c r="EB34" s="311">
        <v>241</v>
      </c>
      <c r="EC34" s="315">
        <v>308</v>
      </c>
      <c r="ED34" s="310">
        <v>3</v>
      </c>
      <c r="EE34" s="313">
        <v>4</v>
      </c>
      <c r="EF34" s="311">
        <v>7</v>
      </c>
      <c r="EG34" s="312">
        <v>0</v>
      </c>
      <c r="EH34" s="313">
        <v>4</v>
      </c>
      <c r="EI34" s="313">
        <v>5</v>
      </c>
      <c r="EJ34" s="313">
        <v>6</v>
      </c>
      <c r="EK34" s="313">
        <v>7</v>
      </c>
      <c r="EL34" s="313">
        <v>3</v>
      </c>
      <c r="EM34" s="311">
        <v>25</v>
      </c>
      <c r="EN34" s="315">
        <v>32</v>
      </c>
      <c r="EO34" s="310">
        <v>27</v>
      </c>
      <c r="EP34" s="313">
        <v>47</v>
      </c>
      <c r="EQ34" s="311">
        <v>74</v>
      </c>
      <c r="ER34" s="312">
        <v>0</v>
      </c>
      <c r="ES34" s="313">
        <v>148</v>
      </c>
      <c r="ET34" s="313">
        <v>110</v>
      </c>
      <c r="EU34" s="313">
        <v>47</v>
      </c>
      <c r="EV34" s="313">
        <v>36</v>
      </c>
      <c r="EW34" s="313">
        <v>20</v>
      </c>
      <c r="EX34" s="311">
        <v>361</v>
      </c>
      <c r="EY34" s="315">
        <v>435</v>
      </c>
    </row>
    <row r="35" spans="1:155" ht="19.5" customHeight="1" x14ac:dyDescent="0.2">
      <c r="A35" s="297" t="s">
        <v>33</v>
      </c>
      <c r="B35" s="310">
        <v>0</v>
      </c>
      <c r="C35" s="313">
        <v>0</v>
      </c>
      <c r="D35" s="441">
        <v>0</v>
      </c>
      <c r="E35" s="312">
        <v>0</v>
      </c>
      <c r="F35" s="313">
        <v>25</v>
      </c>
      <c r="G35" s="313">
        <v>16</v>
      </c>
      <c r="H35" s="313">
        <v>10</v>
      </c>
      <c r="I35" s="313">
        <v>7</v>
      </c>
      <c r="J35" s="313">
        <v>10</v>
      </c>
      <c r="K35" s="314">
        <v>68</v>
      </c>
      <c r="L35" s="315">
        <v>68</v>
      </c>
      <c r="M35" s="310">
        <v>0</v>
      </c>
      <c r="N35" s="313">
        <v>0</v>
      </c>
      <c r="O35" s="311">
        <v>0</v>
      </c>
      <c r="P35" s="312">
        <v>0</v>
      </c>
      <c r="Q35" s="313">
        <v>0</v>
      </c>
      <c r="R35" s="313">
        <v>2</v>
      </c>
      <c r="S35" s="313">
        <v>2</v>
      </c>
      <c r="T35" s="313">
        <v>2</v>
      </c>
      <c r="U35" s="313">
        <v>3</v>
      </c>
      <c r="V35" s="311">
        <v>9</v>
      </c>
      <c r="W35" s="315">
        <v>9</v>
      </c>
      <c r="X35" s="310">
        <v>1</v>
      </c>
      <c r="Y35" s="313">
        <v>1</v>
      </c>
      <c r="Z35" s="311">
        <v>2</v>
      </c>
      <c r="AA35" s="312">
        <v>0</v>
      </c>
      <c r="AB35" s="313">
        <v>13</v>
      </c>
      <c r="AC35" s="313">
        <v>9</v>
      </c>
      <c r="AD35" s="313">
        <v>6</v>
      </c>
      <c r="AE35" s="313">
        <v>9</v>
      </c>
      <c r="AF35" s="313">
        <v>9</v>
      </c>
      <c r="AG35" s="311">
        <v>46</v>
      </c>
      <c r="AH35" s="315">
        <v>48</v>
      </c>
      <c r="AI35" s="310">
        <v>8</v>
      </c>
      <c r="AJ35" s="313">
        <v>24</v>
      </c>
      <c r="AK35" s="311">
        <v>32</v>
      </c>
      <c r="AL35" s="312">
        <v>0</v>
      </c>
      <c r="AM35" s="313">
        <v>24</v>
      </c>
      <c r="AN35" s="313">
        <v>13</v>
      </c>
      <c r="AO35" s="313">
        <v>5</v>
      </c>
      <c r="AP35" s="313">
        <v>5</v>
      </c>
      <c r="AQ35" s="313">
        <v>2</v>
      </c>
      <c r="AR35" s="311">
        <v>49</v>
      </c>
      <c r="AS35" s="315">
        <v>81</v>
      </c>
      <c r="AT35" s="310">
        <v>7</v>
      </c>
      <c r="AU35" s="313">
        <v>7</v>
      </c>
      <c r="AV35" s="311">
        <v>14</v>
      </c>
      <c r="AW35" s="312">
        <v>0</v>
      </c>
      <c r="AX35" s="313">
        <v>23</v>
      </c>
      <c r="AY35" s="313">
        <v>29</v>
      </c>
      <c r="AZ35" s="313">
        <v>23</v>
      </c>
      <c r="BA35" s="313">
        <v>11</v>
      </c>
      <c r="BB35" s="313">
        <v>13</v>
      </c>
      <c r="BC35" s="314">
        <v>99</v>
      </c>
      <c r="BD35" s="315">
        <v>113</v>
      </c>
      <c r="BE35" s="310">
        <v>0</v>
      </c>
      <c r="BF35" s="313">
        <v>0</v>
      </c>
      <c r="BG35" s="311">
        <v>0</v>
      </c>
      <c r="BH35" s="312">
        <v>0</v>
      </c>
      <c r="BI35" s="313">
        <v>13</v>
      </c>
      <c r="BJ35" s="313">
        <v>4</v>
      </c>
      <c r="BK35" s="313">
        <v>3</v>
      </c>
      <c r="BL35" s="313">
        <v>6</v>
      </c>
      <c r="BM35" s="313">
        <v>1</v>
      </c>
      <c r="BN35" s="311">
        <v>27</v>
      </c>
      <c r="BO35" s="315">
        <v>27</v>
      </c>
      <c r="BP35" s="310">
        <v>10</v>
      </c>
      <c r="BQ35" s="313">
        <v>12</v>
      </c>
      <c r="BR35" s="311">
        <v>22</v>
      </c>
      <c r="BS35" s="312">
        <v>0</v>
      </c>
      <c r="BT35" s="313">
        <v>22</v>
      </c>
      <c r="BU35" s="313">
        <v>22</v>
      </c>
      <c r="BV35" s="313">
        <v>8</v>
      </c>
      <c r="BW35" s="313">
        <v>2</v>
      </c>
      <c r="BX35" s="313">
        <v>2</v>
      </c>
      <c r="BY35" s="311">
        <v>56</v>
      </c>
      <c r="BZ35" s="315">
        <v>78</v>
      </c>
      <c r="CA35" s="310">
        <v>0</v>
      </c>
      <c r="CB35" s="313">
        <v>0</v>
      </c>
      <c r="CC35" s="311">
        <v>0</v>
      </c>
      <c r="CD35" s="312">
        <v>0</v>
      </c>
      <c r="CE35" s="313">
        <v>3</v>
      </c>
      <c r="CF35" s="313">
        <v>3</v>
      </c>
      <c r="CG35" s="313">
        <v>3</v>
      </c>
      <c r="CH35" s="313">
        <v>3</v>
      </c>
      <c r="CI35" s="313">
        <v>0</v>
      </c>
      <c r="CJ35" s="311">
        <v>12</v>
      </c>
      <c r="CK35" s="315">
        <v>12</v>
      </c>
      <c r="CL35" s="310">
        <v>0</v>
      </c>
      <c r="CM35" s="313">
        <v>0</v>
      </c>
      <c r="CN35" s="311">
        <v>0</v>
      </c>
      <c r="CO35" s="312">
        <v>0</v>
      </c>
      <c r="CP35" s="313">
        <v>2</v>
      </c>
      <c r="CQ35" s="313">
        <v>2</v>
      </c>
      <c r="CR35" s="313">
        <v>2</v>
      </c>
      <c r="CS35" s="313">
        <v>1</v>
      </c>
      <c r="CT35" s="313">
        <v>0</v>
      </c>
      <c r="CU35" s="311">
        <v>7</v>
      </c>
      <c r="CV35" s="315">
        <v>7</v>
      </c>
      <c r="CW35" s="310">
        <v>0</v>
      </c>
      <c r="CX35" s="313">
        <v>0</v>
      </c>
      <c r="CY35" s="311">
        <v>0</v>
      </c>
      <c r="CZ35" s="312">
        <v>0</v>
      </c>
      <c r="DA35" s="313">
        <v>0</v>
      </c>
      <c r="DB35" s="313">
        <v>0</v>
      </c>
      <c r="DC35" s="313">
        <v>0</v>
      </c>
      <c r="DD35" s="313">
        <v>0</v>
      </c>
      <c r="DE35" s="313">
        <v>0</v>
      </c>
      <c r="DF35" s="311">
        <v>0</v>
      </c>
      <c r="DG35" s="315">
        <v>0</v>
      </c>
      <c r="DH35" s="310">
        <v>0</v>
      </c>
      <c r="DI35" s="313">
        <v>0</v>
      </c>
      <c r="DJ35" s="311">
        <v>0</v>
      </c>
      <c r="DK35" s="312">
        <v>0</v>
      </c>
      <c r="DL35" s="313">
        <v>0</v>
      </c>
      <c r="DM35" s="313">
        <v>0</v>
      </c>
      <c r="DN35" s="313">
        <v>1</v>
      </c>
      <c r="DO35" s="313">
        <v>0</v>
      </c>
      <c r="DP35" s="313">
        <v>0</v>
      </c>
      <c r="DQ35" s="311">
        <v>1</v>
      </c>
      <c r="DR35" s="315">
        <v>1</v>
      </c>
      <c r="DS35" s="310">
        <v>25</v>
      </c>
      <c r="DT35" s="313">
        <v>41</v>
      </c>
      <c r="DU35" s="311">
        <v>66</v>
      </c>
      <c r="DV35" s="312">
        <v>0</v>
      </c>
      <c r="DW35" s="313">
        <v>56</v>
      </c>
      <c r="DX35" s="313">
        <v>51</v>
      </c>
      <c r="DY35" s="313">
        <v>23</v>
      </c>
      <c r="DZ35" s="313">
        <v>18</v>
      </c>
      <c r="EA35" s="313">
        <v>14</v>
      </c>
      <c r="EB35" s="311">
        <v>162</v>
      </c>
      <c r="EC35" s="315">
        <v>228</v>
      </c>
      <c r="ED35" s="310">
        <v>5</v>
      </c>
      <c r="EE35" s="313">
        <v>5</v>
      </c>
      <c r="EF35" s="311">
        <v>10</v>
      </c>
      <c r="EG35" s="312">
        <v>0</v>
      </c>
      <c r="EH35" s="313">
        <v>11</v>
      </c>
      <c r="EI35" s="313">
        <v>18</v>
      </c>
      <c r="EJ35" s="313">
        <v>10</v>
      </c>
      <c r="EK35" s="313">
        <v>7</v>
      </c>
      <c r="EL35" s="313">
        <v>6</v>
      </c>
      <c r="EM35" s="311">
        <v>52</v>
      </c>
      <c r="EN35" s="315">
        <v>62</v>
      </c>
      <c r="EO35" s="310">
        <v>39</v>
      </c>
      <c r="EP35" s="313">
        <v>59</v>
      </c>
      <c r="EQ35" s="311">
        <v>98</v>
      </c>
      <c r="ER35" s="312">
        <v>0</v>
      </c>
      <c r="ES35" s="313">
        <v>107</v>
      </c>
      <c r="ET35" s="313">
        <v>66</v>
      </c>
      <c r="EU35" s="313">
        <v>28</v>
      </c>
      <c r="EV35" s="313">
        <v>18</v>
      </c>
      <c r="EW35" s="313">
        <v>16</v>
      </c>
      <c r="EX35" s="311">
        <v>235</v>
      </c>
      <c r="EY35" s="315">
        <v>333</v>
      </c>
    </row>
    <row r="36" spans="1:155" ht="19.5" customHeight="1" x14ac:dyDescent="0.2">
      <c r="A36" s="297" t="s">
        <v>34</v>
      </c>
      <c r="B36" s="310">
        <v>0</v>
      </c>
      <c r="C36" s="313">
        <v>0</v>
      </c>
      <c r="D36" s="441">
        <v>0</v>
      </c>
      <c r="E36" s="312">
        <v>0</v>
      </c>
      <c r="F36" s="313">
        <v>17</v>
      </c>
      <c r="G36" s="313">
        <v>9</v>
      </c>
      <c r="H36" s="313">
        <v>5</v>
      </c>
      <c r="I36" s="313">
        <v>4</v>
      </c>
      <c r="J36" s="313">
        <v>3</v>
      </c>
      <c r="K36" s="314">
        <v>38</v>
      </c>
      <c r="L36" s="315">
        <v>38</v>
      </c>
      <c r="M36" s="310">
        <v>0</v>
      </c>
      <c r="N36" s="313">
        <v>0</v>
      </c>
      <c r="O36" s="311">
        <v>0</v>
      </c>
      <c r="P36" s="312">
        <v>0</v>
      </c>
      <c r="Q36" s="313">
        <v>0</v>
      </c>
      <c r="R36" s="313">
        <v>0</v>
      </c>
      <c r="S36" s="313">
        <v>0</v>
      </c>
      <c r="T36" s="313">
        <v>1</v>
      </c>
      <c r="U36" s="313">
        <v>5</v>
      </c>
      <c r="V36" s="311">
        <v>6</v>
      </c>
      <c r="W36" s="315">
        <v>6</v>
      </c>
      <c r="X36" s="310">
        <v>1</v>
      </c>
      <c r="Y36" s="313">
        <v>3</v>
      </c>
      <c r="Z36" s="311">
        <v>4</v>
      </c>
      <c r="AA36" s="312">
        <v>0</v>
      </c>
      <c r="AB36" s="313">
        <v>7</v>
      </c>
      <c r="AC36" s="313">
        <v>11</v>
      </c>
      <c r="AD36" s="313">
        <v>3</v>
      </c>
      <c r="AE36" s="313">
        <v>0</v>
      </c>
      <c r="AF36" s="313">
        <v>3</v>
      </c>
      <c r="AG36" s="311">
        <v>24</v>
      </c>
      <c r="AH36" s="315">
        <v>28</v>
      </c>
      <c r="AI36" s="310">
        <v>0</v>
      </c>
      <c r="AJ36" s="313">
        <v>2</v>
      </c>
      <c r="AK36" s="311">
        <v>2</v>
      </c>
      <c r="AL36" s="312">
        <v>0</v>
      </c>
      <c r="AM36" s="313">
        <v>8</v>
      </c>
      <c r="AN36" s="313">
        <v>5</v>
      </c>
      <c r="AO36" s="313">
        <v>1</v>
      </c>
      <c r="AP36" s="313">
        <v>1</v>
      </c>
      <c r="AQ36" s="313">
        <v>1</v>
      </c>
      <c r="AR36" s="311">
        <v>16</v>
      </c>
      <c r="AS36" s="315">
        <v>18</v>
      </c>
      <c r="AT36" s="310">
        <v>4</v>
      </c>
      <c r="AU36" s="313">
        <v>6</v>
      </c>
      <c r="AV36" s="311">
        <v>10</v>
      </c>
      <c r="AW36" s="312">
        <v>0</v>
      </c>
      <c r="AX36" s="313">
        <v>24</v>
      </c>
      <c r="AY36" s="313">
        <v>23</v>
      </c>
      <c r="AZ36" s="313">
        <v>22</v>
      </c>
      <c r="BA36" s="313">
        <v>13</v>
      </c>
      <c r="BB36" s="313">
        <v>14</v>
      </c>
      <c r="BC36" s="314">
        <v>96</v>
      </c>
      <c r="BD36" s="315">
        <v>106</v>
      </c>
      <c r="BE36" s="310">
        <v>0</v>
      </c>
      <c r="BF36" s="313">
        <v>0</v>
      </c>
      <c r="BG36" s="311">
        <v>0</v>
      </c>
      <c r="BH36" s="312">
        <v>0</v>
      </c>
      <c r="BI36" s="313">
        <v>36</v>
      </c>
      <c r="BJ36" s="313">
        <v>21</v>
      </c>
      <c r="BK36" s="313">
        <v>12</v>
      </c>
      <c r="BL36" s="313">
        <v>8</v>
      </c>
      <c r="BM36" s="313">
        <v>3</v>
      </c>
      <c r="BN36" s="311">
        <v>80</v>
      </c>
      <c r="BO36" s="315">
        <v>80</v>
      </c>
      <c r="BP36" s="310">
        <v>1</v>
      </c>
      <c r="BQ36" s="313">
        <v>8</v>
      </c>
      <c r="BR36" s="311">
        <v>9</v>
      </c>
      <c r="BS36" s="312">
        <v>0</v>
      </c>
      <c r="BT36" s="313">
        <v>12</v>
      </c>
      <c r="BU36" s="313">
        <v>7</v>
      </c>
      <c r="BV36" s="313">
        <v>4</v>
      </c>
      <c r="BW36" s="313">
        <v>3</v>
      </c>
      <c r="BX36" s="313">
        <v>0</v>
      </c>
      <c r="BY36" s="311">
        <v>26</v>
      </c>
      <c r="BZ36" s="315">
        <v>35</v>
      </c>
      <c r="CA36" s="310">
        <v>0</v>
      </c>
      <c r="CB36" s="313">
        <v>1</v>
      </c>
      <c r="CC36" s="311">
        <v>1</v>
      </c>
      <c r="CD36" s="312">
        <v>0</v>
      </c>
      <c r="CE36" s="313">
        <v>2</v>
      </c>
      <c r="CF36" s="313">
        <v>1</v>
      </c>
      <c r="CG36" s="313">
        <v>2</v>
      </c>
      <c r="CH36" s="313">
        <v>4</v>
      </c>
      <c r="CI36" s="313">
        <v>0</v>
      </c>
      <c r="CJ36" s="311">
        <v>9</v>
      </c>
      <c r="CK36" s="315">
        <v>10</v>
      </c>
      <c r="CL36" s="310">
        <v>0</v>
      </c>
      <c r="CM36" s="313">
        <v>0</v>
      </c>
      <c r="CN36" s="311">
        <v>0</v>
      </c>
      <c r="CO36" s="312">
        <v>0</v>
      </c>
      <c r="CP36" s="313">
        <v>1</v>
      </c>
      <c r="CQ36" s="313">
        <v>0</v>
      </c>
      <c r="CR36" s="313">
        <v>0</v>
      </c>
      <c r="CS36" s="313">
        <v>1</v>
      </c>
      <c r="CT36" s="313">
        <v>0</v>
      </c>
      <c r="CU36" s="311">
        <v>2</v>
      </c>
      <c r="CV36" s="315">
        <v>2</v>
      </c>
      <c r="CW36" s="310">
        <v>0</v>
      </c>
      <c r="CX36" s="313">
        <v>0</v>
      </c>
      <c r="CY36" s="311">
        <v>0</v>
      </c>
      <c r="CZ36" s="312">
        <v>0</v>
      </c>
      <c r="DA36" s="313">
        <v>0</v>
      </c>
      <c r="DB36" s="313">
        <v>0</v>
      </c>
      <c r="DC36" s="313">
        <v>0</v>
      </c>
      <c r="DD36" s="313">
        <v>0</v>
      </c>
      <c r="DE36" s="313">
        <v>0</v>
      </c>
      <c r="DF36" s="311">
        <v>0</v>
      </c>
      <c r="DG36" s="315">
        <v>0</v>
      </c>
      <c r="DH36" s="310">
        <v>0</v>
      </c>
      <c r="DI36" s="313">
        <v>0</v>
      </c>
      <c r="DJ36" s="311">
        <v>0</v>
      </c>
      <c r="DK36" s="312">
        <v>0</v>
      </c>
      <c r="DL36" s="313">
        <v>0</v>
      </c>
      <c r="DM36" s="313">
        <v>0</v>
      </c>
      <c r="DN36" s="313">
        <v>0</v>
      </c>
      <c r="DO36" s="313">
        <v>0</v>
      </c>
      <c r="DP36" s="313">
        <v>0</v>
      </c>
      <c r="DQ36" s="311">
        <v>0</v>
      </c>
      <c r="DR36" s="315">
        <v>0</v>
      </c>
      <c r="DS36" s="310">
        <v>14</v>
      </c>
      <c r="DT36" s="313">
        <v>22</v>
      </c>
      <c r="DU36" s="311">
        <v>36</v>
      </c>
      <c r="DV36" s="312">
        <v>0</v>
      </c>
      <c r="DW36" s="313">
        <v>55</v>
      </c>
      <c r="DX36" s="313">
        <v>42</v>
      </c>
      <c r="DY36" s="313">
        <v>21</v>
      </c>
      <c r="DZ36" s="313">
        <v>21</v>
      </c>
      <c r="EA36" s="313">
        <v>13</v>
      </c>
      <c r="EB36" s="311">
        <v>152</v>
      </c>
      <c r="EC36" s="315">
        <v>188</v>
      </c>
      <c r="ED36" s="310">
        <v>5</v>
      </c>
      <c r="EE36" s="313">
        <v>1</v>
      </c>
      <c r="EF36" s="311">
        <v>6</v>
      </c>
      <c r="EG36" s="312">
        <v>0</v>
      </c>
      <c r="EH36" s="313">
        <v>8</v>
      </c>
      <c r="EI36" s="313">
        <v>7</v>
      </c>
      <c r="EJ36" s="313">
        <v>5</v>
      </c>
      <c r="EK36" s="313">
        <v>4</v>
      </c>
      <c r="EL36" s="313">
        <v>1</v>
      </c>
      <c r="EM36" s="311">
        <v>25</v>
      </c>
      <c r="EN36" s="315">
        <v>31</v>
      </c>
      <c r="EO36" s="310">
        <v>15</v>
      </c>
      <c r="EP36" s="313">
        <v>31</v>
      </c>
      <c r="EQ36" s="311">
        <v>46</v>
      </c>
      <c r="ER36" s="312">
        <v>0</v>
      </c>
      <c r="ES36" s="313">
        <v>82</v>
      </c>
      <c r="ET36" s="313">
        <v>48</v>
      </c>
      <c r="EU36" s="313">
        <v>24</v>
      </c>
      <c r="EV36" s="313">
        <v>18</v>
      </c>
      <c r="EW36" s="313">
        <v>11</v>
      </c>
      <c r="EX36" s="311">
        <v>183</v>
      </c>
      <c r="EY36" s="315">
        <v>229</v>
      </c>
    </row>
    <row r="37" spans="1:155" ht="19.5" customHeight="1" x14ac:dyDescent="0.2">
      <c r="A37" s="297" t="s">
        <v>35</v>
      </c>
      <c r="B37" s="310">
        <v>0</v>
      </c>
      <c r="C37" s="313">
        <v>0</v>
      </c>
      <c r="D37" s="441">
        <v>0</v>
      </c>
      <c r="E37" s="312">
        <v>0</v>
      </c>
      <c r="F37" s="313">
        <v>104</v>
      </c>
      <c r="G37" s="313">
        <v>69</v>
      </c>
      <c r="H37" s="313">
        <v>32</v>
      </c>
      <c r="I37" s="313">
        <v>27</v>
      </c>
      <c r="J37" s="313">
        <v>21</v>
      </c>
      <c r="K37" s="314">
        <v>253</v>
      </c>
      <c r="L37" s="315">
        <v>253</v>
      </c>
      <c r="M37" s="310">
        <v>0</v>
      </c>
      <c r="N37" s="313">
        <v>0</v>
      </c>
      <c r="O37" s="311">
        <v>0</v>
      </c>
      <c r="P37" s="312">
        <v>0</v>
      </c>
      <c r="Q37" s="313">
        <v>0</v>
      </c>
      <c r="R37" s="313">
        <v>4</v>
      </c>
      <c r="S37" s="313">
        <v>3</v>
      </c>
      <c r="T37" s="313">
        <v>9</v>
      </c>
      <c r="U37" s="313">
        <v>9</v>
      </c>
      <c r="V37" s="311">
        <v>25</v>
      </c>
      <c r="W37" s="315">
        <v>25</v>
      </c>
      <c r="X37" s="310">
        <v>2</v>
      </c>
      <c r="Y37" s="313">
        <v>6</v>
      </c>
      <c r="Z37" s="311">
        <v>8</v>
      </c>
      <c r="AA37" s="312">
        <v>0</v>
      </c>
      <c r="AB37" s="313">
        <v>36</v>
      </c>
      <c r="AC37" s="313">
        <v>34</v>
      </c>
      <c r="AD37" s="313">
        <v>14</v>
      </c>
      <c r="AE37" s="313">
        <v>18</v>
      </c>
      <c r="AF37" s="313">
        <v>7</v>
      </c>
      <c r="AG37" s="311">
        <v>109</v>
      </c>
      <c r="AH37" s="315">
        <v>117</v>
      </c>
      <c r="AI37" s="310">
        <v>1</v>
      </c>
      <c r="AJ37" s="313">
        <v>5</v>
      </c>
      <c r="AK37" s="311">
        <v>6</v>
      </c>
      <c r="AL37" s="312">
        <v>0</v>
      </c>
      <c r="AM37" s="313">
        <v>18</v>
      </c>
      <c r="AN37" s="313">
        <v>15</v>
      </c>
      <c r="AO37" s="313">
        <v>4</v>
      </c>
      <c r="AP37" s="313">
        <v>6</v>
      </c>
      <c r="AQ37" s="313">
        <v>3</v>
      </c>
      <c r="AR37" s="311">
        <v>46</v>
      </c>
      <c r="AS37" s="315">
        <v>52</v>
      </c>
      <c r="AT37" s="310">
        <v>24</v>
      </c>
      <c r="AU37" s="313">
        <v>26</v>
      </c>
      <c r="AV37" s="311">
        <v>50</v>
      </c>
      <c r="AW37" s="312">
        <v>0</v>
      </c>
      <c r="AX37" s="313">
        <v>81</v>
      </c>
      <c r="AY37" s="313">
        <v>83</v>
      </c>
      <c r="AZ37" s="313">
        <v>81</v>
      </c>
      <c r="BA37" s="313">
        <v>78</v>
      </c>
      <c r="BB37" s="313">
        <v>33</v>
      </c>
      <c r="BC37" s="314">
        <v>356</v>
      </c>
      <c r="BD37" s="315">
        <v>406</v>
      </c>
      <c r="BE37" s="310">
        <v>0</v>
      </c>
      <c r="BF37" s="313">
        <v>0</v>
      </c>
      <c r="BG37" s="311">
        <v>0</v>
      </c>
      <c r="BH37" s="312">
        <v>0</v>
      </c>
      <c r="BI37" s="313">
        <v>143</v>
      </c>
      <c r="BJ37" s="313">
        <v>85</v>
      </c>
      <c r="BK37" s="313">
        <v>49</v>
      </c>
      <c r="BL37" s="313">
        <v>23</v>
      </c>
      <c r="BM37" s="313">
        <v>11</v>
      </c>
      <c r="BN37" s="311">
        <v>311</v>
      </c>
      <c r="BO37" s="315">
        <v>311</v>
      </c>
      <c r="BP37" s="310">
        <v>14</v>
      </c>
      <c r="BQ37" s="313">
        <v>32</v>
      </c>
      <c r="BR37" s="311">
        <v>46</v>
      </c>
      <c r="BS37" s="312">
        <v>0</v>
      </c>
      <c r="BT37" s="313">
        <v>63</v>
      </c>
      <c r="BU37" s="313">
        <v>31</v>
      </c>
      <c r="BV37" s="313">
        <v>16</v>
      </c>
      <c r="BW37" s="313">
        <v>12</v>
      </c>
      <c r="BX37" s="313">
        <v>1</v>
      </c>
      <c r="BY37" s="311">
        <v>123</v>
      </c>
      <c r="BZ37" s="315">
        <v>169</v>
      </c>
      <c r="CA37" s="310">
        <v>0</v>
      </c>
      <c r="CB37" s="313">
        <v>0</v>
      </c>
      <c r="CC37" s="311">
        <v>0</v>
      </c>
      <c r="CD37" s="312">
        <v>0</v>
      </c>
      <c r="CE37" s="313">
        <v>5</v>
      </c>
      <c r="CF37" s="313">
        <v>14</v>
      </c>
      <c r="CG37" s="313">
        <v>10</v>
      </c>
      <c r="CH37" s="313">
        <v>5</v>
      </c>
      <c r="CI37" s="313">
        <v>4</v>
      </c>
      <c r="CJ37" s="311">
        <v>38</v>
      </c>
      <c r="CK37" s="315">
        <v>38</v>
      </c>
      <c r="CL37" s="310">
        <v>0</v>
      </c>
      <c r="CM37" s="313">
        <v>1</v>
      </c>
      <c r="CN37" s="311">
        <v>1</v>
      </c>
      <c r="CO37" s="312">
        <v>0</v>
      </c>
      <c r="CP37" s="313">
        <v>1</v>
      </c>
      <c r="CQ37" s="313">
        <v>1</v>
      </c>
      <c r="CR37" s="313">
        <v>1</v>
      </c>
      <c r="CS37" s="313">
        <v>1</v>
      </c>
      <c r="CT37" s="313">
        <v>0</v>
      </c>
      <c r="CU37" s="311">
        <v>4</v>
      </c>
      <c r="CV37" s="315">
        <v>5</v>
      </c>
      <c r="CW37" s="310">
        <v>0</v>
      </c>
      <c r="CX37" s="313">
        <v>0</v>
      </c>
      <c r="CY37" s="311">
        <v>0</v>
      </c>
      <c r="CZ37" s="312">
        <v>0</v>
      </c>
      <c r="DA37" s="313">
        <v>0</v>
      </c>
      <c r="DB37" s="313">
        <v>0</v>
      </c>
      <c r="DC37" s="313">
        <v>0</v>
      </c>
      <c r="DD37" s="313">
        <v>0</v>
      </c>
      <c r="DE37" s="313">
        <v>0</v>
      </c>
      <c r="DF37" s="311">
        <v>0</v>
      </c>
      <c r="DG37" s="315">
        <v>0</v>
      </c>
      <c r="DH37" s="310">
        <v>0</v>
      </c>
      <c r="DI37" s="313">
        <v>0</v>
      </c>
      <c r="DJ37" s="311">
        <v>0</v>
      </c>
      <c r="DK37" s="312">
        <v>0</v>
      </c>
      <c r="DL37" s="313">
        <v>0</v>
      </c>
      <c r="DM37" s="313">
        <v>0</v>
      </c>
      <c r="DN37" s="313">
        <v>0</v>
      </c>
      <c r="DO37" s="313">
        <v>0</v>
      </c>
      <c r="DP37" s="313">
        <v>0</v>
      </c>
      <c r="DQ37" s="311">
        <v>0</v>
      </c>
      <c r="DR37" s="315">
        <v>0</v>
      </c>
      <c r="DS37" s="310">
        <v>30</v>
      </c>
      <c r="DT37" s="313">
        <v>79</v>
      </c>
      <c r="DU37" s="311">
        <v>109</v>
      </c>
      <c r="DV37" s="312">
        <v>0</v>
      </c>
      <c r="DW37" s="313">
        <v>155</v>
      </c>
      <c r="DX37" s="313">
        <v>144</v>
      </c>
      <c r="DY37" s="313">
        <v>73</v>
      </c>
      <c r="DZ37" s="313">
        <v>62</v>
      </c>
      <c r="EA37" s="313">
        <v>30</v>
      </c>
      <c r="EB37" s="311">
        <v>464</v>
      </c>
      <c r="EC37" s="315">
        <v>573</v>
      </c>
      <c r="ED37" s="310">
        <v>20</v>
      </c>
      <c r="EE37" s="313">
        <v>16</v>
      </c>
      <c r="EF37" s="311">
        <v>36</v>
      </c>
      <c r="EG37" s="312">
        <v>0</v>
      </c>
      <c r="EH37" s="313">
        <v>38</v>
      </c>
      <c r="EI37" s="313">
        <v>26</v>
      </c>
      <c r="EJ37" s="313">
        <v>26</v>
      </c>
      <c r="EK37" s="313">
        <v>28</v>
      </c>
      <c r="EL37" s="313">
        <v>10</v>
      </c>
      <c r="EM37" s="311">
        <v>128</v>
      </c>
      <c r="EN37" s="315">
        <v>164</v>
      </c>
      <c r="EO37" s="310">
        <v>42</v>
      </c>
      <c r="EP37" s="313">
        <v>102</v>
      </c>
      <c r="EQ37" s="311">
        <v>144</v>
      </c>
      <c r="ER37" s="312">
        <v>0</v>
      </c>
      <c r="ES37" s="313">
        <v>298</v>
      </c>
      <c r="ET37" s="313">
        <v>194</v>
      </c>
      <c r="EU37" s="313">
        <v>89</v>
      </c>
      <c r="EV37" s="313">
        <v>71</v>
      </c>
      <c r="EW37" s="313">
        <v>32</v>
      </c>
      <c r="EX37" s="311">
        <v>684</v>
      </c>
      <c r="EY37" s="315">
        <v>828</v>
      </c>
    </row>
    <row r="38" spans="1:155" ht="19.5" customHeight="1" x14ac:dyDescent="0.2">
      <c r="A38" s="297" t="s">
        <v>36</v>
      </c>
      <c r="B38" s="310">
        <v>0</v>
      </c>
      <c r="C38" s="313">
        <v>0</v>
      </c>
      <c r="D38" s="441">
        <v>0</v>
      </c>
      <c r="E38" s="312">
        <v>0</v>
      </c>
      <c r="F38" s="313">
        <v>61</v>
      </c>
      <c r="G38" s="313">
        <v>61</v>
      </c>
      <c r="H38" s="313">
        <v>39</v>
      </c>
      <c r="I38" s="313">
        <v>36</v>
      </c>
      <c r="J38" s="313">
        <v>25</v>
      </c>
      <c r="K38" s="314">
        <v>222</v>
      </c>
      <c r="L38" s="315">
        <v>222</v>
      </c>
      <c r="M38" s="310">
        <v>0</v>
      </c>
      <c r="N38" s="313">
        <v>0</v>
      </c>
      <c r="O38" s="311">
        <v>0</v>
      </c>
      <c r="P38" s="312">
        <v>0</v>
      </c>
      <c r="Q38" s="313">
        <v>5</v>
      </c>
      <c r="R38" s="313">
        <v>5</v>
      </c>
      <c r="S38" s="313">
        <v>2</v>
      </c>
      <c r="T38" s="313">
        <v>10</v>
      </c>
      <c r="U38" s="313">
        <v>11</v>
      </c>
      <c r="V38" s="311">
        <v>33</v>
      </c>
      <c r="W38" s="315">
        <v>33</v>
      </c>
      <c r="X38" s="310">
        <v>13</v>
      </c>
      <c r="Y38" s="313">
        <v>19</v>
      </c>
      <c r="Z38" s="311">
        <v>32</v>
      </c>
      <c r="AA38" s="312">
        <v>0</v>
      </c>
      <c r="AB38" s="313">
        <v>52</v>
      </c>
      <c r="AC38" s="313">
        <v>52</v>
      </c>
      <c r="AD38" s="313">
        <v>34</v>
      </c>
      <c r="AE38" s="313">
        <v>29</v>
      </c>
      <c r="AF38" s="313">
        <v>29</v>
      </c>
      <c r="AG38" s="311">
        <v>196</v>
      </c>
      <c r="AH38" s="315">
        <v>228</v>
      </c>
      <c r="AI38" s="310">
        <v>2</v>
      </c>
      <c r="AJ38" s="313">
        <v>0</v>
      </c>
      <c r="AK38" s="311">
        <v>2</v>
      </c>
      <c r="AL38" s="312">
        <v>0</v>
      </c>
      <c r="AM38" s="313">
        <v>0</v>
      </c>
      <c r="AN38" s="313">
        <v>1</v>
      </c>
      <c r="AO38" s="313">
        <v>1</v>
      </c>
      <c r="AP38" s="313">
        <v>3</v>
      </c>
      <c r="AQ38" s="313">
        <v>2</v>
      </c>
      <c r="AR38" s="311">
        <v>7</v>
      </c>
      <c r="AS38" s="315">
        <v>9</v>
      </c>
      <c r="AT38" s="310">
        <v>3</v>
      </c>
      <c r="AU38" s="313">
        <v>7</v>
      </c>
      <c r="AV38" s="311">
        <v>10</v>
      </c>
      <c r="AW38" s="312">
        <v>0</v>
      </c>
      <c r="AX38" s="313">
        <v>32</v>
      </c>
      <c r="AY38" s="313">
        <v>54</v>
      </c>
      <c r="AZ38" s="313">
        <v>78</v>
      </c>
      <c r="BA38" s="313">
        <v>49</v>
      </c>
      <c r="BB38" s="313">
        <v>44</v>
      </c>
      <c r="BC38" s="314">
        <v>257</v>
      </c>
      <c r="BD38" s="315">
        <v>267</v>
      </c>
      <c r="BE38" s="310">
        <v>0</v>
      </c>
      <c r="BF38" s="313">
        <v>0</v>
      </c>
      <c r="BG38" s="311">
        <v>0</v>
      </c>
      <c r="BH38" s="312">
        <v>0</v>
      </c>
      <c r="BI38" s="313">
        <v>96</v>
      </c>
      <c r="BJ38" s="313">
        <v>87</v>
      </c>
      <c r="BK38" s="313">
        <v>50</v>
      </c>
      <c r="BL38" s="313">
        <v>29</v>
      </c>
      <c r="BM38" s="313">
        <v>14</v>
      </c>
      <c r="BN38" s="311">
        <v>276</v>
      </c>
      <c r="BO38" s="315">
        <v>276</v>
      </c>
      <c r="BP38" s="310">
        <v>5</v>
      </c>
      <c r="BQ38" s="313">
        <v>14</v>
      </c>
      <c r="BR38" s="311">
        <v>19</v>
      </c>
      <c r="BS38" s="312">
        <v>0</v>
      </c>
      <c r="BT38" s="313">
        <v>21</v>
      </c>
      <c r="BU38" s="313">
        <v>26</v>
      </c>
      <c r="BV38" s="313">
        <v>17</v>
      </c>
      <c r="BW38" s="313">
        <v>6</v>
      </c>
      <c r="BX38" s="313">
        <v>1</v>
      </c>
      <c r="BY38" s="311">
        <v>71</v>
      </c>
      <c r="BZ38" s="315">
        <v>90</v>
      </c>
      <c r="CA38" s="310">
        <v>0</v>
      </c>
      <c r="CB38" s="313">
        <v>1</v>
      </c>
      <c r="CC38" s="311">
        <v>1</v>
      </c>
      <c r="CD38" s="312">
        <v>0</v>
      </c>
      <c r="CE38" s="313">
        <v>15</v>
      </c>
      <c r="CF38" s="313">
        <v>19</v>
      </c>
      <c r="CG38" s="313">
        <v>32</v>
      </c>
      <c r="CH38" s="313">
        <v>17</v>
      </c>
      <c r="CI38" s="313">
        <v>12</v>
      </c>
      <c r="CJ38" s="311">
        <v>95</v>
      </c>
      <c r="CK38" s="315">
        <v>96</v>
      </c>
      <c r="CL38" s="310">
        <v>0</v>
      </c>
      <c r="CM38" s="313">
        <v>0</v>
      </c>
      <c r="CN38" s="311">
        <v>0</v>
      </c>
      <c r="CO38" s="312">
        <v>0</v>
      </c>
      <c r="CP38" s="313">
        <v>0</v>
      </c>
      <c r="CQ38" s="313">
        <v>3</v>
      </c>
      <c r="CR38" s="313">
        <v>1</v>
      </c>
      <c r="CS38" s="313">
        <v>1</v>
      </c>
      <c r="CT38" s="313">
        <v>0</v>
      </c>
      <c r="CU38" s="311">
        <v>5</v>
      </c>
      <c r="CV38" s="315">
        <v>5</v>
      </c>
      <c r="CW38" s="310">
        <v>0</v>
      </c>
      <c r="CX38" s="313">
        <v>0</v>
      </c>
      <c r="CY38" s="311">
        <v>0</v>
      </c>
      <c r="CZ38" s="312">
        <v>0</v>
      </c>
      <c r="DA38" s="313">
        <v>0</v>
      </c>
      <c r="DB38" s="313">
        <v>0</v>
      </c>
      <c r="DC38" s="313">
        <v>0</v>
      </c>
      <c r="DD38" s="313">
        <v>0</v>
      </c>
      <c r="DE38" s="313">
        <v>0</v>
      </c>
      <c r="DF38" s="311">
        <v>0</v>
      </c>
      <c r="DG38" s="315">
        <v>0</v>
      </c>
      <c r="DH38" s="310">
        <v>0</v>
      </c>
      <c r="DI38" s="313">
        <v>0</v>
      </c>
      <c r="DJ38" s="311">
        <v>0</v>
      </c>
      <c r="DK38" s="312">
        <v>0</v>
      </c>
      <c r="DL38" s="313">
        <v>0</v>
      </c>
      <c r="DM38" s="313">
        <v>0</v>
      </c>
      <c r="DN38" s="313">
        <v>0</v>
      </c>
      <c r="DO38" s="313">
        <v>0</v>
      </c>
      <c r="DP38" s="313">
        <v>0</v>
      </c>
      <c r="DQ38" s="311">
        <v>0</v>
      </c>
      <c r="DR38" s="315">
        <v>0</v>
      </c>
      <c r="DS38" s="310">
        <v>33</v>
      </c>
      <c r="DT38" s="313">
        <v>87</v>
      </c>
      <c r="DU38" s="311">
        <v>120</v>
      </c>
      <c r="DV38" s="312">
        <v>0</v>
      </c>
      <c r="DW38" s="313">
        <v>157</v>
      </c>
      <c r="DX38" s="313">
        <v>158</v>
      </c>
      <c r="DY38" s="313">
        <v>101</v>
      </c>
      <c r="DZ38" s="313">
        <v>75</v>
      </c>
      <c r="EA38" s="313">
        <v>42</v>
      </c>
      <c r="EB38" s="311">
        <v>533</v>
      </c>
      <c r="EC38" s="315">
        <v>653</v>
      </c>
      <c r="ED38" s="310">
        <v>1</v>
      </c>
      <c r="EE38" s="313">
        <v>1</v>
      </c>
      <c r="EF38" s="311">
        <v>2</v>
      </c>
      <c r="EG38" s="312">
        <v>0</v>
      </c>
      <c r="EH38" s="313">
        <v>8</v>
      </c>
      <c r="EI38" s="313">
        <v>15</v>
      </c>
      <c r="EJ38" s="313">
        <v>16</v>
      </c>
      <c r="EK38" s="313">
        <v>6</v>
      </c>
      <c r="EL38" s="313">
        <v>5</v>
      </c>
      <c r="EM38" s="311">
        <v>50</v>
      </c>
      <c r="EN38" s="315">
        <v>52</v>
      </c>
      <c r="EO38" s="310">
        <v>49</v>
      </c>
      <c r="EP38" s="313">
        <v>108</v>
      </c>
      <c r="EQ38" s="311">
        <v>157</v>
      </c>
      <c r="ER38" s="312">
        <v>0</v>
      </c>
      <c r="ES38" s="313">
        <v>263</v>
      </c>
      <c r="ET38" s="313">
        <v>238</v>
      </c>
      <c r="EU38" s="313">
        <v>141</v>
      </c>
      <c r="EV38" s="313">
        <v>86</v>
      </c>
      <c r="EW38" s="313">
        <v>56</v>
      </c>
      <c r="EX38" s="311">
        <v>784</v>
      </c>
      <c r="EY38" s="315">
        <v>941</v>
      </c>
    </row>
    <row r="39" spans="1:155" ht="19.5" customHeight="1" thickBot="1" x14ac:dyDescent="0.25">
      <c r="A39" s="298" t="s">
        <v>37</v>
      </c>
      <c r="B39" s="316">
        <v>0</v>
      </c>
      <c r="C39" s="319">
        <v>0</v>
      </c>
      <c r="D39" s="442">
        <v>0</v>
      </c>
      <c r="E39" s="318">
        <v>0</v>
      </c>
      <c r="F39" s="319">
        <v>3</v>
      </c>
      <c r="G39" s="319">
        <v>7</v>
      </c>
      <c r="H39" s="319">
        <v>6</v>
      </c>
      <c r="I39" s="319">
        <v>1</v>
      </c>
      <c r="J39" s="319">
        <v>3</v>
      </c>
      <c r="K39" s="320">
        <v>20</v>
      </c>
      <c r="L39" s="321">
        <v>20</v>
      </c>
      <c r="M39" s="316">
        <v>0</v>
      </c>
      <c r="N39" s="319">
        <v>0</v>
      </c>
      <c r="O39" s="317">
        <v>0</v>
      </c>
      <c r="P39" s="318">
        <v>0</v>
      </c>
      <c r="Q39" s="319">
        <v>0</v>
      </c>
      <c r="R39" s="319">
        <v>0</v>
      </c>
      <c r="S39" s="319">
        <v>0</v>
      </c>
      <c r="T39" s="319">
        <v>1</v>
      </c>
      <c r="U39" s="319">
        <v>0</v>
      </c>
      <c r="V39" s="317">
        <v>1</v>
      </c>
      <c r="W39" s="321">
        <v>1</v>
      </c>
      <c r="X39" s="316">
        <v>0</v>
      </c>
      <c r="Y39" s="319">
        <v>3</v>
      </c>
      <c r="Z39" s="317">
        <v>3</v>
      </c>
      <c r="AA39" s="318">
        <v>0</v>
      </c>
      <c r="AB39" s="319">
        <v>4</v>
      </c>
      <c r="AC39" s="319">
        <v>7</v>
      </c>
      <c r="AD39" s="319">
        <v>3</v>
      </c>
      <c r="AE39" s="319">
        <v>3</v>
      </c>
      <c r="AF39" s="319">
        <v>2</v>
      </c>
      <c r="AG39" s="317">
        <v>19</v>
      </c>
      <c r="AH39" s="321">
        <v>22</v>
      </c>
      <c r="AI39" s="316">
        <v>0</v>
      </c>
      <c r="AJ39" s="319">
        <v>0</v>
      </c>
      <c r="AK39" s="317">
        <v>0</v>
      </c>
      <c r="AL39" s="318">
        <v>0</v>
      </c>
      <c r="AM39" s="319">
        <v>2</v>
      </c>
      <c r="AN39" s="319">
        <v>1</v>
      </c>
      <c r="AO39" s="319">
        <v>2</v>
      </c>
      <c r="AP39" s="319">
        <v>1</v>
      </c>
      <c r="AQ39" s="319">
        <v>0</v>
      </c>
      <c r="AR39" s="317">
        <v>6</v>
      </c>
      <c r="AS39" s="321">
        <v>6</v>
      </c>
      <c r="AT39" s="316">
        <v>0</v>
      </c>
      <c r="AU39" s="319">
        <v>0</v>
      </c>
      <c r="AV39" s="317">
        <v>0</v>
      </c>
      <c r="AW39" s="318">
        <v>0</v>
      </c>
      <c r="AX39" s="319">
        <v>3</v>
      </c>
      <c r="AY39" s="319">
        <v>4</v>
      </c>
      <c r="AZ39" s="319">
        <v>4</v>
      </c>
      <c r="BA39" s="319">
        <v>3</v>
      </c>
      <c r="BB39" s="319">
        <v>5</v>
      </c>
      <c r="BC39" s="320">
        <v>19</v>
      </c>
      <c r="BD39" s="321">
        <v>19</v>
      </c>
      <c r="BE39" s="316">
        <v>0</v>
      </c>
      <c r="BF39" s="319">
        <v>0</v>
      </c>
      <c r="BG39" s="317">
        <v>0</v>
      </c>
      <c r="BH39" s="318">
        <v>0</v>
      </c>
      <c r="BI39" s="319">
        <v>7</v>
      </c>
      <c r="BJ39" s="319">
        <v>3</v>
      </c>
      <c r="BK39" s="319">
        <v>5</v>
      </c>
      <c r="BL39" s="319">
        <v>2</v>
      </c>
      <c r="BM39" s="319">
        <v>2</v>
      </c>
      <c r="BN39" s="317">
        <v>19</v>
      </c>
      <c r="BO39" s="321">
        <v>19</v>
      </c>
      <c r="BP39" s="316">
        <v>2</v>
      </c>
      <c r="BQ39" s="319">
        <v>0</v>
      </c>
      <c r="BR39" s="317">
        <v>2</v>
      </c>
      <c r="BS39" s="318">
        <v>0</v>
      </c>
      <c r="BT39" s="319">
        <v>8</v>
      </c>
      <c r="BU39" s="319">
        <v>3</v>
      </c>
      <c r="BV39" s="319">
        <v>3</v>
      </c>
      <c r="BW39" s="319">
        <v>3</v>
      </c>
      <c r="BX39" s="319">
        <v>0</v>
      </c>
      <c r="BY39" s="317">
        <v>17</v>
      </c>
      <c r="BZ39" s="321">
        <v>19</v>
      </c>
      <c r="CA39" s="316">
        <v>0</v>
      </c>
      <c r="CB39" s="319">
        <v>0</v>
      </c>
      <c r="CC39" s="317">
        <v>0</v>
      </c>
      <c r="CD39" s="318">
        <v>0</v>
      </c>
      <c r="CE39" s="319">
        <v>0</v>
      </c>
      <c r="CF39" s="319">
        <v>1</v>
      </c>
      <c r="CG39" s="319">
        <v>4</v>
      </c>
      <c r="CH39" s="319">
        <v>0</v>
      </c>
      <c r="CI39" s="319">
        <v>1</v>
      </c>
      <c r="CJ39" s="317">
        <v>6</v>
      </c>
      <c r="CK39" s="321">
        <v>6</v>
      </c>
      <c r="CL39" s="316">
        <v>0</v>
      </c>
      <c r="CM39" s="319">
        <v>0</v>
      </c>
      <c r="CN39" s="317">
        <v>0</v>
      </c>
      <c r="CO39" s="318">
        <v>0</v>
      </c>
      <c r="CP39" s="319">
        <v>1</v>
      </c>
      <c r="CQ39" s="319">
        <v>0</v>
      </c>
      <c r="CR39" s="319">
        <v>1</v>
      </c>
      <c r="CS39" s="319">
        <v>2</v>
      </c>
      <c r="CT39" s="319">
        <v>0</v>
      </c>
      <c r="CU39" s="317">
        <v>4</v>
      </c>
      <c r="CV39" s="321">
        <v>4</v>
      </c>
      <c r="CW39" s="316">
        <v>0</v>
      </c>
      <c r="CX39" s="319">
        <v>0</v>
      </c>
      <c r="CY39" s="317">
        <v>0</v>
      </c>
      <c r="CZ39" s="318">
        <v>0</v>
      </c>
      <c r="DA39" s="319">
        <v>0</v>
      </c>
      <c r="DB39" s="319">
        <v>0</v>
      </c>
      <c r="DC39" s="319">
        <v>0</v>
      </c>
      <c r="DD39" s="319">
        <v>0</v>
      </c>
      <c r="DE39" s="319">
        <v>0</v>
      </c>
      <c r="DF39" s="317">
        <v>0</v>
      </c>
      <c r="DG39" s="321">
        <v>0</v>
      </c>
      <c r="DH39" s="316">
        <v>0</v>
      </c>
      <c r="DI39" s="319">
        <v>0</v>
      </c>
      <c r="DJ39" s="317">
        <v>0</v>
      </c>
      <c r="DK39" s="318">
        <v>0</v>
      </c>
      <c r="DL39" s="319">
        <v>0</v>
      </c>
      <c r="DM39" s="319">
        <v>0</v>
      </c>
      <c r="DN39" s="319">
        <v>0</v>
      </c>
      <c r="DO39" s="319">
        <v>0</v>
      </c>
      <c r="DP39" s="319">
        <v>0</v>
      </c>
      <c r="DQ39" s="317">
        <v>0</v>
      </c>
      <c r="DR39" s="321">
        <v>0</v>
      </c>
      <c r="DS39" s="316">
        <v>6</v>
      </c>
      <c r="DT39" s="319">
        <v>7</v>
      </c>
      <c r="DU39" s="317">
        <v>13</v>
      </c>
      <c r="DV39" s="318">
        <v>0</v>
      </c>
      <c r="DW39" s="319">
        <v>22</v>
      </c>
      <c r="DX39" s="319">
        <v>22</v>
      </c>
      <c r="DY39" s="319">
        <v>14</v>
      </c>
      <c r="DZ39" s="319">
        <v>7</v>
      </c>
      <c r="EA39" s="319">
        <v>5</v>
      </c>
      <c r="EB39" s="317">
        <v>70</v>
      </c>
      <c r="EC39" s="321">
        <v>83</v>
      </c>
      <c r="ED39" s="316">
        <v>0</v>
      </c>
      <c r="EE39" s="319">
        <v>0</v>
      </c>
      <c r="EF39" s="317">
        <v>0</v>
      </c>
      <c r="EG39" s="318">
        <v>0</v>
      </c>
      <c r="EH39" s="319">
        <v>0</v>
      </c>
      <c r="EI39" s="319">
        <v>0</v>
      </c>
      <c r="EJ39" s="319">
        <v>0</v>
      </c>
      <c r="EK39" s="319">
        <v>1</v>
      </c>
      <c r="EL39" s="319">
        <v>1</v>
      </c>
      <c r="EM39" s="317">
        <v>2</v>
      </c>
      <c r="EN39" s="321">
        <v>2</v>
      </c>
      <c r="EO39" s="316">
        <v>7</v>
      </c>
      <c r="EP39" s="319">
        <v>8</v>
      </c>
      <c r="EQ39" s="317">
        <v>15</v>
      </c>
      <c r="ER39" s="318">
        <v>0</v>
      </c>
      <c r="ES39" s="319">
        <v>31</v>
      </c>
      <c r="ET39" s="319">
        <v>26</v>
      </c>
      <c r="EU39" s="319">
        <v>16</v>
      </c>
      <c r="EV39" s="319">
        <v>7</v>
      </c>
      <c r="EW39" s="319">
        <v>5</v>
      </c>
      <c r="EX39" s="317">
        <v>85</v>
      </c>
      <c r="EY39" s="321">
        <v>100</v>
      </c>
    </row>
  </sheetData>
  <mergeCells count="59">
    <mergeCell ref="W4:W5"/>
    <mergeCell ref="X4:Z4"/>
    <mergeCell ref="AA4:AG4"/>
    <mergeCell ref="AH4:AH5"/>
    <mergeCell ref="CV4:CV5"/>
    <mergeCell ref="BP4:BR4"/>
    <mergeCell ref="BS4:BY4"/>
    <mergeCell ref="BO4:BO5"/>
    <mergeCell ref="CA4:CC4"/>
    <mergeCell ref="CD4:CJ4"/>
    <mergeCell ref="CK4:CK5"/>
    <mergeCell ref="CL4:CN4"/>
    <mergeCell ref="CO4:CU4"/>
    <mergeCell ref="BZ4:BZ5"/>
    <mergeCell ref="AW4:BC4"/>
    <mergeCell ref="BE4:BG4"/>
    <mergeCell ref="A3:A5"/>
    <mergeCell ref="M3:W3"/>
    <mergeCell ref="X3:AH3"/>
    <mergeCell ref="AI3:AS3"/>
    <mergeCell ref="AT3:BD3"/>
    <mergeCell ref="B3:L3"/>
    <mergeCell ref="B4:D4"/>
    <mergeCell ref="E4:K4"/>
    <mergeCell ref="L4:L5"/>
    <mergeCell ref="BD4:BD5"/>
    <mergeCell ref="M4:O4"/>
    <mergeCell ref="P4:V4"/>
    <mergeCell ref="AI4:AK4"/>
    <mergeCell ref="AL4:AR4"/>
    <mergeCell ref="AS4:AS5"/>
    <mergeCell ref="AT4:AV4"/>
    <mergeCell ref="H1:I1"/>
    <mergeCell ref="K1:L1"/>
    <mergeCell ref="BE3:BO3"/>
    <mergeCell ref="BP3:BZ3"/>
    <mergeCell ref="CA3:CK3"/>
    <mergeCell ref="DH3:DR3"/>
    <mergeCell ref="DH4:DJ4"/>
    <mergeCell ref="DK4:DQ4"/>
    <mergeCell ref="DR4:DR5"/>
    <mergeCell ref="BH4:BN4"/>
    <mergeCell ref="CW3:DG3"/>
    <mergeCell ref="CL3:CV3"/>
    <mergeCell ref="CW4:CY4"/>
    <mergeCell ref="CZ4:DF4"/>
    <mergeCell ref="DG4:DG5"/>
    <mergeCell ref="EO3:EY3"/>
    <mergeCell ref="ED3:EN3"/>
    <mergeCell ref="ER4:EX4"/>
    <mergeCell ref="EY4:EY5"/>
    <mergeCell ref="EC4:EC5"/>
    <mergeCell ref="ED4:EF4"/>
    <mergeCell ref="EG4:EM4"/>
    <mergeCell ref="EN4:EN5"/>
    <mergeCell ref="EO4:EQ4"/>
    <mergeCell ref="DS3:EC3"/>
    <mergeCell ref="DS4:DU4"/>
    <mergeCell ref="DV4:EB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1"/>
    <col min="4" max="4" width="10.33203125" style="291" customWidth="1"/>
    <col min="5" max="5" width="7.6640625" style="291" customWidth="1"/>
    <col min="6" max="6" width="10.21875" style="291" customWidth="1"/>
    <col min="7" max="7" width="10.44140625" style="291" customWidth="1"/>
    <col min="8" max="15" width="9" style="291"/>
    <col min="16" max="16" width="7.21875" style="291" customWidth="1"/>
    <col min="17" max="26" width="9" style="291"/>
    <col min="27" max="27" width="7.6640625" style="291" customWidth="1"/>
    <col min="28" max="37" width="9" style="291"/>
    <col min="38" max="38" width="7.6640625" style="291" customWidth="1"/>
    <col min="39" max="48" width="9" style="291"/>
    <col min="49" max="49" width="7.21875" style="291" customWidth="1"/>
    <col min="50" max="59" width="9" style="291"/>
    <col min="60" max="60" width="7.21875" style="291" customWidth="1"/>
    <col min="61" max="70" width="9" style="291"/>
    <col min="71" max="71" width="7.33203125" style="291" customWidth="1"/>
    <col min="72" max="81" width="9" style="291"/>
    <col min="82" max="82" width="7.44140625" style="291" customWidth="1"/>
    <col min="83" max="92" width="9" style="291"/>
    <col min="93" max="93" width="7.6640625" style="291" customWidth="1"/>
    <col min="94" max="103" width="9" style="291"/>
    <col min="104" max="104" width="7.44140625" style="291" customWidth="1"/>
    <col min="105" max="114" width="9" style="291"/>
    <col min="115" max="115" width="7.44140625" style="291" customWidth="1"/>
    <col min="116" max="125" width="9" style="291"/>
    <col min="126" max="126" width="7.44140625" style="291" customWidth="1"/>
    <col min="127" max="136" width="9" style="291"/>
    <col min="137" max="137" width="7.33203125" style="291" customWidth="1"/>
    <col min="138" max="147" width="9" style="291"/>
    <col min="148" max="148" width="7.77734375" style="291" customWidth="1"/>
    <col min="149" max="16384" width="9" style="291"/>
  </cols>
  <sheetData>
    <row r="1" spans="1:155" ht="24" customHeight="1" x14ac:dyDescent="0.2">
      <c r="A1" s="322" t="s">
        <v>122</v>
      </c>
      <c r="H1" s="470">
        <f>第１表!F2</f>
        <v>4</v>
      </c>
      <c r="I1" s="470"/>
      <c r="J1" s="283">
        <f>第１表!G2</f>
        <v>2</v>
      </c>
      <c r="K1" s="471">
        <f>IF(J1&lt;3,J1+12-2,J1-2)</f>
        <v>12</v>
      </c>
      <c r="L1" s="471"/>
    </row>
    <row r="2" spans="1:155" ht="21" customHeight="1" thickBot="1" x14ac:dyDescent="0.25">
      <c r="A2" s="322" t="s">
        <v>131</v>
      </c>
      <c r="F2" s="282"/>
      <c r="G2" s="283"/>
      <c r="I2" s="356"/>
      <c r="J2" s="356"/>
    </row>
    <row r="3" spans="1:155" ht="23.25" customHeight="1" thickBot="1" x14ac:dyDescent="0.25">
      <c r="A3" s="484"/>
      <c r="B3" s="475" t="s">
        <v>70</v>
      </c>
      <c r="C3" s="476"/>
      <c r="D3" s="476"/>
      <c r="E3" s="476"/>
      <c r="F3" s="476"/>
      <c r="G3" s="476"/>
      <c r="H3" s="476"/>
      <c r="I3" s="476"/>
      <c r="J3" s="476"/>
      <c r="K3" s="476"/>
      <c r="L3" s="477"/>
      <c r="M3" s="475" t="s">
        <v>71</v>
      </c>
      <c r="N3" s="476"/>
      <c r="O3" s="476"/>
      <c r="P3" s="476"/>
      <c r="Q3" s="476"/>
      <c r="R3" s="476"/>
      <c r="S3" s="476"/>
      <c r="T3" s="476"/>
      <c r="U3" s="476"/>
      <c r="V3" s="476"/>
      <c r="W3" s="477"/>
      <c r="X3" s="475" t="s">
        <v>72</v>
      </c>
      <c r="Y3" s="476"/>
      <c r="Z3" s="476"/>
      <c r="AA3" s="476"/>
      <c r="AB3" s="476"/>
      <c r="AC3" s="476"/>
      <c r="AD3" s="476"/>
      <c r="AE3" s="476"/>
      <c r="AF3" s="476"/>
      <c r="AG3" s="476"/>
      <c r="AH3" s="477"/>
      <c r="AI3" s="475" t="s">
        <v>73</v>
      </c>
      <c r="AJ3" s="476"/>
      <c r="AK3" s="476"/>
      <c r="AL3" s="476"/>
      <c r="AM3" s="476"/>
      <c r="AN3" s="476"/>
      <c r="AO3" s="476"/>
      <c r="AP3" s="476"/>
      <c r="AQ3" s="476"/>
      <c r="AR3" s="476"/>
      <c r="AS3" s="477"/>
      <c r="AT3" s="475" t="s">
        <v>74</v>
      </c>
      <c r="AU3" s="476"/>
      <c r="AV3" s="476"/>
      <c r="AW3" s="476"/>
      <c r="AX3" s="476"/>
      <c r="AY3" s="476"/>
      <c r="AZ3" s="476"/>
      <c r="BA3" s="476"/>
      <c r="BB3" s="476"/>
      <c r="BC3" s="476"/>
      <c r="BD3" s="477"/>
      <c r="BE3" s="475" t="s">
        <v>75</v>
      </c>
      <c r="BF3" s="476"/>
      <c r="BG3" s="476"/>
      <c r="BH3" s="476"/>
      <c r="BI3" s="476"/>
      <c r="BJ3" s="476"/>
      <c r="BK3" s="476"/>
      <c r="BL3" s="476"/>
      <c r="BM3" s="476"/>
      <c r="BN3" s="476"/>
      <c r="BO3" s="477"/>
      <c r="BP3" s="475" t="s">
        <v>76</v>
      </c>
      <c r="BQ3" s="476"/>
      <c r="BR3" s="476"/>
      <c r="BS3" s="476"/>
      <c r="BT3" s="476"/>
      <c r="BU3" s="476"/>
      <c r="BV3" s="476"/>
      <c r="BW3" s="476"/>
      <c r="BX3" s="476"/>
      <c r="BY3" s="476"/>
      <c r="BZ3" s="477"/>
      <c r="CA3" s="475" t="s">
        <v>77</v>
      </c>
      <c r="CB3" s="476"/>
      <c r="CC3" s="476"/>
      <c r="CD3" s="476"/>
      <c r="CE3" s="476"/>
      <c r="CF3" s="476"/>
      <c r="CG3" s="476"/>
      <c r="CH3" s="476"/>
      <c r="CI3" s="476"/>
      <c r="CJ3" s="476"/>
      <c r="CK3" s="477"/>
      <c r="CL3" s="475" t="s">
        <v>78</v>
      </c>
      <c r="CM3" s="476"/>
      <c r="CN3" s="476"/>
      <c r="CO3" s="476"/>
      <c r="CP3" s="476"/>
      <c r="CQ3" s="476"/>
      <c r="CR3" s="476"/>
      <c r="CS3" s="476"/>
      <c r="CT3" s="476"/>
      <c r="CU3" s="476"/>
      <c r="CV3" s="477"/>
      <c r="CW3" s="475" t="s">
        <v>79</v>
      </c>
      <c r="CX3" s="476"/>
      <c r="CY3" s="476"/>
      <c r="CZ3" s="476"/>
      <c r="DA3" s="476"/>
      <c r="DB3" s="476"/>
      <c r="DC3" s="476"/>
      <c r="DD3" s="476"/>
      <c r="DE3" s="476"/>
      <c r="DF3" s="476"/>
      <c r="DG3" s="477"/>
      <c r="DH3" s="475" t="s">
        <v>152</v>
      </c>
      <c r="DI3" s="476"/>
      <c r="DJ3" s="476"/>
      <c r="DK3" s="476"/>
      <c r="DL3" s="476"/>
      <c r="DM3" s="476"/>
      <c r="DN3" s="476"/>
      <c r="DO3" s="476"/>
      <c r="DP3" s="476"/>
      <c r="DQ3" s="476"/>
      <c r="DR3" s="477"/>
      <c r="DS3" s="475" t="s">
        <v>80</v>
      </c>
      <c r="DT3" s="476"/>
      <c r="DU3" s="476"/>
      <c r="DV3" s="476"/>
      <c r="DW3" s="476"/>
      <c r="DX3" s="476"/>
      <c r="DY3" s="476"/>
      <c r="DZ3" s="476"/>
      <c r="EA3" s="476"/>
      <c r="EB3" s="476"/>
      <c r="EC3" s="477"/>
      <c r="ED3" s="475" t="s">
        <v>68</v>
      </c>
      <c r="EE3" s="476"/>
      <c r="EF3" s="476"/>
      <c r="EG3" s="476"/>
      <c r="EH3" s="476"/>
      <c r="EI3" s="476"/>
      <c r="EJ3" s="476"/>
      <c r="EK3" s="476"/>
      <c r="EL3" s="476"/>
      <c r="EM3" s="476"/>
      <c r="EN3" s="477"/>
      <c r="EO3" s="472" t="s">
        <v>69</v>
      </c>
      <c r="EP3" s="473"/>
      <c r="EQ3" s="473"/>
      <c r="ER3" s="473"/>
      <c r="ES3" s="473"/>
      <c r="ET3" s="473"/>
      <c r="EU3" s="473"/>
      <c r="EV3" s="473"/>
      <c r="EW3" s="473"/>
      <c r="EX3" s="473"/>
      <c r="EY3" s="474"/>
    </row>
    <row r="4" spans="1:155" ht="22.5" customHeight="1" x14ac:dyDescent="0.2">
      <c r="A4" s="485"/>
      <c r="B4" s="483" t="s">
        <v>61</v>
      </c>
      <c r="C4" s="479"/>
      <c r="D4" s="480"/>
      <c r="E4" s="478" t="s">
        <v>62</v>
      </c>
      <c r="F4" s="479"/>
      <c r="G4" s="479"/>
      <c r="H4" s="479"/>
      <c r="I4" s="479"/>
      <c r="J4" s="479"/>
      <c r="K4" s="487"/>
      <c r="L4" s="481" t="s">
        <v>52</v>
      </c>
      <c r="M4" s="483" t="s">
        <v>61</v>
      </c>
      <c r="N4" s="479"/>
      <c r="O4" s="480"/>
      <c r="P4" s="478" t="s">
        <v>62</v>
      </c>
      <c r="Q4" s="479"/>
      <c r="R4" s="479"/>
      <c r="S4" s="479"/>
      <c r="T4" s="479"/>
      <c r="U4" s="479"/>
      <c r="V4" s="480"/>
      <c r="W4" s="481" t="s">
        <v>52</v>
      </c>
      <c r="X4" s="483" t="s">
        <v>61</v>
      </c>
      <c r="Y4" s="479"/>
      <c r="Z4" s="480"/>
      <c r="AA4" s="478" t="s">
        <v>62</v>
      </c>
      <c r="AB4" s="479"/>
      <c r="AC4" s="479"/>
      <c r="AD4" s="479"/>
      <c r="AE4" s="479"/>
      <c r="AF4" s="479"/>
      <c r="AG4" s="480"/>
      <c r="AH4" s="481" t="s">
        <v>52</v>
      </c>
      <c r="AI4" s="483" t="s">
        <v>61</v>
      </c>
      <c r="AJ4" s="479"/>
      <c r="AK4" s="480"/>
      <c r="AL4" s="478" t="s">
        <v>62</v>
      </c>
      <c r="AM4" s="479"/>
      <c r="AN4" s="479"/>
      <c r="AO4" s="479"/>
      <c r="AP4" s="479"/>
      <c r="AQ4" s="479"/>
      <c r="AR4" s="480"/>
      <c r="AS4" s="481" t="s">
        <v>52</v>
      </c>
      <c r="AT4" s="483" t="s">
        <v>61</v>
      </c>
      <c r="AU4" s="479"/>
      <c r="AV4" s="480"/>
      <c r="AW4" s="478" t="s">
        <v>62</v>
      </c>
      <c r="AX4" s="479"/>
      <c r="AY4" s="479"/>
      <c r="AZ4" s="479"/>
      <c r="BA4" s="479"/>
      <c r="BB4" s="479"/>
      <c r="BC4" s="487"/>
      <c r="BD4" s="481" t="s">
        <v>52</v>
      </c>
      <c r="BE4" s="483" t="s">
        <v>61</v>
      </c>
      <c r="BF4" s="479"/>
      <c r="BG4" s="480"/>
      <c r="BH4" s="478" t="s">
        <v>62</v>
      </c>
      <c r="BI4" s="479"/>
      <c r="BJ4" s="479"/>
      <c r="BK4" s="479"/>
      <c r="BL4" s="479"/>
      <c r="BM4" s="479"/>
      <c r="BN4" s="480"/>
      <c r="BO4" s="481" t="s">
        <v>52</v>
      </c>
      <c r="BP4" s="483" t="s">
        <v>61</v>
      </c>
      <c r="BQ4" s="479"/>
      <c r="BR4" s="480"/>
      <c r="BS4" s="478" t="s">
        <v>62</v>
      </c>
      <c r="BT4" s="479"/>
      <c r="BU4" s="479"/>
      <c r="BV4" s="479"/>
      <c r="BW4" s="479"/>
      <c r="BX4" s="479"/>
      <c r="BY4" s="480"/>
      <c r="BZ4" s="481" t="s">
        <v>52</v>
      </c>
      <c r="CA4" s="483" t="s">
        <v>61</v>
      </c>
      <c r="CB4" s="479"/>
      <c r="CC4" s="480"/>
      <c r="CD4" s="478" t="s">
        <v>62</v>
      </c>
      <c r="CE4" s="479"/>
      <c r="CF4" s="479"/>
      <c r="CG4" s="479"/>
      <c r="CH4" s="479"/>
      <c r="CI4" s="479"/>
      <c r="CJ4" s="480"/>
      <c r="CK4" s="481" t="s">
        <v>52</v>
      </c>
      <c r="CL4" s="483" t="s">
        <v>61</v>
      </c>
      <c r="CM4" s="479"/>
      <c r="CN4" s="480"/>
      <c r="CO4" s="478" t="s">
        <v>62</v>
      </c>
      <c r="CP4" s="479"/>
      <c r="CQ4" s="479"/>
      <c r="CR4" s="479"/>
      <c r="CS4" s="479"/>
      <c r="CT4" s="479"/>
      <c r="CU4" s="480"/>
      <c r="CV4" s="481" t="s">
        <v>52</v>
      </c>
      <c r="CW4" s="483" t="s">
        <v>61</v>
      </c>
      <c r="CX4" s="479"/>
      <c r="CY4" s="480"/>
      <c r="CZ4" s="478" t="s">
        <v>62</v>
      </c>
      <c r="DA4" s="479"/>
      <c r="DB4" s="479"/>
      <c r="DC4" s="479"/>
      <c r="DD4" s="479"/>
      <c r="DE4" s="479"/>
      <c r="DF4" s="480"/>
      <c r="DG4" s="481" t="s">
        <v>52</v>
      </c>
      <c r="DH4" s="483" t="s">
        <v>61</v>
      </c>
      <c r="DI4" s="479"/>
      <c r="DJ4" s="480"/>
      <c r="DK4" s="478" t="s">
        <v>62</v>
      </c>
      <c r="DL4" s="479"/>
      <c r="DM4" s="479"/>
      <c r="DN4" s="479"/>
      <c r="DO4" s="479"/>
      <c r="DP4" s="479"/>
      <c r="DQ4" s="480"/>
      <c r="DR4" s="481" t="s">
        <v>52</v>
      </c>
      <c r="DS4" s="483" t="s">
        <v>61</v>
      </c>
      <c r="DT4" s="479"/>
      <c r="DU4" s="480"/>
      <c r="DV4" s="478" t="s">
        <v>62</v>
      </c>
      <c r="DW4" s="479"/>
      <c r="DX4" s="479"/>
      <c r="DY4" s="479"/>
      <c r="DZ4" s="479"/>
      <c r="EA4" s="479"/>
      <c r="EB4" s="480"/>
      <c r="EC4" s="481" t="s">
        <v>52</v>
      </c>
      <c r="ED4" s="483" t="s">
        <v>61</v>
      </c>
      <c r="EE4" s="479"/>
      <c r="EF4" s="480"/>
      <c r="EG4" s="478" t="s">
        <v>62</v>
      </c>
      <c r="EH4" s="479"/>
      <c r="EI4" s="479"/>
      <c r="EJ4" s="479"/>
      <c r="EK4" s="479"/>
      <c r="EL4" s="479"/>
      <c r="EM4" s="480"/>
      <c r="EN4" s="481" t="s">
        <v>52</v>
      </c>
      <c r="EO4" s="483" t="s">
        <v>61</v>
      </c>
      <c r="EP4" s="479"/>
      <c r="EQ4" s="480"/>
      <c r="ER4" s="478" t="s">
        <v>62</v>
      </c>
      <c r="ES4" s="479"/>
      <c r="ET4" s="479"/>
      <c r="EU4" s="479"/>
      <c r="EV4" s="479"/>
      <c r="EW4" s="479"/>
      <c r="EX4" s="480"/>
      <c r="EY4" s="481" t="s">
        <v>52</v>
      </c>
    </row>
    <row r="5" spans="1:155" ht="34.5" customHeight="1" thickBot="1" x14ac:dyDescent="0.25">
      <c r="A5" s="486"/>
      <c r="B5" s="357" t="s">
        <v>43</v>
      </c>
      <c r="C5" s="295" t="s">
        <v>44</v>
      </c>
      <c r="D5" s="439" t="s">
        <v>45</v>
      </c>
      <c r="E5" s="302" t="s">
        <v>83</v>
      </c>
      <c r="F5" s="295" t="s">
        <v>47</v>
      </c>
      <c r="G5" s="295" t="s">
        <v>48</v>
      </c>
      <c r="H5" s="295" t="s">
        <v>49</v>
      </c>
      <c r="I5" s="295" t="s">
        <v>50</v>
      </c>
      <c r="J5" s="295" t="s">
        <v>51</v>
      </c>
      <c r="K5" s="303" t="s">
        <v>45</v>
      </c>
      <c r="L5" s="482"/>
      <c r="M5" s="357" t="s">
        <v>43</v>
      </c>
      <c r="N5" s="295" t="s">
        <v>44</v>
      </c>
      <c r="O5" s="301" t="s">
        <v>45</v>
      </c>
      <c r="P5" s="302" t="s">
        <v>83</v>
      </c>
      <c r="Q5" s="295" t="s">
        <v>47</v>
      </c>
      <c r="R5" s="295" t="s">
        <v>48</v>
      </c>
      <c r="S5" s="295" t="s">
        <v>49</v>
      </c>
      <c r="T5" s="295" t="s">
        <v>50</v>
      </c>
      <c r="U5" s="295" t="s">
        <v>51</v>
      </c>
      <c r="V5" s="301" t="s">
        <v>45</v>
      </c>
      <c r="W5" s="482"/>
      <c r="X5" s="357" t="s">
        <v>43</v>
      </c>
      <c r="Y5" s="295" t="s">
        <v>44</v>
      </c>
      <c r="Z5" s="301" t="s">
        <v>45</v>
      </c>
      <c r="AA5" s="302" t="s">
        <v>83</v>
      </c>
      <c r="AB5" s="295" t="s">
        <v>47</v>
      </c>
      <c r="AC5" s="295" t="s">
        <v>48</v>
      </c>
      <c r="AD5" s="295" t="s">
        <v>49</v>
      </c>
      <c r="AE5" s="295" t="s">
        <v>50</v>
      </c>
      <c r="AF5" s="295" t="s">
        <v>51</v>
      </c>
      <c r="AG5" s="301" t="s">
        <v>45</v>
      </c>
      <c r="AH5" s="482"/>
      <c r="AI5" s="357" t="s">
        <v>43</v>
      </c>
      <c r="AJ5" s="295" t="s">
        <v>44</v>
      </c>
      <c r="AK5" s="301" t="s">
        <v>45</v>
      </c>
      <c r="AL5" s="302" t="s">
        <v>83</v>
      </c>
      <c r="AM5" s="295" t="s">
        <v>47</v>
      </c>
      <c r="AN5" s="295" t="s">
        <v>48</v>
      </c>
      <c r="AO5" s="295" t="s">
        <v>49</v>
      </c>
      <c r="AP5" s="295" t="s">
        <v>50</v>
      </c>
      <c r="AQ5" s="295" t="s">
        <v>51</v>
      </c>
      <c r="AR5" s="301" t="s">
        <v>45</v>
      </c>
      <c r="AS5" s="482"/>
      <c r="AT5" s="357" t="s">
        <v>43</v>
      </c>
      <c r="AU5" s="295" t="s">
        <v>44</v>
      </c>
      <c r="AV5" s="301" t="s">
        <v>45</v>
      </c>
      <c r="AW5" s="302" t="s">
        <v>83</v>
      </c>
      <c r="AX5" s="295" t="s">
        <v>47</v>
      </c>
      <c r="AY5" s="295" t="s">
        <v>48</v>
      </c>
      <c r="AZ5" s="295" t="s">
        <v>49</v>
      </c>
      <c r="BA5" s="295" t="s">
        <v>50</v>
      </c>
      <c r="BB5" s="295" t="s">
        <v>51</v>
      </c>
      <c r="BC5" s="303" t="s">
        <v>45</v>
      </c>
      <c r="BD5" s="482"/>
      <c r="BE5" s="357" t="s">
        <v>43</v>
      </c>
      <c r="BF5" s="295" t="s">
        <v>44</v>
      </c>
      <c r="BG5" s="301" t="s">
        <v>45</v>
      </c>
      <c r="BH5" s="302" t="s">
        <v>83</v>
      </c>
      <c r="BI5" s="295" t="s">
        <v>47</v>
      </c>
      <c r="BJ5" s="295" t="s">
        <v>48</v>
      </c>
      <c r="BK5" s="295" t="s">
        <v>49</v>
      </c>
      <c r="BL5" s="295" t="s">
        <v>50</v>
      </c>
      <c r="BM5" s="295" t="s">
        <v>51</v>
      </c>
      <c r="BN5" s="301" t="s">
        <v>45</v>
      </c>
      <c r="BO5" s="482"/>
      <c r="BP5" s="357" t="s">
        <v>43</v>
      </c>
      <c r="BQ5" s="295" t="s">
        <v>44</v>
      </c>
      <c r="BR5" s="301" t="s">
        <v>45</v>
      </c>
      <c r="BS5" s="302" t="s">
        <v>83</v>
      </c>
      <c r="BT5" s="295" t="s">
        <v>47</v>
      </c>
      <c r="BU5" s="295" t="s">
        <v>48</v>
      </c>
      <c r="BV5" s="295" t="s">
        <v>49</v>
      </c>
      <c r="BW5" s="295" t="s">
        <v>50</v>
      </c>
      <c r="BX5" s="295" t="s">
        <v>51</v>
      </c>
      <c r="BY5" s="301" t="s">
        <v>45</v>
      </c>
      <c r="BZ5" s="482"/>
      <c r="CA5" s="357" t="s">
        <v>43</v>
      </c>
      <c r="CB5" s="295" t="s">
        <v>44</v>
      </c>
      <c r="CC5" s="301" t="s">
        <v>45</v>
      </c>
      <c r="CD5" s="302" t="s">
        <v>83</v>
      </c>
      <c r="CE5" s="295" t="s">
        <v>47</v>
      </c>
      <c r="CF5" s="295" t="s">
        <v>48</v>
      </c>
      <c r="CG5" s="295" t="s">
        <v>49</v>
      </c>
      <c r="CH5" s="295" t="s">
        <v>50</v>
      </c>
      <c r="CI5" s="295" t="s">
        <v>51</v>
      </c>
      <c r="CJ5" s="301" t="s">
        <v>45</v>
      </c>
      <c r="CK5" s="482"/>
      <c r="CL5" s="357" t="s">
        <v>43</v>
      </c>
      <c r="CM5" s="295" t="s">
        <v>44</v>
      </c>
      <c r="CN5" s="301" t="s">
        <v>45</v>
      </c>
      <c r="CO5" s="302" t="s">
        <v>83</v>
      </c>
      <c r="CP5" s="295" t="s">
        <v>47</v>
      </c>
      <c r="CQ5" s="295" t="s">
        <v>48</v>
      </c>
      <c r="CR5" s="295" t="s">
        <v>49</v>
      </c>
      <c r="CS5" s="295" t="s">
        <v>50</v>
      </c>
      <c r="CT5" s="295" t="s">
        <v>51</v>
      </c>
      <c r="CU5" s="301" t="s">
        <v>45</v>
      </c>
      <c r="CV5" s="482"/>
      <c r="CW5" s="357" t="s">
        <v>43</v>
      </c>
      <c r="CX5" s="295" t="s">
        <v>44</v>
      </c>
      <c r="CY5" s="301" t="s">
        <v>45</v>
      </c>
      <c r="CZ5" s="302" t="s">
        <v>83</v>
      </c>
      <c r="DA5" s="295" t="s">
        <v>47</v>
      </c>
      <c r="DB5" s="295" t="s">
        <v>48</v>
      </c>
      <c r="DC5" s="295" t="s">
        <v>49</v>
      </c>
      <c r="DD5" s="295" t="s">
        <v>50</v>
      </c>
      <c r="DE5" s="295" t="s">
        <v>51</v>
      </c>
      <c r="DF5" s="301" t="s">
        <v>45</v>
      </c>
      <c r="DG5" s="482"/>
      <c r="DH5" s="383" t="s">
        <v>43</v>
      </c>
      <c r="DI5" s="295" t="s">
        <v>44</v>
      </c>
      <c r="DJ5" s="301" t="s">
        <v>45</v>
      </c>
      <c r="DK5" s="302" t="s">
        <v>83</v>
      </c>
      <c r="DL5" s="295" t="s">
        <v>47</v>
      </c>
      <c r="DM5" s="295" t="s">
        <v>48</v>
      </c>
      <c r="DN5" s="295" t="s">
        <v>49</v>
      </c>
      <c r="DO5" s="295" t="s">
        <v>50</v>
      </c>
      <c r="DP5" s="295" t="s">
        <v>51</v>
      </c>
      <c r="DQ5" s="301" t="s">
        <v>45</v>
      </c>
      <c r="DR5" s="482"/>
      <c r="DS5" s="357" t="s">
        <v>43</v>
      </c>
      <c r="DT5" s="295" t="s">
        <v>44</v>
      </c>
      <c r="DU5" s="301" t="s">
        <v>45</v>
      </c>
      <c r="DV5" s="302" t="s">
        <v>83</v>
      </c>
      <c r="DW5" s="295" t="s">
        <v>47</v>
      </c>
      <c r="DX5" s="295" t="s">
        <v>48</v>
      </c>
      <c r="DY5" s="295" t="s">
        <v>49</v>
      </c>
      <c r="DZ5" s="295" t="s">
        <v>50</v>
      </c>
      <c r="EA5" s="295" t="s">
        <v>51</v>
      </c>
      <c r="EB5" s="301" t="s">
        <v>45</v>
      </c>
      <c r="EC5" s="482"/>
      <c r="ED5" s="357" t="s">
        <v>43</v>
      </c>
      <c r="EE5" s="295" t="s">
        <v>44</v>
      </c>
      <c r="EF5" s="301" t="s">
        <v>45</v>
      </c>
      <c r="EG5" s="302" t="s">
        <v>83</v>
      </c>
      <c r="EH5" s="295" t="s">
        <v>47</v>
      </c>
      <c r="EI5" s="295" t="s">
        <v>48</v>
      </c>
      <c r="EJ5" s="295" t="s">
        <v>49</v>
      </c>
      <c r="EK5" s="295" t="s">
        <v>50</v>
      </c>
      <c r="EL5" s="295" t="s">
        <v>51</v>
      </c>
      <c r="EM5" s="301" t="s">
        <v>45</v>
      </c>
      <c r="EN5" s="482"/>
      <c r="EO5" s="357" t="s">
        <v>43</v>
      </c>
      <c r="EP5" s="295" t="s">
        <v>44</v>
      </c>
      <c r="EQ5" s="301" t="s">
        <v>45</v>
      </c>
      <c r="ER5" s="302" t="s">
        <v>83</v>
      </c>
      <c r="ES5" s="295" t="s">
        <v>47</v>
      </c>
      <c r="ET5" s="295" t="s">
        <v>48</v>
      </c>
      <c r="EU5" s="295" t="s">
        <v>49</v>
      </c>
      <c r="EV5" s="295" t="s">
        <v>50</v>
      </c>
      <c r="EW5" s="295" t="s">
        <v>51</v>
      </c>
      <c r="EX5" s="301" t="s">
        <v>45</v>
      </c>
      <c r="EY5" s="482"/>
    </row>
    <row r="6" spans="1:155" ht="19.5" customHeight="1" x14ac:dyDescent="0.2">
      <c r="A6" s="296" t="s">
        <v>4</v>
      </c>
      <c r="B6" s="304">
        <v>0</v>
      </c>
      <c r="C6" s="307">
        <v>0</v>
      </c>
      <c r="D6" s="440">
        <v>0</v>
      </c>
      <c r="E6" s="306">
        <v>0</v>
      </c>
      <c r="F6" s="307">
        <v>1318</v>
      </c>
      <c r="G6" s="307">
        <v>1414</v>
      </c>
      <c r="H6" s="307">
        <v>790</v>
      </c>
      <c r="I6" s="307">
        <v>581</v>
      </c>
      <c r="J6" s="307">
        <v>386</v>
      </c>
      <c r="K6" s="308">
        <v>4489</v>
      </c>
      <c r="L6" s="309">
        <v>4489</v>
      </c>
      <c r="M6" s="304">
        <v>0</v>
      </c>
      <c r="N6" s="307">
        <v>3</v>
      </c>
      <c r="O6" s="305">
        <v>3</v>
      </c>
      <c r="P6" s="306">
        <v>0</v>
      </c>
      <c r="Q6" s="307">
        <v>10</v>
      </c>
      <c r="R6" s="307">
        <v>43</v>
      </c>
      <c r="S6" s="307">
        <v>63</v>
      </c>
      <c r="T6" s="307">
        <v>140</v>
      </c>
      <c r="U6" s="307">
        <v>205</v>
      </c>
      <c r="V6" s="305">
        <v>461</v>
      </c>
      <c r="W6" s="309">
        <v>464</v>
      </c>
      <c r="X6" s="304">
        <v>186</v>
      </c>
      <c r="Y6" s="307">
        <v>396</v>
      </c>
      <c r="Z6" s="305">
        <v>582</v>
      </c>
      <c r="AA6" s="306">
        <v>0</v>
      </c>
      <c r="AB6" s="307">
        <v>917</v>
      </c>
      <c r="AC6" s="307">
        <v>1242</v>
      </c>
      <c r="AD6" s="307">
        <v>686</v>
      </c>
      <c r="AE6" s="307">
        <v>589</v>
      </c>
      <c r="AF6" s="307">
        <v>372</v>
      </c>
      <c r="AG6" s="305">
        <v>3806</v>
      </c>
      <c r="AH6" s="309">
        <v>4388</v>
      </c>
      <c r="AI6" s="304">
        <v>22</v>
      </c>
      <c r="AJ6" s="307">
        <v>54</v>
      </c>
      <c r="AK6" s="305">
        <v>76</v>
      </c>
      <c r="AL6" s="306">
        <v>0</v>
      </c>
      <c r="AM6" s="307">
        <v>69</v>
      </c>
      <c r="AN6" s="307">
        <v>133</v>
      </c>
      <c r="AO6" s="307">
        <v>76</v>
      </c>
      <c r="AP6" s="307">
        <v>82</v>
      </c>
      <c r="AQ6" s="307">
        <v>38</v>
      </c>
      <c r="AR6" s="305">
        <v>398</v>
      </c>
      <c r="AS6" s="309">
        <v>474</v>
      </c>
      <c r="AT6" s="304">
        <v>316</v>
      </c>
      <c r="AU6" s="307">
        <v>339</v>
      </c>
      <c r="AV6" s="305">
        <v>655</v>
      </c>
      <c r="AW6" s="306">
        <v>0</v>
      </c>
      <c r="AX6" s="307">
        <v>1357</v>
      </c>
      <c r="AY6" s="307">
        <v>1670</v>
      </c>
      <c r="AZ6" s="307">
        <v>1467</v>
      </c>
      <c r="BA6" s="307">
        <v>1282</v>
      </c>
      <c r="BB6" s="307">
        <v>826</v>
      </c>
      <c r="BC6" s="308">
        <v>6602</v>
      </c>
      <c r="BD6" s="309">
        <v>7257</v>
      </c>
      <c r="BE6" s="304">
        <v>0</v>
      </c>
      <c r="BF6" s="307">
        <v>0</v>
      </c>
      <c r="BG6" s="305">
        <v>0</v>
      </c>
      <c r="BH6" s="306">
        <v>0</v>
      </c>
      <c r="BI6" s="307">
        <v>1694</v>
      </c>
      <c r="BJ6" s="307">
        <v>1488</v>
      </c>
      <c r="BK6" s="307">
        <v>817</v>
      </c>
      <c r="BL6" s="307">
        <v>400</v>
      </c>
      <c r="BM6" s="307">
        <v>168</v>
      </c>
      <c r="BN6" s="305">
        <v>4567</v>
      </c>
      <c r="BO6" s="309">
        <v>4567</v>
      </c>
      <c r="BP6" s="304">
        <v>128</v>
      </c>
      <c r="BQ6" s="307">
        <v>159</v>
      </c>
      <c r="BR6" s="305">
        <v>287</v>
      </c>
      <c r="BS6" s="306">
        <v>0</v>
      </c>
      <c r="BT6" s="307">
        <v>401</v>
      </c>
      <c r="BU6" s="307">
        <v>550</v>
      </c>
      <c r="BV6" s="307">
        <v>332</v>
      </c>
      <c r="BW6" s="307">
        <v>192</v>
      </c>
      <c r="BX6" s="307">
        <v>49</v>
      </c>
      <c r="BY6" s="305">
        <v>1524</v>
      </c>
      <c r="BZ6" s="309">
        <v>1811</v>
      </c>
      <c r="CA6" s="304">
        <v>9</v>
      </c>
      <c r="CB6" s="307">
        <v>20</v>
      </c>
      <c r="CC6" s="305">
        <v>29</v>
      </c>
      <c r="CD6" s="306">
        <v>0</v>
      </c>
      <c r="CE6" s="307">
        <v>179</v>
      </c>
      <c r="CF6" s="307">
        <v>246</v>
      </c>
      <c r="CG6" s="307">
        <v>326</v>
      </c>
      <c r="CH6" s="307">
        <v>232</v>
      </c>
      <c r="CI6" s="307">
        <v>99</v>
      </c>
      <c r="CJ6" s="305">
        <v>1082</v>
      </c>
      <c r="CK6" s="309">
        <v>1111</v>
      </c>
      <c r="CL6" s="304">
        <v>1</v>
      </c>
      <c r="CM6" s="307">
        <v>2</v>
      </c>
      <c r="CN6" s="305">
        <v>3</v>
      </c>
      <c r="CO6" s="306">
        <v>0</v>
      </c>
      <c r="CP6" s="307">
        <v>26</v>
      </c>
      <c r="CQ6" s="307">
        <v>49</v>
      </c>
      <c r="CR6" s="307">
        <v>59</v>
      </c>
      <c r="CS6" s="307">
        <v>37</v>
      </c>
      <c r="CT6" s="307">
        <v>15</v>
      </c>
      <c r="CU6" s="305">
        <v>186</v>
      </c>
      <c r="CV6" s="309">
        <v>189</v>
      </c>
      <c r="CW6" s="304">
        <v>0</v>
      </c>
      <c r="CX6" s="307">
        <v>0</v>
      </c>
      <c r="CY6" s="305">
        <v>0</v>
      </c>
      <c r="CZ6" s="306">
        <v>0</v>
      </c>
      <c r="DA6" s="307">
        <v>0</v>
      </c>
      <c r="DB6" s="307">
        <v>0</v>
      </c>
      <c r="DC6" s="307">
        <v>0</v>
      </c>
      <c r="DD6" s="307">
        <v>0</v>
      </c>
      <c r="DE6" s="307">
        <v>0</v>
      </c>
      <c r="DF6" s="305">
        <v>0</v>
      </c>
      <c r="DG6" s="309">
        <v>0</v>
      </c>
      <c r="DH6" s="304">
        <v>0</v>
      </c>
      <c r="DI6" s="307">
        <v>0</v>
      </c>
      <c r="DJ6" s="305">
        <v>0</v>
      </c>
      <c r="DK6" s="306">
        <v>0</v>
      </c>
      <c r="DL6" s="307">
        <v>0</v>
      </c>
      <c r="DM6" s="307">
        <v>0</v>
      </c>
      <c r="DN6" s="307">
        <v>0</v>
      </c>
      <c r="DO6" s="307">
        <v>0</v>
      </c>
      <c r="DP6" s="307">
        <v>0</v>
      </c>
      <c r="DQ6" s="305">
        <v>0</v>
      </c>
      <c r="DR6" s="309">
        <v>0</v>
      </c>
      <c r="DS6" s="304">
        <v>621</v>
      </c>
      <c r="DT6" s="307">
        <v>1194</v>
      </c>
      <c r="DU6" s="305">
        <v>1815</v>
      </c>
      <c r="DV6" s="306">
        <v>0</v>
      </c>
      <c r="DW6" s="307">
        <v>1859</v>
      </c>
      <c r="DX6" s="307">
        <v>3132</v>
      </c>
      <c r="DY6" s="307">
        <v>1860</v>
      </c>
      <c r="DZ6" s="307">
        <v>1366</v>
      </c>
      <c r="EA6" s="307">
        <v>724</v>
      </c>
      <c r="EB6" s="305">
        <v>8941</v>
      </c>
      <c r="EC6" s="309">
        <v>10756</v>
      </c>
      <c r="ED6" s="304">
        <v>199</v>
      </c>
      <c r="EE6" s="307">
        <v>142</v>
      </c>
      <c r="EF6" s="305">
        <v>341</v>
      </c>
      <c r="EG6" s="306">
        <v>0</v>
      </c>
      <c r="EH6" s="307">
        <v>563</v>
      </c>
      <c r="EI6" s="307">
        <v>529</v>
      </c>
      <c r="EJ6" s="307">
        <v>471</v>
      </c>
      <c r="EK6" s="307">
        <v>461</v>
      </c>
      <c r="EL6" s="307">
        <v>265</v>
      </c>
      <c r="EM6" s="305">
        <v>2289</v>
      </c>
      <c r="EN6" s="309">
        <v>2630</v>
      </c>
      <c r="EO6" s="304">
        <v>907</v>
      </c>
      <c r="EP6" s="307">
        <v>1552</v>
      </c>
      <c r="EQ6" s="305">
        <v>2459</v>
      </c>
      <c r="ER6" s="306">
        <v>0</v>
      </c>
      <c r="ES6" s="307">
        <v>4368</v>
      </c>
      <c r="ET6" s="307">
        <v>4408</v>
      </c>
      <c r="EU6" s="307">
        <v>2265</v>
      </c>
      <c r="EV6" s="307">
        <v>1463</v>
      </c>
      <c r="EW6" s="307">
        <v>762</v>
      </c>
      <c r="EX6" s="305">
        <v>13266</v>
      </c>
      <c r="EY6" s="309">
        <v>15725</v>
      </c>
    </row>
    <row r="7" spans="1:155" ht="19.5" customHeight="1" x14ac:dyDescent="0.2">
      <c r="A7" s="297" t="s">
        <v>5</v>
      </c>
      <c r="B7" s="310">
        <v>0</v>
      </c>
      <c r="C7" s="313">
        <v>0</v>
      </c>
      <c r="D7" s="441">
        <v>0</v>
      </c>
      <c r="E7" s="312">
        <v>0</v>
      </c>
      <c r="F7" s="313">
        <v>520</v>
      </c>
      <c r="G7" s="313">
        <v>717</v>
      </c>
      <c r="H7" s="313">
        <v>377</v>
      </c>
      <c r="I7" s="313">
        <v>254</v>
      </c>
      <c r="J7" s="313">
        <v>158</v>
      </c>
      <c r="K7" s="314">
        <v>2026</v>
      </c>
      <c r="L7" s="315">
        <v>2026</v>
      </c>
      <c r="M7" s="310">
        <v>0</v>
      </c>
      <c r="N7" s="313">
        <v>1</v>
      </c>
      <c r="O7" s="311">
        <v>1</v>
      </c>
      <c r="P7" s="312">
        <v>0</v>
      </c>
      <c r="Q7" s="313">
        <v>4</v>
      </c>
      <c r="R7" s="313">
        <v>21</v>
      </c>
      <c r="S7" s="313">
        <v>28</v>
      </c>
      <c r="T7" s="313">
        <v>63</v>
      </c>
      <c r="U7" s="313">
        <v>93</v>
      </c>
      <c r="V7" s="311">
        <v>209</v>
      </c>
      <c r="W7" s="315">
        <v>210</v>
      </c>
      <c r="X7" s="310">
        <v>92</v>
      </c>
      <c r="Y7" s="313">
        <v>208</v>
      </c>
      <c r="Z7" s="311">
        <v>300</v>
      </c>
      <c r="AA7" s="312">
        <v>0</v>
      </c>
      <c r="AB7" s="313">
        <v>355</v>
      </c>
      <c r="AC7" s="313">
        <v>665</v>
      </c>
      <c r="AD7" s="313">
        <v>350</v>
      </c>
      <c r="AE7" s="313">
        <v>267</v>
      </c>
      <c r="AF7" s="313">
        <v>158</v>
      </c>
      <c r="AG7" s="311">
        <v>1795</v>
      </c>
      <c r="AH7" s="315">
        <v>2095</v>
      </c>
      <c r="AI7" s="310">
        <v>10</v>
      </c>
      <c r="AJ7" s="313">
        <v>29</v>
      </c>
      <c r="AK7" s="311">
        <v>39</v>
      </c>
      <c r="AL7" s="312">
        <v>0</v>
      </c>
      <c r="AM7" s="313">
        <v>15</v>
      </c>
      <c r="AN7" s="313">
        <v>62</v>
      </c>
      <c r="AO7" s="313">
        <v>33</v>
      </c>
      <c r="AP7" s="313">
        <v>32</v>
      </c>
      <c r="AQ7" s="313">
        <v>14</v>
      </c>
      <c r="AR7" s="311">
        <v>156</v>
      </c>
      <c r="AS7" s="315">
        <v>195</v>
      </c>
      <c r="AT7" s="310">
        <v>139</v>
      </c>
      <c r="AU7" s="313">
        <v>172</v>
      </c>
      <c r="AV7" s="311">
        <v>311</v>
      </c>
      <c r="AW7" s="312">
        <v>0</v>
      </c>
      <c r="AX7" s="313">
        <v>468</v>
      </c>
      <c r="AY7" s="313">
        <v>776</v>
      </c>
      <c r="AZ7" s="313">
        <v>661</v>
      </c>
      <c r="BA7" s="313">
        <v>522</v>
      </c>
      <c r="BB7" s="313">
        <v>366</v>
      </c>
      <c r="BC7" s="314">
        <v>2793</v>
      </c>
      <c r="BD7" s="315">
        <v>3104</v>
      </c>
      <c r="BE7" s="310">
        <v>0</v>
      </c>
      <c r="BF7" s="313">
        <v>0</v>
      </c>
      <c r="BG7" s="311">
        <v>0</v>
      </c>
      <c r="BH7" s="312">
        <v>0</v>
      </c>
      <c r="BI7" s="313">
        <v>605</v>
      </c>
      <c r="BJ7" s="313">
        <v>652</v>
      </c>
      <c r="BK7" s="313">
        <v>344</v>
      </c>
      <c r="BL7" s="313">
        <v>148</v>
      </c>
      <c r="BM7" s="313">
        <v>63</v>
      </c>
      <c r="BN7" s="311">
        <v>1812</v>
      </c>
      <c r="BO7" s="315">
        <v>1812</v>
      </c>
      <c r="BP7" s="310">
        <v>64</v>
      </c>
      <c r="BQ7" s="313">
        <v>91</v>
      </c>
      <c r="BR7" s="311">
        <v>155</v>
      </c>
      <c r="BS7" s="312">
        <v>0</v>
      </c>
      <c r="BT7" s="313">
        <v>154</v>
      </c>
      <c r="BU7" s="313">
        <v>258</v>
      </c>
      <c r="BV7" s="313">
        <v>170</v>
      </c>
      <c r="BW7" s="313">
        <v>83</v>
      </c>
      <c r="BX7" s="313">
        <v>16</v>
      </c>
      <c r="BY7" s="311">
        <v>681</v>
      </c>
      <c r="BZ7" s="315">
        <v>836</v>
      </c>
      <c r="CA7" s="310">
        <v>3</v>
      </c>
      <c r="CB7" s="313">
        <v>10</v>
      </c>
      <c r="CC7" s="311">
        <v>13</v>
      </c>
      <c r="CD7" s="312">
        <v>0</v>
      </c>
      <c r="CE7" s="313">
        <v>57</v>
      </c>
      <c r="CF7" s="313">
        <v>91</v>
      </c>
      <c r="CG7" s="313">
        <v>141</v>
      </c>
      <c r="CH7" s="313">
        <v>88</v>
      </c>
      <c r="CI7" s="313">
        <v>34</v>
      </c>
      <c r="CJ7" s="311">
        <v>411</v>
      </c>
      <c r="CK7" s="315">
        <v>424</v>
      </c>
      <c r="CL7" s="310">
        <v>1</v>
      </c>
      <c r="CM7" s="313">
        <v>1</v>
      </c>
      <c r="CN7" s="311">
        <v>2</v>
      </c>
      <c r="CO7" s="312">
        <v>0</v>
      </c>
      <c r="CP7" s="313">
        <v>13</v>
      </c>
      <c r="CQ7" s="313">
        <v>29</v>
      </c>
      <c r="CR7" s="313">
        <v>33</v>
      </c>
      <c r="CS7" s="313">
        <v>14</v>
      </c>
      <c r="CT7" s="313">
        <v>13</v>
      </c>
      <c r="CU7" s="311">
        <v>102</v>
      </c>
      <c r="CV7" s="315">
        <v>104</v>
      </c>
      <c r="CW7" s="310">
        <v>0</v>
      </c>
      <c r="CX7" s="313">
        <v>0</v>
      </c>
      <c r="CY7" s="311">
        <v>0</v>
      </c>
      <c r="CZ7" s="312">
        <v>0</v>
      </c>
      <c r="DA7" s="313">
        <v>0</v>
      </c>
      <c r="DB7" s="313">
        <v>0</v>
      </c>
      <c r="DC7" s="313">
        <v>0</v>
      </c>
      <c r="DD7" s="313">
        <v>0</v>
      </c>
      <c r="DE7" s="313">
        <v>0</v>
      </c>
      <c r="DF7" s="311">
        <v>0</v>
      </c>
      <c r="DG7" s="315">
        <v>0</v>
      </c>
      <c r="DH7" s="310">
        <v>0</v>
      </c>
      <c r="DI7" s="313">
        <v>0</v>
      </c>
      <c r="DJ7" s="311">
        <v>0</v>
      </c>
      <c r="DK7" s="312">
        <v>0</v>
      </c>
      <c r="DL7" s="313">
        <v>0</v>
      </c>
      <c r="DM7" s="313">
        <v>0</v>
      </c>
      <c r="DN7" s="313">
        <v>0</v>
      </c>
      <c r="DO7" s="313">
        <v>0</v>
      </c>
      <c r="DP7" s="313">
        <v>0</v>
      </c>
      <c r="DQ7" s="311">
        <v>0</v>
      </c>
      <c r="DR7" s="315">
        <v>0</v>
      </c>
      <c r="DS7" s="310">
        <v>247</v>
      </c>
      <c r="DT7" s="313">
        <v>562</v>
      </c>
      <c r="DU7" s="311">
        <v>809</v>
      </c>
      <c r="DV7" s="312">
        <v>0</v>
      </c>
      <c r="DW7" s="313">
        <v>564</v>
      </c>
      <c r="DX7" s="313">
        <v>1413</v>
      </c>
      <c r="DY7" s="313">
        <v>823</v>
      </c>
      <c r="DZ7" s="313">
        <v>578</v>
      </c>
      <c r="EA7" s="313">
        <v>310</v>
      </c>
      <c r="EB7" s="311">
        <v>3688</v>
      </c>
      <c r="EC7" s="315">
        <v>4497</v>
      </c>
      <c r="ED7" s="310">
        <v>84</v>
      </c>
      <c r="EE7" s="313">
        <v>63</v>
      </c>
      <c r="EF7" s="311">
        <v>147</v>
      </c>
      <c r="EG7" s="312">
        <v>0</v>
      </c>
      <c r="EH7" s="313">
        <v>209</v>
      </c>
      <c r="EI7" s="313">
        <v>252</v>
      </c>
      <c r="EJ7" s="313">
        <v>238</v>
      </c>
      <c r="EK7" s="313">
        <v>207</v>
      </c>
      <c r="EL7" s="313">
        <v>126</v>
      </c>
      <c r="EM7" s="311">
        <v>1032</v>
      </c>
      <c r="EN7" s="315">
        <v>1179</v>
      </c>
      <c r="EO7" s="310">
        <v>389</v>
      </c>
      <c r="EP7" s="313">
        <v>757</v>
      </c>
      <c r="EQ7" s="311">
        <v>1146</v>
      </c>
      <c r="ER7" s="312">
        <v>0</v>
      </c>
      <c r="ES7" s="313">
        <v>1592</v>
      </c>
      <c r="ET7" s="313">
        <v>2080</v>
      </c>
      <c r="EU7" s="313">
        <v>1024</v>
      </c>
      <c r="EV7" s="313">
        <v>629</v>
      </c>
      <c r="EW7" s="313">
        <v>319</v>
      </c>
      <c r="EX7" s="311">
        <v>5644</v>
      </c>
      <c r="EY7" s="315">
        <v>6790</v>
      </c>
    </row>
    <row r="8" spans="1:155" ht="19.5" customHeight="1" x14ac:dyDescent="0.2">
      <c r="A8" s="297" t="s">
        <v>6</v>
      </c>
      <c r="B8" s="310">
        <v>0</v>
      </c>
      <c r="C8" s="313">
        <v>0</v>
      </c>
      <c r="D8" s="441">
        <v>0</v>
      </c>
      <c r="E8" s="312">
        <v>0</v>
      </c>
      <c r="F8" s="313">
        <v>201</v>
      </c>
      <c r="G8" s="313">
        <v>144</v>
      </c>
      <c r="H8" s="313">
        <v>89</v>
      </c>
      <c r="I8" s="313">
        <v>84</v>
      </c>
      <c r="J8" s="313">
        <v>60</v>
      </c>
      <c r="K8" s="314">
        <v>578</v>
      </c>
      <c r="L8" s="315">
        <v>578</v>
      </c>
      <c r="M8" s="310">
        <v>0</v>
      </c>
      <c r="N8" s="313">
        <v>0</v>
      </c>
      <c r="O8" s="311">
        <v>0</v>
      </c>
      <c r="P8" s="312">
        <v>0</v>
      </c>
      <c r="Q8" s="313">
        <v>1</v>
      </c>
      <c r="R8" s="313">
        <v>5</v>
      </c>
      <c r="S8" s="313">
        <v>6</v>
      </c>
      <c r="T8" s="313">
        <v>13</v>
      </c>
      <c r="U8" s="313">
        <v>29</v>
      </c>
      <c r="V8" s="311">
        <v>54</v>
      </c>
      <c r="W8" s="315">
        <v>54</v>
      </c>
      <c r="X8" s="310">
        <v>26</v>
      </c>
      <c r="Y8" s="313">
        <v>40</v>
      </c>
      <c r="Z8" s="311">
        <v>66</v>
      </c>
      <c r="AA8" s="312">
        <v>0</v>
      </c>
      <c r="AB8" s="313">
        <v>137</v>
      </c>
      <c r="AC8" s="313">
        <v>135</v>
      </c>
      <c r="AD8" s="313">
        <v>70</v>
      </c>
      <c r="AE8" s="313">
        <v>75</v>
      </c>
      <c r="AF8" s="313">
        <v>59</v>
      </c>
      <c r="AG8" s="311">
        <v>476</v>
      </c>
      <c r="AH8" s="315">
        <v>542</v>
      </c>
      <c r="AI8" s="310">
        <v>2</v>
      </c>
      <c r="AJ8" s="313">
        <v>0</v>
      </c>
      <c r="AK8" s="311">
        <v>2</v>
      </c>
      <c r="AL8" s="312">
        <v>0</v>
      </c>
      <c r="AM8" s="313">
        <v>12</v>
      </c>
      <c r="AN8" s="313">
        <v>16</v>
      </c>
      <c r="AO8" s="313">
        <v>7</v>
      </c>
      <c r="AP8" s="313">
        <v>12</v>
      </c>
      <c r="AQ8" s="313">
        <v>6</v>
      </c>
      <c r="AR8" s="311">
        <v>53</v>
      </c>
      <c r="AS8" s="315">
        <v>55</v>
      </c>
      <c r="AT8" s="310">
        <v>67</v>
      </c>
      <c r="AU8" s="313">
        <v>39</v>
      </c>
      <c r="AV8" s="311">
        <v>106</v>
      </c>
      <c r="AW8" s="312">
        <v>0</v>
      </c>
      <c r="AX8" s="313">
        <v>227</v>
      </c>
      <c r="AY8" s="313">
        <v>215</v>
      </c>
      <c r="AZ8" s="313">
        <v>195</v>
      </c>
      <c r="BA8" s="313">
        <v>204</v>
      </c>
      <c r="BB8" s="313">
        <v>128</v>
      </c>
      <c r="BC8" s="314">
        <v>969</v>
      </c>
      <c r="BD8" s="315">
        <v>1075</v>
      </c>
      <c r="BE8" s="310">
        <v>0</v>
      </c>
      <c r="BF8" s="313">
        <v>0</v>
      </c>
      <c r="BG8" s="311">
        <v>0</v>
      </c>
      <c r="BH8" s="312">
        <v>0</v>
      </c>
      <c r="BI8" s="313">
        <v>243</v>
      </c>
      <c r="BJ8" s="313">
        <v>174</v>
      </c>
      <c r="BK8" s="313">
        <v>94</v>
      </c>
      <c r="BL8" s="313">
        <v>55</v>
      </c>
      <c r="BM8" s="313">
        <v>22</v>
      </c>
      <c r="BN8" s="311">
        <v>588</v>
      </c>
      <c r="BO8" s="315">
        <v>588</v>
      </c>
      <c r="BP8" s="310">
        <v>7</v>
      </c>
      <c r="BQ8" s="313">
        <v>9</v>
      </c>
      <c r="BR8" s="311">
        <v>16</v>
      </c>
      <c r="BS8" s="312">
        <v>0</v>
      </c>
      <c r="BT8" s="313">
        <v>47</v>
      </c>
      <c r="BU8" s="313">
        <v>65</v>
      </c>
      <c r="BV8" s="313">
        <v>32</v>
      </c>
      <c r="BW8" s="313">
        <v>24</v>
      </c>
      <c r="BX8" s="313">
        <v>9</v>
      </c>
      <c r="BY8" s="311">
        <v>177</v>
      </c>
      <c r="BZ8" s="315">
        <v>193</v>
      </c>
      <c r="CA8" s="310">
        <v>1</v>
      </c>
      <c r="CB8" s="313">
        <v>0</v>
      </c>
      <c r="CC8" s="311">
        <v>1</v>
      </c>
      <c r="CD8" s="312">
        <v>0</v>
      </c>
      <c r="CE8" s="313">
        <v>25</v>
      </c>
      <c r="CF8" s="313">
        <v>23</v>
      </c>
      <c r="CG8" s="313">
        <v>27</v>
      </c>
      <c r="CH8" s="313">
        <v>22</v>
      </c>
      <c r="CI8" s="313">
        <v>15</v>
      </c>
      <c r="CJ8" s="311">
        <v>112</v>
      </c>
      <c r="CK8" s="315">
        <v>113</v>
      </c>
      <c r="CL8" s="310">
        <v>0</v>
      </c>
      <c r="CM8" s="313">
        <v>0</v>
      </c>
      <c r="CN8" s="311">
        <v>0</v>
      </c>
      <c r="CO8" s="312">
        <v>0</v>
      </c>
      <c r="CP8" s="313">
        <v>5</v>
      </c>
      <c r="CQ8" s="313">
        <v>6</v>
      </c>
      <c r="CR8" s="313">
        <v>8</v>
      </c>
      <c r="CS8" s="313">
        <v>8</v>
      </c>
      <c r="CT8" s="313">
        <v>0</v>
      </c>
      <c r="CU8" s="311">
        <v>27</v>
      </c>
      <c r="CV8" s="315">
        <v>27</v>
      </c>
      <c r="CW8" s="310">
        <v>0</v>
      </c>
      <c r="CX8" s="313">
        <v>0</v>
      </c>
      <c r="CY8" s="311">
        <v>0</v>
      </c>
      <c r="CZ8" s="312">
        <v>0</v>
      </c>
      <c r="DA8" s="313">
        <v>0</v>
      </c>
      <c r="DB8" s="313">
        <v>0</v>
      </c>
      <c r="DC8" s="313">
        <v>0</v>
      </c>
      <c r="DD8" s="313">
        <v>0</v>
      </c>
      <c r="DE8" s="313">
        <v>0</v>
      </c>
      <c r="DF8" s="311">
        <v>0</v>
      </c>
      <c r="DG8" s="315">
        <v>0</v>
      </c>
      <c r="DH8" s="310">
        <v>0</v>
      </c>
      <c r="DI8" s="313">
        <v>0</v>
      </c>
      <c r="DJ8" s="311">
        <v>0</v>
      </c>
      <c r="DK8" s="312">
        <v>0</v>
      </c>
      <c r="DL8" s="313">
        <v>0</v>
      </c>
      <c r="DM8" s="313">
        <v>0</v>
      </c>
      <c r="DN8" s="313">
        <v>0</v>
      </c>
      <c r="DO8" s="313">
        <v>0</v>
      </c>
      <c r="DP8" s="313">
        <v>0</v>
      </c>
      <c r="DQ8" s="311">
        <v>0</v>
      </c>
      <c r="DR8" s="315">
        <v>0</v>
      </c>
      <c r="DS8" s="310">
        <v>77</v>
      </c>
      <c r="DT8" s="313">
        <v>119</v>
      </c>
      <c r="DU8" s="311">
        <v>196</v>
      </c>
      <c r="DV8" s="312">
        <v>0</v>
      </c>
      <c r="DW8" s="313">
        <v>309</v>
      </c>
      <c r="DX8" s="313">
        <v>358</v>
      </c>
      <c r="DY8" s="313">
        <v>210</v>
      </c>
      <c r="DZ8" s="313">
        <v>188</v>
      </c>
      <c r="EA8" s="313">
        <v>113</v>
      </c>
      <c r="EB8" s="311">
        <v>1178</v>
      </c>
      <c r="EC8" s="315">
        <v>1374</v>
      </c>
      <c r="ED8" s="310">
        <v>45</v>
      </c>
      <c r="EE8" s="313">
        <v>13</v>
      </c>
      <c r="EF8" s="311">
        <v>58</v>
      </c>
      <c r="EG8" s="312">
        <v>0</v>
      </c>
      <c r="EH8" s="313">
        <v>72</v>
      </c>
      <c r="EI8" s="313">
        <v>60</v>
      </c>
      <c r="EJ8" s="313">
        <v>50</v>
      </c>
      <c r="EK8" s="313">
        <v>64</v>
      </c>
      <c r="EL8" s="313">
        <v>33</v>
      </c>
      <c r="EM8" s="311">
        <v>279</v>
      </c>
      <c r="EN8" s="315">
        <v>337</v>
      </c>
      <c r="EO8" s="310">
        <v>106</v>
      </c>
      <c r="EP8" s="313">
        <v>149</v>
      </c>
      <c r="EQ8" s="311">
        <v>255</v>
      </c>
      <c r="ER8" s="312">
        <v>0</v>
      </c>
      <c r="ES8" s="313">
        <v>612</v>
      </c>
      <c r="ET8" s="313">
        <v>482</v>
      </c>
      <c r="EU8" s="313">
        <v>248</v>
      </c>
      <c r="EV8" s="313">
        <v>194</v>
      </c>
      <c r="EW8" s="313">
        <v>119</v>
      </c>
      <c r="EX8" s="311">
        <v>1655</v>
      </c>
      <c r="EY8" s="315">
        <v>1910</v>
      </c>
    </row>
    <row r="9" spans="1:155" ht="19.5" customHeight="1" x14ac:dyDescent="0.2">
      <c r="A9" s="297" t="s">
        <v>14</v>
      </c>
      <c r="B9" s="310">
        <v>0</v>
      </c>
      <c r="C9" s="313">
        <v>0</v>
      </c>
      <c r="D9" s="441">
        <v>0</v>
      </c>
      <c r="E9" s="312">
        <v>0</v>
      </c>
      <c r="F9" s="313">
        <v>77</v>
      </c>
      <c r="G9" s="313">
        <v>94</v>
      </c>
      <c r="H9" s="313">
        <v>46</v>
      </c>
      <c r="I9" s="313">
        <v>26</v>
      </c>
      <c r="J9" s="313">
        <v>21</v>
      </c>
      <c r="K9" s="314">
        <v>264</v>
      </c>
      <c r="L9" s="315">
        <v>264</v>
      </c>
      <c r="M9" s="310">
        <v>0</v>
      </c>
      <c r="N9" s="313">
        <v>1</v>
      </c>
      <c r="O9" s="311">
        <v>1</v>
      </c>
      <c r="P9" s="312">
        <v>0</v>
      </c>
      <c r="Q9" s="313">
        <v>0</v>
      </c>
      <c r="R9" s="313">
        <v>1</v>
      </c>
      <c r="S9" s="313">
        <v>5</v>
      </c>
      <c r="T9" s="313">
        <v>6</v>
      </c>
      <c r="U9" s="313">
        <v>6</v>
      </c>
      <c r="V9" s="311">
        <v>18</v>
      </c>
      <c r="W9" s="315">
        <v>19</v>
      </c>
      <c r="X9" s="310">
        <v>5</v>
      </c>
      <c r="Y9" s="313">
        <v>28</v>
      </c>
      <c r="Z9" s="311">
        <v>33</v>
      </c>
      <c r="AA9" s="312">
        <v>0</v>
      </c>
      <c r="AB9" s="313">
        <v>57</v>
      </c>
      <c r="AC9" s="313">
        <v>75</v>
      </c>
      <c r="AD9" s="313">
        <v>58</v>
      </c>
      <c r="AE9" s="313">
        <v>42</v>
      </c>
      <c r="AF9" s="313">
        <v>21</v>
      </c>
      <c r="AG9" s="311">
        <v>253</v>
      </c>
      <c r="AH9" s="315">
        <v>286</v>
      </c>
      <c r="AI9" s="310">
        <v>1</v>
      </c>
      <c r="AJ9" s="313">
        <v>3</v>
      </c>
      <c r="AK9" s="311">
        <v>4</v>
      </c>
      <c r="AL9" s="312">
        <v>0</v>
      </c>
      <c r="AM9" s="313">
        <v>1</v>
      </c>
      <c r="AN9" s="313">
        <v>1</v>
      </c>
      <c r="AO9" s="313">
        <v>2</v>
      </c>
      <c r="AP9" s="313">
        <v>3</v>
      </c>
      <c r="AQ9" s="313">
        <v>2</v>
      </c>
      <c r="AR9" s="311">
        <v>9</v>
      </c>
      <c r="AS9" s="315">
        <v>13</v>
      </c>
      <c r="AT9" s="310">
        <v>17</v>
      </c>
      <c r="AU9" s="313">
        <v>27</v>
      </c>
      <c r="AV9" s="311">
        <v>44</v>
      </c>
      <c r="AW9" s="312">
        <v>0</v>
      </c>
      <c r="AX9" s="313">
        <v>102</v>
      </c>
      <c r="AY9" s="313">
        <v>119</v>
      </c>
      <c r="AZ9" s="313">
        <v>110</v>
      </c>
      <c r="BA9" s="313">
        <v>85</v>
      </c>
      <c r="BB9" s="313">
        <v>51</v>
      </c>
      <c r="BC9" s="314">
        <v>467</v>
      </c>
      <c r="BD9" s="315">
        <v>511</v>
      </c>
      <c r="BE9" s="310">
        <v>0</v>
      </c>
      <c r="BF9" s="313">
        <v>0</v>
      </c>
      <c r="BG9" s="311">
        <v>0</v>
      </c>
      <c r="BH9" s="312">
        <v>0</v>
      </c>
      <c r="BI9" s="313">
        <v>130</v>
      </c>
      <c r="BJ9" s="313">
        <v>109</v>
      </c>
      <c r="BK9" s="313">
        <v>63</v>
      </c>
      <c r="BL9" s="313">
        <v>47</v>
      </c>
      <c r="BM9" s="313">
        <v>12</v>
      </c>
      <c r="BN9" s="311">
        <v>361</v>
      </c>
      <c r="BO9" s="315">
        <v>361</v>
      </c>
      <c r="BP9" s="310">
        <v>4</v>
      </c>
      <c r="BQ9" s="313">
        <v>12</v>
      </c>
      <c r="BR9" s="311">
        <v>16</v>
      </c>
      <c r="BS9" s="312">
        <v>0</v>
      </c>
      <c r="BT9" s="313">
        <v>6</v>
      </c>
      <c r="BU9" s="313">
        <v>28</v>
      </c>
      <c r="BV9" s="313">
        <v>20</v>
      </c>
      <c r="BW9" s="313">
        <v>10</v>
      </c>
      <c r="BX9" s="313">
        <v>2</v>
      </c>
      <c r="BY9" s="311">
        <v>66</v>
      </c>
      <c r="BZ9" s="315">
        <v>82</v>
      </c>
      <c r="CA9" s="310">
        <v>1</v>
      </c>
      <c r="CB9" s="313">
        <v>1</v>
      </c>
      <c r="CC9" s="311">
        <v>2</v>
      </c>
      <c r="CD9" s="312">
        <v>0</v>
      </c>
      <c r="CE9" s="313">
        <v>18</v>
      </c>
      <c r="CF9" s="313">
        <v>21</v>
      </c>
      <c r="CG9" s="313">
        <v>25</v>
      </c>
      <c r="CH9" s="313">
        <v>21</v>
      </c>
      <c r="CI9" s="313">
        <v>8</v>
      </c>
      <c r="CJ9" s="311">
        <v>93</v>
      </c>
      <c r="CK9" s="315">
        <v>95</v>
      </c>
      <c r="CL9" s="310">
        <v>0</v>
      </c>
      <c r="CM9" s="313">
        <v>0</v>
      </c>
      <c r="CN9" s="311">
        <v>0</v>
      </c>
      <c r="CO9" s="312">
        <v>0</v>
      </c>
      <c r="CP9" s="313">
        <v>1</v>
      </c>
      <c r="CQ9" s="313">
        <v>1</v>
      </c>
      <c r="CR9" s="313">
        <v>1</v>
      </c>
      <c r="CS9" s="313">
        <v>2</v>
      </c>
      <c r="CT9" s="313">
        <v>0</v>
      </c>
      <c r="CU9" s="311">
        <v>5</v>
      </c>
      <c r="CV9" s="315">
        <v>5</v>
      </c>
      <c r="CW9" s="310">
        <v>0</v>
      </c>
      <c r="CX9" s="313">
        <v>0</v>
      </c>
      <c r="CY9" s="311">
        <v>0</v>
      </c>
      <c r="CZ9" s="312">
        <v>0</v>
      </c>
      <c r="DA9" s="313">
        <v>0</v>
      </c>
      <c r="DB9" s="313">
        <v>0</v>
      </c>
      <c r="DC9" s="313">
        <v>0</v>
      </c>
      <c r="DD9" s="313">
        <v>0</v>
      </c>
      <c r="DE9" s="313">
        <v>0</v>
      </c>
      <c r="DF9" s="311">
        <v>0</v>
      </c>
      <c r="DG9" s="315">
        <v>0</v>
      </c>
      <c r="DH9" s="310">
        <v>0</v>
      </c>
      <c r="DI9" s="313">
        <v>0</v>
      </c>
      <c r="DJ9" s="311">
        <v>0</v>
      </c>
      <c r="DK9" s="312">
        <v>0</v>
      </c>
      <c r="DL9" s="313">
        <v>0</v>
      </c>
      <c r="DM9" s="313">
        <v>0</v>
      </c>
      <c r="DN9" s="313">
        <v>0</v>
      </c>
      <c r="DO9" s="313">
        <v>0</v>
      </c>
      <c r="DP9" s="313">
        <v>0</v>
      </c>
      <c r="DQ9" s="311">
        <v>0</v>
      </c>
      <c r="DR9" s="315">
        <v>0</v>
      </c>
      <c r="DS9" s="310">
        <v>38</v>
      </c>
      <c r="DT9" s="313">
        <v>104</v>
      </c>
      <c r="DU9" s="311">
        <v>142</v>
      </c>
      <c r="DV9" s="312">
        <v>0</v>
      </c>
      <c r="DW9" s="313">
        <v>108</v>
      </c>
      <c r="DX9" s="313">
        <v>236</v>
      </c>
      <c r="DY9" s="313">
        <v>142</v>
      </c>
      <c r="DZ9" s="313">
        <v>100</v>
      </c>
      <c r="EA9" s="313">
        <v>42</v>
      </c>
      <c r="EB9" s="311">
        <v>628</v>
      </c>
      <c r="EC9" s="315">
        <v>770</v>
      </c>
      <c r="ED9" s="310">
        <v>13</v>
      </c>
      <c r="EE9" s="313">
        <v>12</v>
      </c>
      <c r="EF9" s="311">
        <v>25</v>
      </c>
      <c r="EG9" s="312">
        <v>0</v>
      </c>
      <c r="EH9" s="313">
        <v>39</v>
      </c>
      <c r="EI9" s="313">
        <v>35</v>
      </c>
      <c r="EJ9" s="313">
        <v>26</v>
      </c>
      <c r="EK9" s="313">
        <v>27</v>
      </c>
      <c r="EL9" s="313">
        <v>20</v>
      </c>
      <c r="EM9" s="311">
        <v>147</v>
      </c>
      <c r="EN9" s="315">
        <v>172</v>
      </c>
      <c r="EO9" s="310">
        <v>47</v>
      </c>
      <c r="EP9" s="313">
        <v>123</v>
      </c>
      <c r="EQ9" s="311">
        <v>170</v>
      </c>
      <c r="ER9" s="312">
        <v>0</v>
      </c>
      <c r="ES9" s="313">
        <v>301</v>
      </c>
      <c r="ET9" s="313">
        <v>325</v>
      </c>
      <c r="EU9" s="313">
        <v>175</v>
      </c>
      <c r="EV9" s="313">
        <v>105</v>
      </c>
      <c r="EW9" s="313">
        <v>48</v>
      </c>
      <c r="EX9" s="311">
        <v>954</v>
      </c>
      <c r="EY9" s="315">
        <v>1124</v>
      </c>
    </row>
    <row r="10" spans="1:155" ht="19.5" customHeight="1" x14ac:dyDescent="0.2">
      <c r="A10" s="297" t="s">
        <v>7</v>
      </c>
      <c r="B10" s="310">
        <v>0</v>
      </c>
      <c r="C10" s="313">
        <v>0</v>
      </c>
      <c r="D10" s="441">
        <v>0</v>
      </c>
      <c r="E10" s="312">
        <v>0</v>
      </c>
      <c r="F10" s="313">
        <v>120</v>
      </c>
      <c r="G10" s="313">
        <v>104</v>
      </c>
      <c r="H10" s="313">
        <v>54</v>
      </c>
      <c r="I10" s="313">
        <v>37</v>
      </c>
      <c r="J10" s="313">
        <v>22</v>
      </c>
      <c r="K10" s="314">
        <v>337</v>
      </c>
      <c r="L10" s="315">
        <v>337</v>
      </c>
      <c r="M10" s="310">
        <v>0</v>
      </c>
      <c r="N10" s="313">
        <v>0</v>
      </c>
      <c r="O10" s="311">
        <v>0</v>
      </c>
      <c r="P10" s="312">
        <v>0</v>
      </c>
      <c r="Q10" s="313">
        <v>2</v>
      </c>
      <c r="R10" s="313">
        <v>4</v>
      </c>
      <c r="S10" s="313">
        <v>8</v>
      </c>
      <c r="T10" s="313">
        <v>8</v>
      </c>
      <c r="U10" s="313">
        <v>12</v>
      </c>
      <c r="V10" s="311">
        <v>34</v>
      </c>
      <c r="W10" s="315">
        <v>34</v>
      </c>
      <c r="X10" s="310">
        <v>1</v>
      </c>
      <c r="Y10" s="313">
        <v>4</v>
      </c>
      <c r="Z10" s="311">
        <v>5</v>
      </c>
      <c r="AA10" s="312">
        <v>0</v>
      </c>
      <c r="AB10" s="313">
        <v>53</v>
      </c>
      <c r="AC10" s="313">
        <v>50</v>
      </c>
      <c r="AD10" s="313">
        <v>34</v>
      </c>
      <c r="AE10" s="313">
        <v>20</v>
      </c>
      <c r="AF10" s="313">
        <v>12</v>
      </c>
      <c r="AG10" s="311">
        <v>169</v>
      </c>
      <c r="AH10" s="315">
        <v>174</v>
      </c>
      <c r="AI10" s="310">
        <v>0</v>
      </c>
      <c r="AJ10" s="313">
        <v>1</v>
      </c>
      <c r="AK10" s="311">
        <v>1</v>
      </c>
      <c r="AL10" s="312">
        <v>0</v>
      </c>
      <c r="AM10" s="313">
        <v>2</v>
      </c>
      <c r="AN10" s="313">
        <v>5</v>
      </c>
      <c r="AO10" s="313">
        <v>3</v>
      </c>
      <c r="AP10" s="313">
        <v>6</v>
      </c>
      <c r="AQ10" s="313">
        <v>2</v>
      </c>
      <c r="AR10" s="311">
        <v>18</v>
      </c>
      <c r="AS10" s="315">
        <v>19</v>
      </c>
      <c r="AT10" s="310">
        <v>18</v>
      </c>
      <c r="AU10" s="313">
        <v>10</v>
      </c>
      <c r="AV10" s="311">
        <v>28</v>
      </c>
      <c r="AW10" s="312">
        <v>0</v>
      </c>
      <c r="AX10" s="313">
        <v>126</v>
      </c>
      <c r="AY10" s="313">
        <v>110</v>
      </c>
      <c r="AZ10" s="313">
        <v>111</v>
      </c>
      <c r="BA10" s="313">
        <v>80</v>
      </c>
      <c r="BB10" s="313">
        <v>43</v>
      </c>
      <c r="BC10" s="314">
        <v>470</v>
      </c>
      <c r="BD10" s="315">
        <v>498</v>
      </c>
      <c r="BE10" s="310">
        <v>0</v>
      </c>
      <c r="BF10" s="313">
        <v>0</v>
      </c>
      <c r="BG10" s="311">
        <v>0</v>
      </c>
      <c r="BH10" s="312">
        <v>0</v>
      </c>
      <c r="BI10" s="313">
        <v>141</v>
      </c>
      <c r="BJ10" s="313">
        <v>108</v>
      </c>
      <c r="BK10" s="313">
        <v>52</v>
      </c>
      <c r="BL10" s="313">
        <v>25</v>
      </c>
      <c r="BM10" s="313">
        <v>11</v>
      </c>
      <c r="BN10" s="311">
        <v>337</v>
      </c>
      <c r="BO10" s="315">
        <v>337</v>
      </c>
      <c r="BP10" s="310">
        <v>3</v>
      </c>
      <c r="BQ10" s="313">
        <v>2</v>
      </c>
      <c r="BR10" s="311">
        <v>5</v>
      </c>
      <c r="BS10" s="312">
        <v>0</v>
      </c>
      <c r="BT10" s="313">
        <v>24</v>
      </c>
      <c r="BU10" s="313">
        <v>15</v>
      </c>
      <c r="BV10" s="313">
        <v>13</v>
      </c>
      <c r="BW10" s="313">
        <v>5</v>
      </c>
      <c r="BX10" s="313">
        <v>2</v>
      </c>
      <c r="BY10" s="311">
        <v>59</v>
      </c>
      <c r="BZ10" s="315">
        <v>64</v>
      </c>
      <c r="CA10" s="310">
        <v>0</v>
      </c>
      <c r="CB10" s="313">
        <v>0</v>
      </c>
      <c r="CC10" s="311">
        <v>0</v>
      </c>
      <c r="CD10" s="312">
        <v>0</v>
      </c>
      <c r="CE10" s="313">
        <v>20</v>
      </c>
      <c r="CF10" s="313">
        <v>25</v>
      </c>
      <c r="CG10" s="313">
        <v>24</v>
      </c>
      <c r="CH10" s="313">
        <v>11</v>
      </c>
      <c r="CI10" s="313">
        <v>7</v>
      </c>
      <c r="CJ10" s="311">
        <v>87</v>
      </c>
      <c r="CK10" s="315">
        <v>87</v>
      </c>
      <c r="CL10" s="310">
        <v>0</v>
      </c>
      <c r="CM10" s="313">
        <v>0</v>
      </c>
      <c r="CN10" s="311">
        <v>0</v>
      </c>
      <c r="CO10" s="312">
        <v>0</v>
      </c>
      <c r="CP10" s="313">
        <v>0</v>
      </c>
      <c r="CQ10" s="313">
        <v>0</v>
      </c>
      <c r="CR10" s="313">
        <v>0</v>
      </c>
      <c r="CS10" s="313">
        <v>1</v>
      </c>
      <c r="CT10" s="313">
        <v>1</v>
      </c>
      <c r="CU10" s="311">
        <v>2</v>
      </c>
      <c r="CV10" s="315">
        <v>2</v>
      </c>
      <c r="CW10" s="310">
        <v>0</v>
      </c>
      <c r="CX10" s="313">
        <v>0</v>
      </c>
      <c r="CY10" s="311">
        <v>0</v>
      </c>
      <c r="CZ10" s="312">
        <v>0</v>
      </c>
      <c r="DA10" s="313">
        <v>0</v>
      </c>
      <c r="DB10" s="313">
        <v>0</v>
      </c>
      <c r="DC10" s="313">
        <v>0</v>
      </c>
      <c r="DD10" s="313">
        <v>0</v>
      </c>
      <c r="DE10" s="313">
        <v>0</v>
      </c>
      <c r="DF10" s="311">
        <v>0</v>
      </c>
      <c r="DG10" s="315">
        <v>0</v>
      </c>
      <c r="DH10" s="310">
        <v>0</v>
      </c>
      <c r="DI10" s="313">
        <v>0</v>
      </c>
      <c r="DJ10" s="311">
        <v>0</v>
      </c>
      <c r="DK10" s="312">
        <v>0</v>
      </c>
      <c r="DL10" s="313">
        <v>0</v>
      </c>
      <c r="DM10" s="313">
        <v>0</v>
      </c>
      <c r="DN10" s="313">
        <v>0</v>
      </c>
      <c r="DO10" s="313">
        <v>0</v>
      </c>
      <c r="DP10" s="313">
        <v>0</v>
      </c>
      <c r="DQ10" s="311">
        <v>0</v>
      </c>
      <c r="DR10" s="315">
        <v>0</v>
      </c>
      <c r="DS10" s="310">
        <v>16</v>
      </c>
      <c r="DT10" s="313">
        <v>35</v>
      </c>
      <c r="DU10" s="311">
        <v>51</v>
      </c>
      <c r="DV10" s="312">
        <v>0</v>
      </c>
      <c r="DW10" s="313">
        <v>157</v>
      </c>
      <c r="DX10" s="313">
        <v>207</v>
      </c>
      <c r="DY10" s="313">
        <v>116</v>
      </c>
      <c r="DZ10" s="313">
        <v>74</v>
      </c>
      <c r="EA10" s="313">
        <v>38</v>
      </c>
      <c r="EB10" s="311">
        <v>592</v>
      </c>
      <c r="EC10" s="315">
        <v>643</v>
      </c>
      <c r="ED10" s="310">
        <v>9</v>
      </c>
      <c r="EE10" s="313">
        <v>6</v>
      </c>
      <c r="EF10" s="311">
        <v>15</v>
      </c>
      <c r="EG10" s="312">
        <v>0</v>
      </c>
      <c r="EH10" s="313">
        <v>52</v>
      </c>
      <c r="EI10" s="313">
        <v>35</v>
      </c>
      <c r="EJ10" s="313">
        <v>33</v>
      </c>
      <c r="EK10" s="313">
        <v>26</v>
      </c>
      <c r="EL10" s="313">
        <v>17</v>
      </c>
      <c r="EM10" s="311">
        <v>163</v>
      </c>
      <c r="EN10" s="315">
        <v>178</v>
      </c>
      <c r="EO10" s="310">
        <v>19</v>
      </c>
      <c r="EP10" s="313">
        <v>40</v>
      </c>
      <c r="EQ10" s="311">
        <v>59</v>
      </c>
      <c r="ER10" s="312">
        <v>0</v>
      </c>
      <c r="ES10" s="313">
        <v>365</v>
      </c>
      <c r="ET10" s="313">
        <v>287</v>
      </c>
      <c r="EU10" s="313">
        <v>148</v>
      </c>
      <c r="EV10" s="313">
        <v>79</v>
      </c>
      <c r="EW10" s="313">
        <v>42</v>
      </c>
      <c r="EX10" s="311">
        <v>921</v>
      </c>
      <c r="EY10" s="315">
        <v>980</v>
      </c>
    </row>
    <row r="11" spans="1:155" ht="19.5" customHeight="1" x14ac:dyDescent="0.2">
      <c r="A11" s="297" t="s">
        <v>8</v>
      </c>
      <c r="B11" s="310">
        <v>0</v>
      </c>
      <c r="C11" s="313">
        <v>0</v>
      </c>
      <c r="D11" s="441">
        <v>0</v>
      </c>
      <c r="E11" s="312">
        <v>0</v>
      </c>
      <c r="F11" s="313">
        <v>27</v>
      </c>
      <c r="G11" s="313">
        <v>32</v>
      </c>
      <c r="H11" s="313">
        <v>20</v>
      </c>
      <c r="I11" s="313">
        <v>7</v>
      </c>
      <c r="J11" s="313">
        <v>11</v>
      </c>
      <c r="K11" s="314">
        <v>97</v>
      </c>
      <c r="L11" s="315">
        <v>97</v>
      </c>
      <c r="M11" s="310">
        <v>0</v>
      </c>
      <c r="N11" s="313">
        <v>0</v>
      </c>
      <c r="O11" s="311">
        <v>0</v>
      </c>
      <c r="P11" s="312">
        <v>0</v>
      </c>
      <c r="Q11" s="313">
        <v>0</v>
      </c>
      <c r="R11" s="313">
        <v>2</v>
      </c>
      <c r="S11" s="313">
        <v>1</v>
      </c>
      <c r="T11" s="313">
        <v>4</v>
      </c>
      <c r="U11" s="313">
        <v>5</v>
      </c>
      <c r="V11" s="311">
        <v>12</v>
      </c>
      <c r="W11" s="315">
        <v>12</v>
      </c>
      <c r="X11" s="310">
        <v>3</v>
      </c>
      <c r="Y11" s="313">
        <v>7</v>
      </c>
      <c r="Z11" s="311">
        <v>10</v>
      </c>
      <c r="AA11" s="312">
        <v>0</v>
      </c>
      <c r="AB11" s="313">
        <v>21</v>
      </c>
      <c r="AC11" s="313">
        <v>26</v>
      </c>
      <c r="AD11" s="313">
        <v>16</v>
      </c>
      <c r="AE11" s="313">
        <v>16</v>
      </c>
      <c r="AF11" s="313">
        <v>11</v>
      </c>
      <c r="AG11" s="311">
        <v>90</v>
      </c>
      <c r="AH11" s="315">
        <v>100</v>
      </c>
      <c r="AI11" s="310">
        <v>0</v>
      </c>
      <c r="AJ11" s="313">
        <v>2</v>
      </c>
      <c r="AK11" s="311">
        <v>2</v>
      </c>
      <c r="AL11" s="312">
        <v>0</v>
      </c>
      <c r="AM11" s="313">
        <v>1</v>
      </c>
      <c r="AN11" s="313">
        <v>6</v>
      </c>
      <c r="AO11" s="313">
        <v>8</v>
      </c>
      <c r="AP11" s="313">
        <v>4</v>
      </c>
      <c r="AQ11" s="313">
        <v>1</v>
      </c>
      <c r="AR11" s="311">
        <v>20</v>
      </c>
      <c r="AS11" s="315">
        <v>22</v>
      </c>
      <c r="AT11" s="310">
        <v>7</v>
      </c>
      <c r="AU11" s="313">
        <v>6</v>
      </c>
      <c r="AV11" s="311">
        <v>13</v>
      </c>
      <c r="AW11" s="312">
        <v>0</v>
      </c>
      <c r="AX11" s="313">
        <v>35</v>
      </c>
      <c r="AY11" s="313">
        <v>40</v>
      </c>
      <c r="AZ11" s="313">
        <v>30</v>
      </c>
      <c r="BA11" s="313">
        <v>30</v>
      </c>
      <c r="BB11" s="313">
        <v>17</v>
      </c>
      <c r="BC11" s="314">
        <v>152</v>
      </c>
      <c r="BD11" s="315">
        <v>165</v>
      </c>
      <c r="BE11" s="310">
        <v>0</v>
      </c>
      <c r="BF11" s="313">
        <v>0</v>
      </c>
      <c r="BG11" s="311">
        <v>0</v>
      </c>
      <c r="BH11" s="312">
        <v>0</v>
      </c>
      <c r="BI11" s="313">
        <v>37</v>
      </c>
      <c r="BJ11" s="313">
        <v>42</v>
      </c>
      <c r="BK11" s="313">
        <v>21</v>
      </c>
      <c r="BL11" s="313">
        <v>8</v>
      </c>
      <c r="BM11" s="313">
        <v>5</v>
      </c>
      <c r="BN11" s="311">
        <v>113</v>
      </c>
      <c r="BO11" s="315">
        <v>113</v>
      </c>
      <c r="BP11" s="310">
        <v>7</v>
      </c>
      <c r="BQ11" s="313">
        <v>2</v>
      </c>
      <c r="BR11" s="311">
        <v>9</v>
      </c>
      <c r="BS11" s="312">
        <v>0</v>
      </c>
      <c r="BT11" s="313">
        <v>5</v>
      </c>
      <c r="BU11" s="313">
        <v>12</v>
      </c>
      <c r="BV11" s="313">
        <v>7</v>
      </c>
      <c r="BW11" s="313">
        <v>5</v>
      </c>
      <c r="BX11" s="313">
        <v>1</v>
      </c>
      <c r="BY11" s="311">
        <v>30</v>
      </c>
      <c r="BZ11" s="315">
        <v>39</v>
      </c>
      <c r="CA11" s="310">
        <v>0</v>
      </c>
      <c r="CB11" s="313">
        <v>2</v>
      </c>
      <c r="CC11" s="311">
        <v>2</v>
      </c>
      <c r="CD11" s="312">
        <v>0</v>
      </c>
      <c r="CE11" s="313">
        <v>2</v>
      </c>
      <c r="CF11" s="313">
        <v>7</v>
      </c>
      <c r="CG11" s="313">
        <v>7</v>
      </c>
      <c r="CH11" s="313">
        <v>6</v>
      </c>
      <c r="CI11" s="313">
        <v>4</v>
      </c>
      <c r="CJ11" s="311">
        <v>26</v>
      </c>
      <c r="CK11" s="315">
        <v>28</v>
      </c>
      <c r="CL11" s="310">
        <v>0</v>
      </c>
      <c r="CM11" s="313">
        <v>0</v>
      </c>
      <c r="CN11" s="311">
        <v>0</v>
      </c>
      <c r="CO11" s="312">
        <v>0</v>
      </c>
      <c r="CP11" s="313">
        <v>0</v>
      </c>
      <c r="CQ11" s="313">
        <v>0</v>
      </c>
      <c r="CR11" s="313">
        <v>1</v>
      </c>
      <c r="CS11" s="313">
        <v>1</v>
      </c>
      <c r="CT11" s="313">
        <v>0</v>
      </c>
      <c r="CU11" s="311">
        <v>2</v>
      </c>
      <c r="CV11" s="315">
        <v>2</v>
      </c>
      <c r="CW11" s="310">
        <v>0</v>
      </c>
      <c r="CX11" s="313">
        <v>0</v>
      </c>
      <c r="CY11" s="311">
        <v>0</v>
      </c>
      <c r="CZ11" s="312">
        <v>0</v>
      </c>
      <c r="DA11" s="313">
        <v>0</v>
      </c>
      <c r="DB11" s="313">
        <v>0</v>
      </c>
      <c r="DC11" s="313">
        <v>0</v>
      </c>
      <c r="DD11" s="313">
        <v>0</v>
      </c>
      <c r="DE11" s="313">
        <v>0</v>
      </c>
      <c r="DF11" s="311">
        <v>0</v>
      </c>
      <c r="DG11" s="315">
        <v>0</v>
      </c>
      <c r="DH11" s="310">
        <v>0</v>
      </c>
      <c r="DI11" s="313">
        <v>0</v>
      </c>
      <c r="DJ11" s="311">
        <v>0</v>
      </c>
      <c r="DK11" s="312">
        <v>0</v>
      </c>
      <c r="DL11" s="313">
        <v>0</v>
      </c>
      <c r="DM11" s="313">
        <v>0</v>
      </c>
      <c r="DN11" s="313">
        <v>0</v>
      </c>
      <c r="DO11" s="313">
        <v>0</v>
      </c>
      <c r="DP11" s="313">
        <v>0</v>
      </c>
      <c r="DQ11" s="311">
        <v>0</v>
      </c>
      <c r="DR11" s="315">
        <v>0</v>
      </c>
      <c r="DS11" s="310">
        <v>22</v>
      </c>
      <c r="DT11" s="313">
        <v>17</v>
      </c>
      <c r="DU11" s="311">
        <v>39</v>
      </c>
      <c r="DV11" s="312">
        <v>0</v>
      </c>
      <c r="DW11" s="313">
        <v>58</v>
      </c>
      <c r="DX11" s="313">
        <v>89</v>
      </c>
      <c r="DY11" s="313">
        <v>55</v>
      </c>
      <c r="DZ11" s="313">
        <v>32</v>
      </c>
      <c r="EA11" s="313">
        <v>19</v>
      </c>
      <c r="EB11" s="311">
        <v>253</v>
      </c>
      <c r="EC11" s="315">
        <v>292</v>
      </c>
      <c r="ED11" s="310">
        <v>4</v>
      </c>
      <c r="EE11" s="313">
        <v>6</v>
      </c>
      <c r="EF11" s="311">
        <v>10</v>
      </c>
      <c r="EG11" s="312">
        <v>0</v>
      </c>
      <c r="EH11" s="313">
        <v>15</v>
      </c>
      <c r="EI11" s="313">
        <v>10</v>
      </c>
      <c r="EJ11" s="313">
        <v>7</v>
      </c>
      <c r="EK11" s="313">
        <v>8</v>
      </c>
      <c r="EL11" s="313">
        <v>5</v>
      </c>
      <c r="EM11" s="311">
        <v>45</v>
      </c>
      <c r="EN11" s="315">
        <v>55</v>
      </c>
      <c r="EO11" s="310">
        <v>30</v>
      </c>
      <c r="EP11" s="313">
        <v>27</v>
      </c>
      <c r="EQ11" s="311">
        <v>57</v>
      </c>
      <c r="ER11" s="312">
        <v>0</v>
      </c>
      <c r="ES11" s="313">
        <v>106</v>
      </c>
      <c r="ET11" s="313">
        <v>111</v>
      </c>
      <c r="EU11" s="313">
        <v>60</v>
      </c>
      <c r="EV11" s="313">
        <v>31</v>
      </c>
      <c r="EW11" s="313">
        <v>19</v>
      </c>
      <c r="EX11" s="311">
        <v>327</v>
      </c>
      <c r="EY11" s="315">
        <v>384</v>
      </c>
    </row>
    <row r="12" spans="1:155" ht="19.5" customHeight="1" x14ac:dyDescent="0.2">
      <c r="A12" s="297" t="s">
        <v>9</v>
      </c>
      <c r="B12" s="310">
        <v>0</v>
      </c>
      <c r="C12" s="313">
        <v>0</v>
      </c>
      <c r="D12" s="441">
        <v>0</v>
      </c>
      <c r="E12" s="312">
        <v>0</v>
      </c>
      <c r="F12" s="313">
        <v>56</v>
      </c>
      <c r="G12" s="313">
        <v>46</v>
      </c>
      <c r="H12" s="313">
        <v>31</v>
      </c>
      <c r="I12" s="313">
        <v>31</v>
      </c>
      <c r="J12" s="313">
        <v>15</v>
      </c>
      <c r="K12" s="314">
        <v>179</v>
      </c>
      <c r="L12" s="315">
        <v>179</v>
      </c>
      <c r="M12" s="310">
        <v>0</v>
      </c>
      <c r="N12" s="313">
        <v>0</v>
      </c>
      <c r="O12" s="311">
        <v>0</v>
      </c>
      <c r="P12" s="312">
        <v>0</v>
      </c>
      <c r="Q12" s="313">
        <v>0</v>
      </c>
      <c r="R12" s="313">
        <v>0</v>
      </c>
      <c r="S12" s="313">
        <v>1</v>
      </c>
      <c r="T12" s="313">
        <v>5</v>
      </c>
      <c r="U12" s="313">
        <v>10</v>
      </c>
      <c r="V12" s="311">
        <v>16</v>
      </c>
      <c r="W12" s="315">
        <v>16</v>
      </c>
      <c r="X12" s="310">
        <v>1</v>
      </c>
      <c r="Y12" s="313">
        <v>8</v>
      </c>
      <c r="Z12" s="311">
        <v>9</v>
      </c>
      <c r="AA12" s="312">
        <v>0</v>
      </c>
      <c r="AB12" s="313">
        <v>32</v>
      </c>
      <c r="AC12" s="313">
        <v>27</v>
      </c>
      <c r="AD12" s="313">
        <v>22</v>
      </c>
      <c r="AE12" s="313">
        <v>25</v>
      </c>
      <c r="AF12" s="313">
        <v>15</v>
      </c>
      <c r="AG12" s="311">
        <v>121</v>
      </c>
      <c r="AH12" s="315">
        <v>130</v>
      </c>
      <c r="AI12" s="310">
        <v>1</v>
      </c>
      <c r="AJ12" s="313">
        <v>2</v>
      </c>
      <c r="AK12" s="311">
        <v>3</v>
      </c>
      <c r="AL12" s="312">
        <v>0</v>
      </c>
      <c r="AM12" s="313">
        <v>0</v>
      </c>
      <c r="AN12" s="313">
        <v>7</v>
      </c>
      <c r="AO12" s="313">
        <v>4</v>
      </c>
      <c r="AP12" s="313">
        <v>5</v>
      </c>
      <c r="AQ12" s="313">
        <v>3</v>
      </c>
      <c r="AR12" s="311">
        <v>19</v>
      </c>
      <c r="AS12" s="315">
        <v>22</v>
      </c>
      <c r="AT12" s="310">
        <v>16</v>
      </c>
      <c r="AU12" s="313">
        <v>11</v>
      </c>
      <c r="AV12" s="311">
        <v>27</v>
      </c>
      <c r="AW12" s="312">
        <v>0</v>
      </c>
      <c r="AX12" s="313">
        <v>57</v>
      </c>
      <c r="AY12" s="313">
        <v>48</v>
      </c>
      <c r="AZ12" s="313">
        <v>57</v>
      </c>
      <c r="BA12" s="313">
        <v>43</v>
      </c>
      <c r="BB12" s="313">
        <v>29</v>
      </c>
      <c r="BC12" s="314">
        <v>234</v>
      </c>
      <c r="BD12" s="315">
        <v>261</v>
      </c>
      <c r="BE12" s="310">
        <v>0</v>
      </c>
      <c r="BF12" s="313">
        <v>0</v>
      </c>
      <c r="BG12" s="311">
        <v>0</v>
      </c>
      <c r="BH12" s="312">
        <v>0</v>
      </c>
      <c r="BI12" s="313">
        <v>57</v>
      </c>
      <c r="BJ12" s="313">
        <v>46</v>
      </c>
      <c r="BK12" s="313">
        <v>33</v>
      </c>
      <c r="BL12" s="313">
        <v>13</v>
      </c>
      <c r="BM12" s="313">
        <v>7</v>
      </c>
      <c r="BN12" s="311">
        <v>156</v>
      </c>
      <c r="BO12" s="315">
        <v>156</v>
      </c>
      <c r="BP12" s="310">
        <v>4</v>
      </c>
      <c r="BQ12" s="313">
        <v>2</v>
      </c>
      <c r="BR12" s="311">
        <v>6</v>
      </c>
      <c r="BS12" s="312">
        <v>0</v>
      </c>
      <c r="BT12" s="313">
        <v>14</v>
      </c>
      <c r="BU12" s="313">
        <v>20</v>
      </c>
      <c r="BV12" s="313">
        <v>10</v>
      </c>
      <c r="BW12" s="313">
        <v>9</v>
      </c>
      <c r="BX12" s="313">
        <v>1</v>
      </c>
      <c r="BY12" s="311">
        <v>54</v>
      </c>
      <c r="BZ12" s="315">
        <v>60</v>
      </c>
      <c r="CA12" s="310">
        <v>0</v>
      </c>
      <c r="CB12" s="313">
        <v>0</v>
      </c>
      <c r="CC12" s="311">
        <v>0</v>
      </c>
      <c r="CD12" s="312">
        <v>0</v>
      </c>
      <c r="CE12" s="313">
        <v>8</v>
      </c>
      <c r="CF12" s="313">
        <v>8</v>
      </c>
      <c r="CG12" s="313">
        <v>12</v>
      </c>
      <c r="CH12" s="313">
        <v>9</v>
      </c>
      <c r="CI12" s="313">
        <v>3</v>
      </c>
      <c r="CJ12" s="311">
        <v>40</v>
      </c>
      <c r="CK12" s="315">
        <v>40</v>
      </c>
      <c r="CL12" s="310">
        <v>0</v>
      </c>
      <c r="CM12" s="313">
        <v>0</v>
      </c>
      <c r="CN12" s="311">
        <v>0</v>
      </c>
      <c r="CO12" s="312">
        <v>0</v>
      </c>
      <c r="CP12" s="313">
        <v>0</v>
      </c>
      <c r="CQ12" s="313">
        <v>2</v>
      </c>
      <c r="CR12" s="313">
        <v>1</v>
      </c>
      <c r="CS12" s="313">
        <v>2</v>
      </c>
      <c r="CT12" s="313">
        <v>0</v>
      </c>
      <c r="CU12" s="311">
        <v>5</v>
      </c>
      <c r="CV12" s="315">
        <v>5</v>
      </c>
      <c r="CW12" s="310">
        <v>0</v>
      </c>
      <c r="CX12" s="313">
        <v>0</v>
      </c>
      <c r="CY12" s="311">
        <v>0</v>
      </c>
      <c r="CZ12" s="312">
        <v>0</v>
      </c>
      <c r="DA12" s="313">
        <v>0</v>
      </c>
      <c r="DB12" s="313">
        <v>0</v>
      </c>
      <c r="DC12" s="313">
        <v>0</v>
      </c>
      <c r="DD12" s="313">
        <v>0</v>
      </c>
      <c r="DE12" s="313">
        <v>0</v>
      </c>
      <c r="DF12" s="311">
        <v>0</v>
      </c>
      <c r="DG12" s="315">
        <v>0</v>
      </c>
      <c r="DH12" s="310">
        <v>0</v>
      </c>
      <c r="DI12" s="313">
        <v>0</v>
      </c>
      <c r="DJ12" s="311">
        <v>0</v>
      </c>
      <c r="DK12" s="312">
        <v>0</v>
      </c>
      <c r="DL12" s="313">
        <v>0</v>
      </c>
      <c r="DM12" s="313">
        <v>0</v>
      </c>
      <c r="DN12" s="313">
        <v>0</v>
      </c>
      <c r="DO12" s="313">
        <v>0</v>
      </c>
      <c r="DP12" s="313">
        <v>0</v>
      </c>
      <c r="DQ12" s="311">
        <v>0</v>
      </c>
      <c r="DR12" s="315">
        <v>0</v>
      </c>
      <c r="DS12" s="310">
        <v>31</v>
      </c>
      <c r="DT12" s="313">
        <v>28</v>
      </c>
      <c r="DU12" s="311">
        <v>59</v>
      </c>
      <c r="DV12" s="312">
        <v>0</v>
      </c>
      <c r="DW12" s="313">
        <v>89</v>
      </c>
      <c r="DX12" s="313">
        <v>101</v>
      </c>
      <c r="DY12" s="313">
        <v>63</v>
      </c>
      <c r="DZ12" s="313">
        <v>51</v>
      </c>
      <c r="EA12" s="313">
        <v>32</v>
      </c>
      <c r="EB12" s="311">
        <v>336</v>
      </c>
      <c r="EC12" s="315">
        <v>395</v>
      </c>
      <c r="ED12" s="310">
        <v>11</v>
      </c>
      <c r="EE12" s="313">
        <v>4</v>
      </c>
      <c r="EF12" s="311">
        <v>15</v>
      </c>
      <c r="EG12" s="312">
        <v>0</v>
      </c>
      <c r="EH12" s="313">
        <v>22</v>
      </c>
      <c r="EI12" s="313">
        <v>16</v>
      </c>
      <c r="EJ12" s="313">
        <v>14</v>
      </c>
      <c r="EK12" s="313">
        <v>12</v>
      </c>
      <c r="EL12" s="313">
        <v>7</v>
      </c>
      <c r="EM12" s="311">
        <v>71</v>
      </c>
      <c r="EN12" s="315">
        <v>86</v>
      </c>
      <c r="EO12" s="310">
        <v>35</v>
      </c>
      <c r="EP12" s="313">
        <v>36</v>
      </c>
      <c r="EQ12" s="311">
        <v>71</v>
      </c>
      <c r="ER12" s="312">
        <v>0</v>
      </c>
      <c r="ES12" s="313">
        <v>173</v>
      </c>
      <c r="ET12" s="313">
        <v>132</v>
      </c>
      <c r="EU12" s="313">
        <v>81</v>
      </c>
      <c r="EV12" s="313">
        <v>54</v>
      </c>
      <c r="EW12" s="313">
        <v>32</v>
      </c>
      <c r="EX12" s="311">
        <v>472</v>
      </c>
      <c r="EY12" s="315">
        <v>543</v>
      </c>
    </row>
    <row r="13" spans="1:155" ht="19.5" customHeight="1" x14ac:dyDescent="0.2">
      <c r="A13" s="297" t="s">
        <v>10</v>
      </c>
      <c r="B13" s="310">
        <v>0</v>
      </c>
      <c r="C13" s="313">
        <v>0</v>
      </c>
      <c r="D13" s="441">
        <v>0</v>
      </c>
      <c r="E13" s="312">
        <v>0</v>
      </c>
      <c r="F13" s="313">
        <v>90</v>
      </c>
      <c r="G13" s="313">
        <v>45</v>
      </c>
      <c r="H13" s="313">
        <v>40</v>
      </c>
      <c r="I13" s="313">
        <v>24</v>
      </c>
      <c r="J13" s="313">
        <v>21</v>
      </c>
      <c r="K13" s="314">
        <v>220</v>
      </c>
      <c r="L13" s="315">
        <v>220</v>
      </c>
      <c r="M13" s="310">
        <v>0</v>
      </c>
      <c r="N13" s="313">
        <v>0</v>
      </c>
      <c r="O13" s="311">
        <v>0</v>
      </c>
      <c r="P13" s="312">
        <v>0</v>
      </c>
      <c r="Q13" s="313">
        <v>0</v>
      </c>
      <c r="R13" s="313">
        <v>2</v>
      </c>
      <c r="S13" s="313">
        <v>5</v>
      </c>
      <c r="T13" s="313">
        <v>9</v>
      </c>
      <c r="U13" s="313">
        <v>9</v>
      </c>
      <c r="V13" s="311">
        <v>25</v>
      </c>
      <c r="W13" s="315">
        <v>25</v>
      </c>
      <c r="X13" s="310">
        <v>15</v>
      </c>
      <c r="Y13" s="313">
        <v>23</v>
      </c>
      <c r="Z13" s="311">
        <v>38</v>
      </c>
      <c r="AA13" s="312">
        <v>0</v>
      </c>
      <c r="AB13" s="313">
        <v>54</v>
      </c>
      <c r="AC13" s="313">
        <v>40</v>
      </c>
      <c r="AD13" s="313">
        <v>23</v>
      </c>
      <c r="AE13" s="313">
        <v>24</v>
      </c>
      <c r="AF13" s="313">
        <v>17</v>
      </c>
      <c r="AG13" s="311">
        <v>158</v>
      </c>
      <c r="AH13" s="315">
        <v>196</v>
      </c>
      <c r="AI13" s="310">
        <v>1</v>
      </c>
      <c r="AJ13" s="313">
        <v>5</v>
      </c>
      <c r="AK13" s="311">
        <v>6</v>
      </c>
      <c r="AL13" s="312">
        <v>0</v>
      </c>
      <c r="AM13" s="313">
        <v>13</v>
      </c>
      <c r="AN13" s="313">
        <v>4</v>
      </c>
      <c r="AO13" s="313">
        <v>4</v>
      </c>
      <c r="AP13" s="313">
        <v>3</v>
      </c>
      <c r="AQ13" s="313">
        <v>1</v>
      </c>
      <c r="AR13" s="311">
        <v>25</v>
      </c>
      <c r="AS13" s="315">
        <v>31</v>
      </c>
      <c r="AT13" s="310">
        <v>13</v>
      </c>
      <c r="AU13" s="313">
        <v>24</v>
      </c>
      <c r="AV13" s="311">
        <v>37</v>
      </c>
      <c r="AW13" s="312">
        <v>0</v>
      </c>
      <c r="AX13" s="313">
        <v>90</v>
      </c>
      <c r="AY13" s="313">
        <v>79</v>
      </c>
      <c r="AZ13" s="313">
        <v>64</v>
      </c>
      <c r="BA13" s="313">
        <v>57</v>
      </c>
      <c r="BB13" s="313">
        <v>52</v>
      </c>
      <c r="BC13" s="314">
        <v>342</v>
      </c>
      <c r="BD13" s="315">
        <v>379</v>
      </c>
      <c r="BE13" s="310">
        <v>0</v>
      </c>
      <c r="BF13" s="313">
        <v>0</v>
      </c>
      <c r="BG13" s="311">
        <v>0</v>
      </c>
      <c r="BH13" s="312">
        <v>0</v>
      </c>
      <c r="BI13" s="313">
        <v>130</v>
      </c>
      <c r="BJ13" s="313">
        <v>69</v>
      </c>
      <c r="BK13" s="313">
        <v>41</v>
      </c>
      <c r="BL13" s="313">
        <v>16</v>
      </c>
      <c r="BM13" s="313">
        <v>11</v>
      </c>
      <c r="BN13" s="311">
        <v>267</v>
      </c>
      <c r="BO13" s="315">
        <v>267</v>
      </c>
      <c r="BP13" s="310">
        <v>4</v>
      </c>
      <c r="BQ13" s="313">
        <v>3</v>
      </c>
      <c r="BR13" s="311">
        <v>7</v>
      </c>
      <c r="BS13" s="312">
        <v>0</v>
      </c>
      <c r="BT13" s="313">
        <v>17</v>
      </c>
      <c r="BU13" s="313">
        <v>13</v>
      </c>
      <c r="BV13" s="313">
        <v>11</v>
      </c>
      <c r="BW13" s="313">
        <v>6</v>
      </c>
      <c r="BX13" s="313">
        <v>1</v>
      </c>
      <c r="BY13" s="311">
        <v>48</v>
      </c>
      <c r="BZ13" s="315">
        <v>55</v>
      </c>
      <c r="CA13" s="310">
        <v>0</v>
      </c>
      <c r="CB13" s="313">
        <v>3</v>
      </c>
      <c r="CC13" s="311">
        <v>3</v>
      </c>
      <c r="CD13" s="312">
        <v>0</v>
      </c>
      <c r="CE13" s="313">
        <v>13</v>
      </c>
      <c r="CF13" s="313">
        <v>18</v>
      </c>
      <c r="CG13" s="313">
        <v>22</v>
      </c>
      <c r="CH13" s="313">
        <v>11</v>
      </c>
      <c r="CI13" s="313">
        <v>8</v>
      </c>
      <c r="CJ13" s="311">
        <v>72</v>
      </c>
      <c r="CK13" s="315">
        <v>75</v>
      </c>
      <c r="CL13" s="310">
        <v>0</v>
      </c>
      <c r="CM13" s="313">
        <v>0</v>
      </c>
      <c r="CN13" s="311">
        <v>0</v>
      </c>
      <c r="CO13" s="312">
        <v>0</v>
      </c>
      <c r="CP13" s="313">
        <v>2</v>
      </c>
      <c r="CQ13" s="313">
        <v>3</v>
      </c>
      <c r="CR13" s="313">
        <v>5</v>
      </c>
      <c r="CS13" s="313">
        <v>0</v>
      </c>
      <c r="CT13" s="313">
        <v>0</v>
      </c>
      <c r="CU13" s="311">
        <v>10</v>
      </c>
      <c r="CV13" s="315">
        <v>10</v>
      </c>
      <c r="CW13" s="310">
        <v>0</v>
      </c>
      <c r="CX13" s="313">
        <v>0</v>
      </c>
      <c r="CY13" s="311">
        <v>0</v>
      </c>
      <c r="CZ13" s="312">
        <v>0</v>
      </c>
      <c r="DA13" s="313">
        <v>0</v>
      </c>
      <c r="DB13" s="313">
        <v>0</v>
      </c>
      <c r="DC13" s="313">
        <v>0</v>
      </c>
      <c r="DD13" s="313">
        <v>0</v>
      </c>
      <c r="DE13" s="313">
        <v>0</v>
      </c>
      <c r="DF13" s="311">
        <v>0</v>
      </c>
      <c r="DG13" s="315">
        <v>0</v>
      </c>
      <c r="DH13" s="310">
        <v>0</v>
      </c>
      <c r="DI13" s="313">
        <v>0</v>
      </c>
      <c r="DJ13" s="311">
        <v>0</v>
      </c>
      <c r="DK13" s="312">
        <v>0</v>
      </c>
      <c r="DL13" s="313">
        <v>0</v>
      </c>
      <c r="DM13" s="313">
        <v>0</v>
      </c>
      <c r="DN13" s="313">
        <v>0</v>
      </c>
      <c r="DO13" s="313">
        <v>0</v>
      </c>
      <c r="DP13" s="313">
        <v>0</v>
      </c>
      <c r="DQ13" s="311">
        <v>0</v>
      </c>
      <c r="DR13" s="315">
        <v>0</v>
      </c>
      <c r="DS13" s="310">
        <v>64</v>
      </c>
      <c r="DT13" s="313">
        <v>92</v>
      </c>
      <c r="DU13" s="311">
        <v>156</v>
      </c>
      <c r="DV13" s="312">
        <v>0</v>
      </c>
      <c r="DW13" s="313">
        <v>144</v>
      </c>
      <c r="DX13" s="313">
        <v>126</v>
      </c>
      <c r="DY13" s="313">
        <v>82</v>
      </c>
      <c r="DZ13" s="313">
        <v>53</v>
      </c>
      <c r="EA13" s="313">
        <v>35</v>
      </c>
      <c r="EB13" s="311">
        <v>440</v>
      </c>
      <c r="EC13" s="315">
        <v>596</v>
      </c>
      <c r="ED13" s="310">
        <v>8</v>
      </c>
      <c r="EE13" s="313">
        <v>8</v>
      </c>
      <c r="EF13" s="311">
        <v>16</v>
      </c>
      <c r="EG13" s="312">
        <v>0</v>
      </c>
      <c r="EH13" s="313">
        <v>32</v>
      </c>
      <c r="EI13" s="313">
        <v>16</v>
      </c>
      <c r="EJ13" s="313">
        <v>15</v>
      </c>
      <c r="EK13" s="313">
        <v>13</v>
      </c>
      <c r="EL13" s="313">
        <v>13</v>
      </c>
      <c r="EM13" s="311">
        <v>89</v>
      </c>
      <c r="EN13" s="315">
        <v>105</v>
      </c>
      <c r="EO13" s="310">
        <v>78</v>
      </c>
      <c r="EP13" s="313">
        <v>107</v>
      </c>
      <c r="EQ13" s="311">
        <v>185</v>
      </c>
      <c r="ER13" s="312">
        <v>0</v>
      </c>
      <c r="ES13" s="313">
        <v>270</v>
      </c>
      <c r="ET13" s="313">
        <v>158</v>
      </c>
      <c r="EU13" s="313">
        <v>89</v>
      </c>
      <c r="EV13" s="313">
        <v>54</v>
      </c>
      <c r="EW13" s="313">
        <v>37</v>
      </c>
      <c r="EX13" s="311">
        <v>608</v>
      </c>
      <c r="EY13" s="315">
        <v>793</v>
      </c>
    </row>
    <row r="14" spans="1:155" ht="19.5" customHeight="1" x14ac:dyDescent="0.2">
      <c r="A14" s="297" t="s">
        <v>11</v>
      </c>
      <c r="B14" s="310">
        <v>0</v>
      </c>
      <c r="C14" s="313">
        <v>0</v>
      </c>
      <c r="D14" s="441">
        <v>0</v>
      </c>
      <c r="E14" s="312">
        <v>0</v>
      </c>
      <c r="F14" s="313">
        <v>19</v>
      </c>
      <c r="G14" s="313">
        <v>14</v>
      </c>
      <c r="H14" s="313">
        <v>11</v>
      </c>
      <c r="I14" s="313">
        <v>14</v>
      </c>
      <c r="J14" s="313">
        <v>7</v>
      </c>
      <c r="K14" s="314">
        <v>65</v>
      </c>
      <c r="L14" s="315">
        <v>65</v>
      </c>
      <c r="M14" s="310">
        <v>0</v>
      </c>
      <c r="N14" s="313">
        <v>0</v>
      </c>
      <c r="O14" s="311">
        <v>0</v>
      </c>
      <c r="P14" s="312">
        <v>0</v>
      </c>
      <c r="Q14" s="313">
        <v>1</v>
      </c>
      <c r="R14" s="313">
        <v>0</v>
      </c>
      <c r="S14" s="313">
        <v>3</v>
      </c>
      <c r="T14" s="313">
        <v>4</v>
      </c>
      <c r="U14" s="313">
        <v>3</v>
      </c>
      <c r="V14" s="311">
        <v>11</v>
      </c>
      <c r="W14" s="315">
        <v>11</v>
      </c>
      <c r="X14" s="310">
        <v>4</v>
      </c>
      <c r="Y14" s="313">
        <v>4</v>
      </c>
      <c r="Z14" s="311">
        <v>8</v>
      </c>
      <c r="AA14" s="312">
        <v>0</v>
      </c>
      <c r="AB14" s="313">
        <v>22</v>
      </c>
      <c r="AC14" s="313">
        <v>15</v>
      </c>
      <c r="AD14" s="313">
        <v>14</v>
      </c>
      <c r="AE14" s="313">
        <v>13</v>
      </c>
      <c r="AF14" s="313">
        <v>11</v>
      </c>
      <c r="AG14" s="311">
        <v>75</v>
      </c>
      <c r="AH14" s="315">
        <v>83</v>
      </c>
      <c r="AI14" s="310">
        <v>1</v>
      </c>
      <c r="AJ14" s="313">
        <v>1</v>
      </c>
      <c r="AK14" s="311">
        <v>2</v>
      </c>
      <c r="AL14" s="312">
        <v>0</v>
      </c>
      <c r="AM14" s="313">
        <v>2</v>
      </c>
      <c r="AN14" s="313">
        <v>1</v>
      </c>
      <c r="AO14" s="313">
        <v>2</v>
      </c>
      <c r="AP14" s="313">
        <v>5</v>
      </c>
      <c r="AQ14" s="313">
        <v>0</v>
      </c>
      <c r="AR14" s="311">
        <v>10</v>
      </c>
      <c r="AS14" s="315">
        <v>12</v>
      </c>
      <c r="AT14" s="310">
        <v>4</v>
      </c>
      <c r="AU14" s="313">
        <v>5</v>
      </c>
      <c r="AV14" s="311">
        <v>9</v>
      </c>
      <c r="AW14" s="312">
        <v>0</v>
      </c>
      <c r="AX14" s="313">
        <v>29</v>
      </c>
      <c r="AY14" s="313">
        <v>26</v>
      </c>
      <c r="AZ14" s="313">
        <v>34</v>
      </c>
      <c r="BA14" s="313">
        <v>28</v>
      </c>
      <c r="BB14" s="313">
        <v>16</v>
      </c>
      <c r="BC14" s="314">
        <v>133</v>
      </c>
      <c r="BD14" s="315">
        <v>142</v>
      </c>
      <c r="BE14" s="310">
        <v>0</v>
      </c>
      <c r="BF14" s="313">
        <v>0</v>
      </c>
      <c r="BG14" s="311">
        <v>0</v>
      </c>
      <c r="BH14" s="312">
        <v>0</v>
      </c>
      <c r="BI14" s="313">
        <v>43</v>
      </c>
      <c r="BJ14" s="313">
        <v>21</v>
      </c>
      <c r="BK14" s="313">
        <v>16</v>
      </c>
      <c r="BL14" s="313">
        <v>9</v>
      </c>
      <c r="BM14" s="313">
        <v>3</v>
      </c>
      <c r="BN14" s="311">
        <v>92</v>
      </c>
      <c r="BO14" s="315">
        <v>92</v>
      </c>
      <c r="BP14" s="310">
        <v>3</v>
      </c>
      <c r="BQ14" s="313">
        <v>3</v>
      </c>
      <c r="BR14" s="311">
        <v>6</v>
      </c>
      <c r="BS14" s="312">
        <v>0</v>
      </c>
      <c r="BT14" s="313">
        <v>23</v>
      </c>
      <c r="BU14" s="313">
        <v>8</v>
      </c>
      <c r="BV14" s="313">
        <v>4</v>
      </c>
      <c r="BW14" s="313">
        <v>6</v>
      </c>
      <c r="BX14" s="313">
        <v>2</v>
      </c>
      <c r="BY14" s="311">
        <v>43</v>
      </c>
      <c r="BZ14" s="315">
        <v>49</v>
      </c>
      <c r="CA14" s="310">
        <v>1</v>
      </c>
      <c r="CB14" s="313">
        <v>0</v>
      </c>
      <c r="CC14" s="311">
        <v>1</v>
      </c>
      <c r="CD14" s="312">
        <v>0</v>
      </c>
      <c r="CE14" s="313">
        <v>9</v>
      </c>
      <c r="CF14" s="313">
        <v>5</v>
      </c>
      <c r="CG14" s="313">
        <v>5</v>
      </c>
      <c r="CH14" s="313">
        <v>6</v>
      </c>
      <c r="CI14" s="313">
        <v>2</v>
      </c>
      <c r="CJ14" s="311">
        <v>27</v>
      </c>
      <c r="CK14" s="315">
        <v>28</v>
      </c>
      <c r="CL14" s="310">
        <v>0</v>
      </c>
      <c r="CM14" s="313">
        <v>0</v>
      </c>
      <c r="CN14" s="311">
        <v>0</v>
      </c>
      <c r="CO14" s="312">
        <v>0</v>
      </c>
      <c r="CP14" s="313">
        <v>0</v>
      </c>
      <c r="CQ14" s="313">
        <v>1</v>
      </c>
      <c r="CR14" s="313">
        <v>0</v>
      </c>
      <c r="CS14" s="313">
        <v>2</v>
      </c>
      <c r="CT14" s="313">
        <v>1</v>
      </c>
      <c r="CU14" s="311">
        <v>4</v>
      </c>
      <c r="CV14" s="315">
        <v>4</v>
      </c>
      <c r="CW14" s="310">
        <v>0</v>
      </c>
      <c r="CX14" s="313">
        <v>0</v>
      </c>
      <c r="CY14" s="311">
        <v>0</v>
      </c>
      <c r="CZ14" s="312">
        <v>0</v>
      </c>
      <c r="DA14" s="313">
        <v>0</v>
      </c>
      <c r="DB14" s="313">
        <v>0</v>
      </c>
      <c r="DC14" s="313">
        <v>0</v>
      </c>
      <c r="DD14" s="313">
        <v>0</v>
      </c>
      <c r="DE14" s="313">
        <v>0</v>
      </c>
      <c r="DF14" s="311">
        <v>0</v>
      </c>
      <c r="DG14" s="315">
        <v>0</v>
      </c>
      <c r="DH14" s="310">
        <v>0</v>
      </c>
      <c r="DI14" s="313">
        <v>0</v>
      </c>
      <c r="DJ14" s="311">
        <v>0</v>
      </c>
      <c r="DK14" s="312">
        <v>0</v>
      </c>
      <c r="DL14" s="313">
        <v>0</v>
      </c>
      <c r="DM14" s="313">
        <v>0</v>
      </c>
      <c r="DN14" s="313">
        <v>0</v>
      </c>
      <c r="DO14" s="313">
        <v>0</v>
      </c>
      <c r="DP14" s="313">
        <v>0</v>
      </c>
      <c r="DQ14" s="311">
        <v>0</v>
      </c>
      <c r="DR14" s="315">
        <v>0</v>
      </c>
      <c r="DS14" s="310">
        <v>20</v>
      </c>
      <c r="DT14" s="313">
        <v>28</v>
      </c>
      <c r="DU14" s="311">
        <v>48</v>
      </c>
      <c r="DV14" s="312">
        <v>0</v>
      </c>
      <c r="DW14" s="313">
        <v>63</v>
      </c>
      <c r="DX14" s="313">
        <v>48</v>
      </c>
      <c r="DY14" s="313">
        <v>38</v>
      </c>
      <c r="DZ14" s="313">
        <v>26</v>
      </c>
      <c r="EA14" s="313">
        <v>13</v>
      </c>
      <c r="EB14" s="311">
        <v>188</v>
      </c>
      <c r="EC14" s="315">
        <v>236</v>
      </c>
      <c r="ED14" s="310">
        <v>4</v>
      </c>
      <c r="EE14" s="313">
        <v>3</v>
      </c>
      <c r="EF14" s="311">
        <v>7</v>
      </c>
      <c r="EG14" s="312">
        <v>0</v>
      </c>
      <c r="EH14" s="313">
        <v>23</v>
      </c>
      <c r="EI14" s="313">
        <v>18</v>
      </c>
      <c r="EJ14" s="313">
        <v>10</v>
      </c>
      <c r="EK14" s="313">
        <v>13</v>
      </c>
      <c r="EL14" s="313">
        <v>5</v>
      </c>
      <c r="EM14" s="311">
        <v>69</v>
      </c>
      <c r="EN14" s="315">
        <v>76</v>
      </c>
      <c r="EO14" s="310">
        <v>28</v>
      </c>
      <c r="EP14" s="313">
        <v>31</v>
      </c>
      <c r="EQ14" s="311">
        <v>59</v>
      </c>
      <c r="ER14" s="312">
        <v>0</v>
      </c>
      <c r="ES14" s="313">
        <v>118</v>
      </c>
      <c r="ET14" s="313">
        <v>59</v>
      </c>
      <c r="EU14" s="313">
        <v>45</v>
      </c>
      <c r="EV14" s="313">
        <v>30</v>
      </c>
      <c r="EW14" s="313">
        <v>15</v>
      </c>
      <c r="EX14" s="311">
        <v>267</v>
      </c>
      <c r="EY14" s="315">
        <v>326</v>
      </c>
    </row>
    <row r="15" spans="1:155" ht="19.5" customHeight="1" x14ac:dyDescent="0.2">
      <c r="A15" s="297" t="s">
        <v>12</v>
      </c>
      <c r="B15" s="310">
        <v>0</v>
      </c>
      <c r="C15" s="313">
        <v>0</v>
      </c>
      <c r="D15" s="441">
        <v>0</v>
      </c>
      <c r="E15" s="312">
        <v>0</v>
      </c>
      <c r="F15" s="313">
        <v>40</v>
      </c>
      <c r="G15" s="313">
        <v>37</v>
      </c>
      <c r="H15" s="313">
        <v>21</v>
      </c>
      <c r="I15" s="313">
        <v>27</v>
      </c>
      <c r="J15" s="313">
        <v>17</v>
      </c>
      <c r="K15" s="314">
        <v>142</v>
      </c>
      <c r="L15" s="315">
        <v>142</v>
      </c>
      <c r="M15" s="310">
        <v>0</v>
      </c>
      <c r="N15" s="313">
        <v>1</v>
      </c>
      <c r="O15" s="311">
        <v>1</v>
      </c>
      <c r="P15" s="312">
        <v>0</v>
      </c>
      <c r="Q15" s="313">
        <v>0</v>
      </c>
      <c r="R15" s="313">
        <v>1</v>
      </c>
      <c r="S15" s="313">
        <v>1</v>
      </c>
      <c r="T15" s="313">
        <v>2</v>
      </c>
      <c r="U15" s="313">
        <v>8</v>
      </c>
      <c r="V15" s="311">
        <v>12</v>
      </c>
      <c r="W15" s="315">
        <v>13</v>
      </c>
      <c r="X15" s="310">
        <v>16</v>
      </c>
      <c r="Y15" s="313">
        <v>21</v>
      </c>
      <c r="Z15" s="311">
        <v>37</v>
      </c>
      <c r="AA15" s="312">
        <v>0</v>
      </c>
      <c r="AB15" s="313">
        <v>31</v>
      </c>
      <c r="AC15" s="313">
        <v>36</v>
      </c>
      <c r="AD15" s="313">
        <v>15</v>
      </c>
      <c r="AE15" s="313">
        <v>16</v>
      </c>
      <c r="AF15" s="313">
        <v>11</v>
      </c>
      <c r="AG15" s="311">
        <v>109</v>
      </c>
      <c r="AH15" s="315">
        <v>146</v>
      </c>
      <c r="AI15" s="310">
        <v>0</v>
      </c>
      <c r="AJ15" s="313">
        <v>0</v>
      </c>
      <c r="AK15" s="311">
        <v>0</v>
      </c>
      <c r="AL15" s="312">
        <v>0</v>
      </c>
      <c r="AM15" s="313">
        <v>3</v>
      </c>
      <c r="AN15" s="313">
        <v>6</v>
      </c>
      <c r="AO15" s="313">
        <v>2</v>
      </c>
      <c r="AP15" s="313">
        <v>5</v>
      </c>
      <c r="AQ15" s="313">
        <v>2</v>
      </c>
      <c r="AR15" s="311">
        <v>18</v>
      </c>
      <c r="AS15" s="315">
        <v>18</v>
      </c>
      <c r="AT15" s="310">
        <v>8</v>
      </c>
      <c r="AU15" s="313">
        <v>11</v>
      </c>
      <c r="AV15" s="311">
        <v>19</v>
      </c>
      <c r="AW15" s="312">
        <v>0</v>
      </c>
      <c r="AX15" s="313">
        <v>28</v>
      </c>
      <c r="AY15" s="313">
        <v>24</v>
      </c>
      <c r="AZ15" s="313">
        <v>25</v>
      </c>
      <c r="BA15" s="313">
        <v>45</v>
      </c>
      <c r="BB15" s="313">
        <v>21</v>
      </c>
      <c r="BC15" s="314">
        <v>143</v>
      </c>
      <c r="BD15" s="315">
        <v>162</v>
      </c>
      <c r="BE15" s="310">
        <v>0</v>
      </c>
      <c r="BF15" s="313">
        <v>0</v>
      </c>
      <c r="BG15" s="311">
        <v>0</v>
      </c>
      <c r="BH15" s="312">
        <v>0</v>
      </c>
      <c r="BI15" s="313">
        <v>57</v>
      </c>
      <c r="BJ15" s="313">
        <v>30</v>
      </c>
      <c r="BK15" s="313">
        <v>27</v>
      </c>
      <c r="BL15" s="313">
        <v>9</v>
      </c>
      <c r="BM15" s="313">
        <v>5</v>
      </c>
      <c r="BN15" s="311">
        <v>128</v>
      </c>
      <c r="BO15" s="315">
        <v>128</v>
      </c>
      <c r="BP15" s="310">
        <v>11</v>
      </c>
      <c r="BQ15" s="313">
        <v>4</v>
      </c>
      <c r="BR15" s="311">
        <v>15</v>
      </c>
      <c r="BS15" s="312">
        <v>0</v>
      </c>
      <c r="BT15" s="313">
        <v>18</v>
      </c>
      <c r="BU15" s="313">
        <v>14</v>
      </c>
      <c r="BV15" s="313">
        <v>11</v>
      </c>
      <c r="BW15" s="313">
        <v>8</v>
      </c>
      <c r="BX15" s="313">
        <v>1</v>
      </c>
      <c r="BY15" s="311">
        <v>52</v>
      </c>
      <c r="BZ15" s="315">
        <v>67</v>
      </c>
      <c r="CA15" s="310">
        <v>0</v>
      </c>
      <c r="CB15" s="313">
        <v>0</v>
      </c>
      <c r="CC15" s="311">
        <v>0</v>
      </c>
      <c r="CD15" s="312">
        <v>0</v>
      </c>
      <c r="CE15" s="313">
        <v>6</v>
      </c>
      <c r="CF15" s="313">
        <v>9</v>
      </c>
      <c r="CG15" s="313">
        <v>12</v>
      </c>
      <c r="CH15" s="313">
        <v>10</v>
      </c>
      <c r="CI15" s="313">
        <v>4</v>
      </c>
      <c r="CJ15" s="311">
        <v>41</v>
      </c>
      <c r="CK15" s="315">
        <v>41</v>
      </c>
      <c r="CL15" s="310">
        <v>0</v>
      </c>
      <c r="CM15" s="313">
        <v>0</v>
      </c>
      <c r="CN15" s="311">
        <v>0</v>
      </c>
      <c r="CO15" s="312">
        <v>0</v>
      </c>
      <c r="CP15" s="313">
        <v>0</v>
      </c>
      <c r="CQ15" s="313">
        <v>1</v>
      </c>
      <c r="CR15" s="313">
        <v>1</v>
      </c>
      <c r="CS15" s="313">
        <v>1</v>
      </c>
      <c r="CT15" s="313">
        <v>0</v>
      </c>
      <c r="CU15" s="311">
        <v>3</v>
      </c>
      <c r="CV15" s="315">
        <v>3</v>
      </c>
      <c r="CW15" s="310">
        <v>0</v>
      </c>
      <c r="CX15" s="313">
        <v>0</v>
      </c>
      <c r="CY15" s="311">
        <v>0</v>
      </c>
      <c r="CZ15" s="312">
        <v>0</v>
      </c>
      <c r="DA15" s="313">
        <v>0</v>
      </c>
      <c r="DB15" s="313">
        <v>0</v>
      </c>
      <c r="DC15" s="313">
        <v>0</v>
      </c>
      <c r="DD15" s="313">
        <v>0</v>
      </c>
      <c r="DE15" s="313">
        <v>0</v>
      </c>
      <c r="DF15" s="311">
        <v>0</v>
      </c>
      <c r="DG15" s="315">
        <v>0</v>
      </c>
      <c r="DH15" s="310">
        <v>0</v>
      </c>
      <c r="DI15" s="313">
        <v>0</v>
      </c>
      <c r="DJ15" s="311">
        <v>0</v>
      </c>
      <c r="DK15" s="312">
        <v>0</v>
      </c>
      <c r="DL15" s="313">
        <v>0</v>
      </c>
      <c r="DM15" s="313">
        <v>0</v>
      </c>
      <c r="DN15" s="313">
        <v>0</v>
      </c>
      <c r="DO15" s="313">
        <v>0</v>
      </c>
      <c r="DP15" s="313">
        <v>0</v>
      </c>
      <c r="DQ15" s="311">
        <v>0</v>
      </c>
      <c r="DR15" s="315">
        <v>0</v>
      </c>
      <c r="DS15" s="310">
        <v>23</v>
      </c>
      <c r="DT15" s="313">
        <v>41</v>
      </c>
      <c r="DU15" s="311">
        <v>64</v>
      </c>
      <c r="DV15" s="312">
        <v>0</v>
      </c>
      <c r="DW15" s="313">
        <v>41</v>
      </c>
      <c r="DX15" s="313">
        <v>78</v>
      </c>
      <c r="DY15" s="313">
        <v>58</v>
      </c>
      <c r="DZ15" s="313">
        <v>51</v>
      </c>
      <c r="EA15" s="313">
        <v>25</v>
      </c>
      <c r="EB15" s="311">
        <v>253</v>
      </c>
      <c r="EC15" s="315">
        <v>317</v>
      </c>
      <c r="ED15" s="310">
        <v>1</v>
      </c>
      <c r="EE15" s="313">
        <v>4</v>
      </c>
      <c r="EF15" s="311">
        <v>5</v>
      </c>
      <c r="EG15" s="312">
        <v>0</v>
      </c>
      <c r="EH15" s="313">
        <v>7</v>
      </c>
      <c r="EI15" s="313">
        <v>9</v>
      </c>
      <c r="EJ15" s="313">
        <v>9</v>
      </c>
      <c r="EK15" s="313">
        <v>16</v>
      </c>
      <c r="EL15" s="313">
        <v>3</v>
      </c>
      <c r="EM15" s="311">
        <v>44</v>
      </c>
      <c r="EN15" s="315">
        <v>49</v>
      </c>
      <c r="EO15" s="310">
        <v>45</v>
      </c>
      <c r="EP15" s="313">
        <v>56</v>
      </c>
      <c r="EQ15" s="311">
        <v>101</v>
      </c>
      <c r="ER15" s="312">
        <v>0</v>
      </c>
      <c r="ES15" s="313">
        <v>133</v>
      </c>
      <c r="ET15" s="313">
        <v>97</v>
      </c>
      <c r="EU15" s="313">
        <v>59</v>
      </c>
      <c r="EV15" s="313">
        <v>50</v>
      </c>
      <c r="EW15" s="313">
        <v>24</v>
      </c>
      <c r="EX15" s="311">
        <v>363</v>
      </c>
      <c r="EY15" s="315">
        <v>464</v>
      </c>
    </row>
    <row r="16" spans="1:155" ht="19.5" customHeight="1" x14ac:dyDescent="0.2">
      <c r="A16" s="297" t="s">
        <v>13</v>
      </c>
      <c r="B16" s="310">
        <v>0</v>
      </c>
      <c r="C16" s="313">
        <v>0</v>
      </c>
      <c r="D16" s="441">
        <v>0</v>
      </c>
      <c r="E16" s="312">
        <v>0</v>
      </c>
      <c r="F16" s="313">
        <v>21</v>
      </c>
      <c r="G16" s="313">
        <v>26</v>
      </c>
      <c r="H16" s="313">
        <v>12</v>
      </c>
      <c r="I16" s="313">
        <v>8</v>
      </c>
      <c r="J16" s="313">
        <v>8</v>
      </c>
      <c r="K16" s="314">
        <v>75</v>
      </c>
      <c r="L16" s="315">
        <v>75</v>
      </c>
      <c r="M16" s="310">
        <v>0</v>
      </c>
      <c r="N16" s="313">
        <v>0</v>
      </c>
      <c r="O16" s="311">
        <v>0</v>
      </c>
      <c r="P16" s="312">
        <v>0</v>
      </c>
      <c r="Q16" s="313">
        <v>0</v>
      </c>
      <c r="R16" s="313">
        <v>0</v>
      </c>
      <c r="S16" s="313">
        <v>0</v>
      </c>
      <c r="T16" s="313">
        <v>1</v>
      </c>
      <c r="U16" s="313">
        <v>5</v>
      </c>
      <c r="V16" s="311">
        <v>6</v>
      </c>
      <c r="W16" s="315">
        <v>6</v>
      </c>
      <c r="X16" s="310">
        <v>1</v>
      </c>
      <c r="Y16" s="313">
        <v>2</v>
      </c>
      <c r="Z16" s="311">
        <v>3</v>
      </c>
      <c r="AA16" s="312">
        <v>0</v>
      </c>
      <c r="AB16" s="313">
        <v>10</v>
      </c>
      <c r="AC16" s="313">
        <v>15</v>
      </c>
      <c r="AD16" s="313">
        <v>8</v>
      </c>
      <c r="AE16" s="313">
        <v>8</v>
      </c>
      <c r="AF16" s="313">
        <v>9</v>
      </c>
      <c r="AG16" s="311">
        <v>50</v>
      </c>
      <c r="AH16" s="315">
        <v>53</v>
      </c>
      <c r="AI16" s="310">
        <v>0</v>
      </c>
      <c r="AJ16" s="313">
        <v>0</v>
      </c>
      <c r="AK16" s="311">
        <v>0</v>
      </c>
      <c r="AL16" s="312">
        <v>0</v>
      </c>
      <c r="AM16" s="313">
        <v>0</v>
      </c>
      <c r="AN16" s="313">
        <v>1</v>
      </c>
      <c r="AO16" s="313">
        <v>0</v>
      </c>
      <c r="AP16" s="313">
        <v>2</v>
      </c>
      <c r="AQ16" s="313">
        <v>1</v>
      </c>
      <c r="AR16" s="311">
        <v>4</v>
      </c>
      <c r="AS16" s="315">
        <v>4</v>
      </c>
      <c r="AT16" s="310">
        <v>2</v>
      </c>
      <c r="AU16" s="313">
        <v>0</v>
      </c>
      <c r="AV16" s="311">
        <v>2</v>
      </c>
      <c r="AW16" s="312">
        <v>0</v>
      </c>
      <c r="AX16" s="313">
        <v>11</v>
      </c>
      <c r="AY16" s="313">
        <v>19</v>
      </c>
      <c r="AZ16" s="313">
        <v>16</v>
      </c>
      <c r="BA16" s="313">
        <v>21</v>
      </c>
      <c r="BB16" s="313">
        <v>13</v>
      </c>
      <c r="BC16" s="314">
        <v>80</v>
      </c>
      <c r="BD16" s="315">
        <v>82</v>
      </c>
      <c r="BE16" s="310">
        <v>0</v>
      </c>
      <c r="BF16" s="313">
        <v>0</v>
      </c>
      <c r="BG16" s="311">
        <v>0</v>
      </c>
      <c r="BH16" s="312">
        <v>0</v>
      </c>
      <c r="BI16" s="313">
        <v>14</v>
      </c>
      <c r="BJ16" s="313">
        <v>26</v>
      </c>
      <c r="BK16" s="313">
        <v>16</v>
      </c>
      <c r="BL16" s="313">
        <v>5</v>
      </c>
      <c r="BM16" s="313">
        <v>2</v>
      </c>
      <c r="BN16" s="311">
        <v>63</v>
      </c>
      <c r="BO16" s="315">
        <v>63</v>
      </c>
      <c r="BP16" s="310">
        <v>0</v>
      </c>
      <c r="BQ16" s="313">
        <v>1</v>
      </c>
      <c r="BR16" s="311">
        <v>1</v>
      </c>
      <c r="BS16" s="312">
        <v>0</v>
      </c>
      <c r="BT16" s="313">
        <v>3</v>
      </c>
      <c r="BU16" s="313">
        <v>6</v>
      </c>
      <c r="BV16" s="313">
        <v>4</v>
      </c>
      <c r="BW16" s="313">
        <v>6</v>
      </c>
      <c r="BX16" s="313">
        <v>0</v>
      </c>
      <c r="BY16" s="311">
        <v>19</v>
      </c>
      <c r="BZ16" s="315">
        <v>20</v>
      </c>
      <c r="CA16" s="310">
        <v>0</v>
      </c>
      <c r="CB16" s="313">
        <v>0</v>
      </c>
      <c r="CC16" s="311">
        <v>0</v>
      </c>
      <c r="CD16" s="312">
        <v>0</v>
      </c>
      <c r="CE16" s="313">
        <v>3</v>
      </c>
      <c r="CF16" s="313">
        <v>5</v>
      </c>
      <c r="CG16" s="313">
        <v>5</v>
      </c>
      <c r="CH16" s="313">
        <v>3</v>
      </c>
      <c r="CI16" s="313">
        <v>3</v>
      </c>
      <c r="CJ16" s="311">
        <v>19</v>
      </c>
      <c r="CK16" s="315">
        <v>19</v>
      </c>
      <c r="CL16" s="310">
        <v>0</v>
      </c>
      <c r="CM16" s="313">
        <v>0</v>
      </c>
      <c r="CN16" s="311">
        <v>0</v>
      </c>
      <c r="CO16" s="312">
        <v>0</v>
      </c>
      <c r="CP16" s="313">
        <v>1</v>
      </c>
      <c r="CQ16" s="313">
        <v>1</v>
      </c>
      <c r="CR16" s="313">
        <v>2</v>
      </c>
      <c r="CS16" s="313">
        <v>0</v>
      </c>
      <c r="CT16" s="313">
        <v>0</v>
      </c>
      <c r="CU16" s="311">
        <v>4</v>
      </c>
      <c r="CV16" s="315">
        <v>4</v>
      </c>
      <c r="CW16" s="310">
        <v>0</v>
      </c>
      <c r="CX16" s="313">
        <v>0</v>
      </c>
      <c r="CY16" s="311">
        <v>0</v>
      </c>
      <c r="CZ16" s="312">
        <v>0</v>
      </c>
      <c r="DA16" s="313">
        <v>0</v>
      </c>
      <c r="DB16" s="313">
        <v>0</v>
      </c>
      <c r="DC16" s="313">
        <v>0</v>
      </c>
      <c r="DD16" s="313">
        <v>0</v>
      </c>
      <c r="DE16" s="313">
        <v>0</v>
      </c>
      <c r="DF16" s="311">
        <v>0</v>
      </c>
      <c r="DG16" s="315">
        <v>0</v>
      </c>
      <c r="DH16" s="310">
        <v>0</v>
      </c>
      <c r="DI16" s="313">
        <v>0</v>
      </c>
      <c r="DJ16" s="311">
        <v>0</v>
      </c>
      <c r="DK16" s="312">
        <v>0</v>
      </c>
      <c r="DL16" s="313">
        <v>0</v>
      </c>
      <c r="DM16" s="313">
        <v>0</v>
      </c>
      <c r="DN16" s="313">
        <v>0</v>
      </c>
      <c r="DO16" s="313">
        <v>0</v>
      </c>
      <c r="DP16" s="313">
        <v>0</v>
      </c>
      <c r="DQ16" s="311">
        <v>0</v>
      </c>
      <c r="DR16" s="315">
        <v>0</v>
      </c>
      <c r="DS16" s="310">
        <v>4</v>
      </c>
      <c r="DT16" s="313">
        <v>12</v>
      </c>
      <c r="DU16" s="311">
        <v>16</v>
      </c>
      <c r="DV16" s="312">
        <v>0</v>
      </c>
      <c r="DW16" s="313">
        <v>22</v>
      </c>
      <c r="DX16" s="313">
        <v>36</v>
      </c>
      <c r="DY16" s="313">
        <v>22</v>
      </c>
      <c r="DZ16" s="313">
        <v>22</v>
      </c>
      <c r="EA16" s="313">
        <v>7</v>
      </c>
      <c r="EB16" s="311">
        <v>109</v>
      </c>
      <c r="EC16" s="315">
        <v>125</v>
      </c>
      <c r="ED16" s="310">
        <v>1</v>
      </c>
      <c r="EE16" s="313">
        <v>0</v>
      </c>
      <c r="EF16" s="311">
        <v>1</v>
      </c>
      <c r="EG16" s="312">
        <v>0</v>
      </c>
      <c r="EH16" s="313">
        <v>5</v>
      </c>
      <c r="EI16" s="313">
        <v>7</v>
      </c>
      <c r="EJ16" s="313">
        <v>6</v>
      </c>
      <c r="EK16" s="313">
        <v>9</v>
      </c>
      <c r="EL16" s="313">
        <v>6</v>
      </c>
      <c r="EM16" s="311">
        <v>33</v>
      </c>
      <c r="EN16" s="315">
        <v>34</v>
      </c>
      <c r="EO16" s="310">
        <v>5</v>
      </c>
      <c r="EP16" s="313">
        <v>13</v>
      </c>
      <c r="EQ16" s="311">
        <v>18</v>
      </c>
      <c r="ER16" s="312">
        <v>0</v>
      </c>
      <c r="ES16" s="313">
        <v>51</v>
      </c>
      <c r="ET16" s="313">
        <v>55</v>
      </c>
      <c r="EU16" s="313">
        <v>30</v>
      </c>
      <c r="EV16" s="313">
        <v>22</v>
      </c>
      <c r="EW16" s="313">
        <v>12</v>
      </c>
      <c r="EX16" s="311">
        <v>170</v>
      </c>
      <c r="EY16" s="315">
        <v>188</v>
      </c>
    </row>
    <row r="17" spans="1:155" ht="19.5" customHeight="1" x14ac:dyDescent="0.2">
      <c r="A17" s="297" t="s">
        <v>15</v>
      </c>
      <c r="B17" s="310">
        <v>0</v>
      </c>
      <c r="C17" s="313">
        <v>0</v>
      </c>
      <c r="D17" s="441">
        <v>0</v>
      </c>
      <c r="E17" s="312">
        <v>0</v>
      </c>
      <c r="F17" s="313">
        <v>5</v>
      </c>
      <c r="G17" s="313">
        <v>6</v>
      </c>
      <c r="H17" s="313">
        <v>4</v>
      </c>
      <c r="I17" s="313">
        <v>1</v>
      </c>
      <c r="J17" s="313">
        <v>3</v>
      </c>
      <c r="K17" s="314">
        <v>19</v>
      </c>
      <c r="L17" s="315">
        <v>19</v>
      </c>
      <c r="M17" s="310">
        <v>0</v>
      </c>
      <c r="N17" s="313">
        <v>0</v>
      </c>
      <c r="O17" s="311">
        <v>0</v>
      </c>
      <c r="P17" s="312">
        <v>0</v>
      </c>
      <c r="Q17" s="313">
        <v>0</v>
      </c>
      <c r="R17" s="313">
        <v>0</v>
      </c>
      <c r="S17" s="313">
        <v>0</v>
      </c>
      <c r="T17" s="313">
        <v>3</v>
      </c>
      <c r="U17" s="313">
        <v>2</v>
      </c>
      <c r="V17" s="311">
        <v>5</v>
      </c>
      <c r="W17" s="315">
        <v>5</v>
      </c>
      <c r="X17" s="310">
        <v>0</v>
      </c>
      <c r="Y17" s="313">
        <v>0</v>
      </c>
      <c r="Z17" s="311">
        <v>0</v>
      </c>
      <c r="AA17" s="312">
        <v>0</v>
      </c>
      <c r="AB17" s="313">
        <v>1</v>
      </c>
      <c r="AC17" s="313">
        <v>9</v>
      </c>
      <c r="AD17" s="313">
        <v>0</v>
      </c>
      <c r="AE17" s="313">
        <v>4</v>
      </c>
      <c r="AF17" s="313">
        <v>2</v>
      </c>
      <c r="AG17" s="311">
        <v>16</v>
      </c>
      <c r="AH17" s="315">
        <v>16</v>
      </c>
      <c r="AI17" s="310">
        <v>0</v>
      </c>
      <c r="AJ17" s="313">
        <v>0</v>
      </c>
      <c r="AK17" s="311">
        <v>0</v>
      </c>
      <c r="AL17" s="312">
        <v>0</v>
      </c>
      <c r="AM17" s="313">
        <v>1</v>
      </c>
      <c r="AN17" s="313">
        <v>1</v>
      </c>
      <c r="AO17" s="313">
        <v>0</v>
      </c>
      <c r="AP17" s="313">
        <v>0</v>
      </c>
      <c r="AQ17" s="313">
        <v>1</v>
      </c>
      <c r="AR17" s="311">
        <v>3</v>
      </c>
      <c r="AS17" s="315">
        <v>3</v>
      </c>
      <c r="AT17" s="310">
        <v>0</v>
      </c>
      <c r="AU17" s="313">
        <v>0</v>
      </c>
      <c r="AV17" s="311">
        <v>0</v>
      </c>
      <c r="AW17" s="312">
        <v>0</v>
      </c>
      <c r="AX17" s="313">
        <v>6</v>
      </c>
      <c r="AY17" s="313">
        <v>5</v>
      </c>
      <c r="AZ17" s="313">
        <v>7</v>
      </c>
      <c r="BA17" s="313">
        <v>7</v>
      </c>
      <c r="BB17" s="313">
        <v>1</v>
      </c>
      <c r="BC17" s="314">
        <v>26</v>
      </c>
      <c r="BD17" s="315">
        <v>26</v>
      </c>
      <c r="BE17" s="310">
        <v>0</v>
      </c>
      <c r="BF17" s="313">
        <v>0</v>
      </c>
      <c r="BG17" s="311">
        <v>0</v>
      </c>
      <c r="BH17" s="312">
        <v>0</v>
      </c>
      <c r="BI17" s="313">
        <v>4</v>
      </c>
      <c r="BJ17" s="313">
        <v>5</v>
      </c>
      <c r="BK17" s="313">
        <v>3</v>
      </c>
      <c r="BL17" s="313">
        <v>1</v>
      </c>
      <c r="BM17" s="313">
        <v>0</v>
      </c>
      <c r="BN17" s="311">
        <v>13</v>
      </c>
      <c r="BO17" s="315">
        <v>13</v>
      </c>
      <c r="BP17" s="310">
        <v>0</v>
      </c>
      <c r="BQ17" s="313">
        <v>0</v>
      </c>
      <c r="BR17" s="311">
        <v>0</v>
      </c>
      <c r="BS17" s="312">
        <v>0</v>
      </c>
      <c r="BT17" s="313">
        <v>2</v>
      </c>
      <c r="BU17" s="313">
        <v>3</v>
      </c>
      <c r="BV17" s="313">
        <v>3</v>
      </c>
      <c r="BW17" s="313">
        <v>1</v>
      </c>
      <c r="BX17" s="313">
        <v>0</v>
      </c>
      <c r="BY17" s="311">
        <v>9</v>
      </c>
      <c r="BZ17" s="315">
        <v>9</v>
      </c>
      <c r="CA17" s="310">
        <v>0</v>
      </c>
      <c r="CB17" s="313">
        <v>0</v>
      </c>
      <c r="CC17" s="311">
        <v>0</v>
      </c>
      <c r="CD17" s="312">
        <v>0</v>
      </c>
      <c r="CE17" s="313">
        <v>0</v>
      </c>
      <c r="CF17" s="313">
        <v>1</v>
      </c>
      <c r="CG17" s="313">
        <v>1</v>
      </c>
      <c r="CH17" s="313">
        <v>0</v>
      </c>
      <c r="CI17" s="313">
        <v>1</v>
      </c>
      <c r="CJ17" s="311">
        <v>3</v>
      </c>
      <c r="CK17" s="315">
        <v>3</v>
      </c>
      <c r="CL17" s="310">
        <v>0</v>
      </c>
      <c r="CM17" s="313">
        <v>0</v>
      </c>
      <c r="CN17" s="311">
        <v>0</v>
      </c>
      <c r="CO17" s="312">
        <v>0</v>
      </c>
      <c r="CP17" s="313">
        <v>0</v>
      </c>
      <c r="CQ17" s="313">
        <v>0</v>
      </c>
      <c r="CR17" s="313">
        <v>1</v>
      </c>
      <c r="CS17" s="313">
        <v>1</v>
      </c>
      <c r="CT17" s="313">
        <v>0</v>
      </c>
      <c r="CU17" s="311">
        <v>2</v>
      </c>
      <c r="CV17" s="315">
        <v>2</v>
      </c>
      <c r="CW17" s="310">
        <v>0</v>
      </c>
      <c r="CX17" s="313">
        <v>0</v>
      </c>
      <c r="CY17" s="311">
        <v>0</v>
      </c>
      <c r="CZ17" s="312">
        <v>0</v>
      </c>
      <c r="DA17" s="313">
        <v>0</v>
      </c>
      <c r="DB17" s="313">
        <v>0</v>
      </c>
      <c r="DC17" s="313">
        <v>0</v>
      </c>
      <c r="DD17" s="313">
        <v>0</v>
      </c>
      <c r="DE17" s="313">
        <v>0</v>
      </c>
      <c r="DF17" s="311">
        <v>0</v>
      </c>
      <c r="DG17" s="315">
        <v>0</v>
      </c>
      <c r="DH17" s="310">
        <v>0</v>
      </c>
      <c r="DI17" s="313">
        <v>0</v>
      </c>
      <c r="DJ17" s="311">
        <v>0</v>
      </c>
      <c r="DK17" s="312">
        <v>0</v>
      </c>
      <c r="DL17" s="313">
        <v>0</v>
      </c>
      <c r="DM17" s="313">
        <v>0</v>
      </c>
      <c r="DN17" s="313">
        <v>0</v>
      </c>
      <c r="DO17" s="313">
        <v>0</v>
      </c>
      <c r="DP17" s="313">
        <v>0</v>
      </c>
      <c r="DQ17" s="311">
        <v>0</v>
      </c>
      <c r="DR17" s="315">
        <v>0</v>
      </c>
      <c r="DS17" s="310">
        <v>1</v>
      </c>
      <c r="DT17" s="313">
        <v>5</v>
      </c>
      <c r="DU17" s="311">
        <v>6</v>
      </c>
      <c r="DV17" s="312">
        <v>0</v>
      </c>
      <c r="DW17" s="313">
        <v>10</v>
      </c>
      <c r="DX17" s="313">
        <v>18</v>
      </c>
      <c r="DY17" s="313">
        <v>9</v>
      </c>
      <c r="DZ17" s="313">
        <v>10</v>
      </c>
      <c r="EA17" s="313">
        <v>4</v>
      </c>
      <c r="EB17" s="311">
        <v>51</v>
      </c>
      <c r="EC17" s="315">
        <v>57</v>
      </c>
      <c r="ED17" s="310">
        <v>3</v>
      </c>
      <c r="EE17" s="313">
        <v>2</v>
      </c>
      <c r="EF17" s="311">
        <v>5</v>
      </c>
      <c r="EG17" s="312">
        <v>0</v>
      </c>
      <c r="EH17" s="313">
        <v>5</v>
      </c>
      <c r="EI17" s="313">
        <v>4</v>
      </c>
      <c r="EJ17" s="313">
        <v>4</v>
      </c>
      <c r="EK17" s="313">
        <v>3</v>
      </c>
      <c r="EL17" s="313">
        <v>0</v>
      </c>
      <c r="EM17" s="311">
        <v>16</v>
      </c>
      <c r="EN17" s="315">
        <v>21</v>
      </c>
      <c r="EO17" s="310">
        <v>1</v>
      </c>
      <c r="EP17" s="313">
        <v>5</v>
      </c>
      <c r="EQ17" s="311">
        <v>6</v>
      </c>
      <c r="ER17" s="312">
        <v>0</v>
      </c>
      <c r="ES17" s="313">
        <v>16</v>
      </c>
      <c r="ET17" s="313">
        <v>23</v>
      </c>
      <c r="EU17" s="313">
        <v>11</v>
      </c>
      <c r="EV17" s="313">
        <v>9</v>
      </c>
      <c r="EW17" s="313">
        <v>3</v>
      </c>
      <c r="EX17" s="311">
        <v>62</v>
      </c>
      <c r="EY17" s="315">
        <v>68</v>
      </c>
    </row>
    <row r="18" spans="1:155" ht="19.5" customHeight="1" x14ac:dyDescent="0.2">
      <c r="A18" s="297" t="s">
        <v>16</v>
      </c>
      <c r="B18" s="310">
        <v>0</v>
      </c>
      <c r="C18" s="313">
        <v>0</v>
      </c>
      <c r="D18" s="441">
        <v>0</v>
      </c>
      <c r="E18" s="312">
        <v>0</v>
      </c>
      <c r="F18" s="313">
        <v>11</v>
      </c>
      <c r="G18" s="313">
        <v>11</v>
      </c>
      <c r="H18" s="313">
        <v>9</v>
      </c>
      <c r="I18" s="313">
        <v>6</v>
      </c>
      <c r="J18" s="313">
        <v>4</v>
      </c>
      <c r="K18" s="314">
        <v>41</v>
      </c>
      <c r="L18" s="315">
        <v>41</v>
      </c>
      <c r="M18" s="310">
        <v>0</v>
      </c>
      <c r="N18" s="313">
        <v>0</v>
      </c>
      <c r="O18" s="311">
        <v>0</v>
      </c>
      <c r="P18" s="312">
        <v>0</v>
      </c>
      <c r="Q18" s="313">
        <v>0</v>
      </c>
      <c r="R18" s="313">
        <v>0</v>
      </c>
      <c r="S18" s="313">
        <v>0</v>
      </c>
      <c r="T18" s="313">
        <v>2</v>
      </c>
      <c r="U18" s="313">
        <v>2</v>
      </c>
      <c r="V18" s="311">
        <v>4</v>
      </c>
      <c r="W18" s="315">
        <v>4</v>
      </c>
      <c r="X18" s="310">
        <v>1</v>
      </c>
      <c r="Y18" s="313">
        <v>6</v>
      </c>
      <c r="Z18" s="311">
        <v>7</v>
      </c>
      <c r="AA18" s="312">
        <v>0</v>
      </c>
      <c r="AB18" s="313">
        <v>13</v>
      </c>
      <c r="AC18" s="313">
        <v>19</v>
      </c>
      <c r="AD18" s="313">
        <v>10</v>
      </c>
      <c r="AE18" s="313">
        <v>7</v>
      </c>
      <c r="AF18" s="313">
        <v>3</v>
      </c>
      <c r="AG18" s="311">
        <v>52</v>
      </c>
      <c r="AH18" s="315">
        <v>59</v>
      </c>
      <c r="AI18" s="310">
        <v>0</v>
      </c>
      <c r="AJ18" s="313">
        <v>0</v>
      </c>
      <c r="AK18" s="311">
        <v>0</v>
      </c>
      <c r="AL18" s="312">
        <v>0</v>
      </c>
      <c r="AM18" s="313">
        <v>0</v>
      </c>
      <c r="AN18" s="313">
        <v>1</v>
      </c>
      <c r="AO18" s="313">
        <v>2</v>
      </c>
      <c r="AP18" s="313">
        <v>0</v>
      </c>
      <c r="AQ18" s="313">
        <v>1</v>
      </c>
      <c r="AR18" s="311">
        <v>4</v>
      </c>
      <c r="AS18" s="315">
        <v>4</v>
      </c>
      <c r="AT18" s="310">
        <v>2</v>
      </c>
      <c r="AU18" s="313">
        <v>2</v>
      </c>
      <c r="AV18" s="311">
        <v>4</v>
      </c>
      <c r="AW18" s="312">
        <v>0</v>
      </c>
      <c r="AX18" s="313">
        <v>17</v>
      </c>
      <c r="AY18" s="313">
        <v>18</v>
      </c>
      <c r="AZ18" s="313">
        <v>20</v>
      </c>
      <c r="BA18" s="313">
        <v>21</v>
      </c>
      <c r="BB18" s="313">
        <v>13</v>
      </c>
      <c r="BC18" s="314">
        <v>89</v>
      </c>
      <c r="BD18" s="315">
        <v>93</v>
      </c>
      <c r="BE18" s="310">
        <v>0</v>
      </c>
      <c r="BF18" s="313">
        <v>0</v>
      </c>
      <c r="BG18" s="311">
        <v>0</v>
      </c>
      <c r="BH18" s="312">
        <v>0</v>
      </c>
      <c r="BI18" s="313">
        <v>21</v>
      </c>
      <c r="BJ18" s="313">
        <v>26</v>
      </c>
      <c r="BK18" s="313">
        <v>9</v>
      </c>
      <c r="BL18" s="313">
        <v>10</v>
      </c>
      <c r="BM18" s="313">
        <v>3</v>
      </c>
      <c r="BN18" s="311">
        <v>69</v>
      </c>
      <c r="BO18" s="315">
        <v>69</v>
      </c>
      <c r="BP18" s="310">
        <v>3</v>
      </c>
      <c r="BQ18" s="313">
        <v>3</v>
      </c>
      <c r="BR18" s="311">
        <v>6</v>
      </c>
      <c r="BS18" s="312">
        <v>0</v>
      </c>
      <c r="BT18" s="313">
        <v>14</v>
      </c>
      <c r="BU18" s="313">
        <v>25</v>
      </c>
      <c r="BV18" s="313">
        <v>7</v>
      </c>
      <c r="BW18" s="313">
        <v>5</v>
      </c>
      <c r="BX18" s="313">
        <v>2</v>
      </c>
      <c r="BY18" s="311">
        <v>53</v>
      </c>
      <c r="BZ18" s="315">
        <v>59</v>
      </c>
      <c r="CA18" s="310">
        <v>0</v>
      </c>
      <c r="CB18" s="313">
        <v>1</v>
      </c>
      <c r="CC18" s="311">
        <v>1</v>
      </c>
      <c r="CD18" s="312">
        <v>0</v>
      </c>
      <c r="CE18" s="313">
        <v>2</v>
      </c>
      <c r="CF18" s="313">
        <v>8</v>
      </c>
      <c r="CG18" s="313">
        <v>5</v>
      </c>
      <c r="CH18" s="313">
        <v>2</v>
      </c>
      <c r="CI18" s="313">
        <v>0</v>
      </c>
      <c r="CJ18" s="311">
        <v>17</v>
      </c>
      <c r="CK18" s="315">
        <v>18</v>
      </c>
      <c r="CL18" s="310">
        <v>0</v>
      </c>
      <c r="CM18" s="313">
        <v>0</v>
      </c>
      <c r="CN18" s="311">
        <v>0</v>
      </c>
      <c r="CO18" s="312">
        <v>0</v>
      </c>
      <c r="CP18" s="313">
        <v>0</v>
      </c>
      <c r="CQ18" s="313">
        <v>0</v>
      </c>
      <c r="CR18" s="313">
        <v>1</v>
      </c>
      <c r="CS18" s="313">
        <v>1</v>
      </c>
      <c r="CT18" s="313">
        <v>0</v>
      </c>
      <c r="CU18" s="311">
        <v>2</v>
      </c>
      <c r="CV18" s="315">
        <v>2</v>
      </c>
      <c r="CW18" s="310">
        <v>0</v>
      </c>
      <c r="CX18" s="313">
        <v>0</v>
      </c>
      <c r="CY18" s="311">
        <v>0</v>
      </c>
      <c r="CZ18" s="312">
        <v>0</v>
      </c>
      <c r="DA18" s="313">
        <v>0</v>
      </c>
      <c r="DB18" s="313">
        <v>0</v>
      </c>
      <c r="DC18" s="313">
        <v>0</v>
      </c>
      <c r="DD18" s="313">
        <v>0</v>
      </c>
      <c r="DE18" s="313">
        <v>0</v>
      </c>
      <c r="DF18" s="311">
        <v>0</v>
      </c>
      <c r="DG18" s="315">
        <v>0</v>
      </c>
      <c r="DH18" s="310">
        <v>0</v>
      </c>
      <c r="DI18" s="313">
        <v>0</v>
      </c>
      <c r="DJ18" s="311">
        <v>0</v>
      </c>
      <c r="DK18" s="312">
        <v>0</v>
      </c>
      <c r="DL18" s="313">
        <v>0</v>
      </c>
      <c r="DM18" s="313">
        <v>0</v>
      </c>
      <c r="DN18" s="313">
        <v>0</v>
      </c>
      <c r="DO18" s="313">
        <v>0</v>
      </c>
      <c r="DP18" s="313">
        <v>0</v>
      </c>
      <c r="DQ18" s="311">
        <v>0</v>
      </c>
      <c r="DR18" s="315">
        <v>0</v>
      </c>
      <c r="DS18" s="310">
        <v>12</v>
      </c>
      <c r="DT18" s="313">
        <v>10</v>
      </c>
      <c r="DU18" s="311">
        <v>22</v>
      </c>
      <c r="DV18" s="312">
        <v>0</v>
      </c>
      <c r="DW18" s="313">
        <v>23</v>
      </c>
      <c r="DX18" s="313">
        <v>57</v>
      </c>
      <c r="DY18" s="313">
        <v>29</v>
      </c>
      <c r="DZ18" s="313">
        <v>18</v>
      </c>
      <c r="EA18" s="313">
        <v>10</v>
      </c>
      <c r="EB18" s="311">
        <v>137</v>
      </c>
      <c r="EC18" s="315">
        <v>159</v>
      </c>
      <c r="ED18" s="310">
        <v>2</v>
      </c>
      <c r="EE18" s="313">
        <v>3</v>
      </c>
      <c r="EF18" s="311">
        <v>5</v>
      </c>
      <c r="EG18" s="312">
        <v>0</v>
      </c>
      <c r="EH18" s="313">
        <v>11</v>
      </c>
      <c r="EI18" s="313">
        <v>8</v>
      </c>
      <c r="EJ18" s="313">
        <v>13</v>
      </c>
      <c r="EK18" s="313">
        <v>15</v>
      </c>
      <c r="EL18" s="313">
        <v>7</v>
      </c>
      <c r="EM18" s="311">
        <v>54</v>
      </c>
      <c r="EN18" s="315">
        <v>59</v>
      </c>
      <c r="EO18" s="310">
        <v>16</v>
      </c>
      <c r="EP18" s="313">
        <v>16</v>
      </c>
      <c r="EQ18" s="311">
        <v>32</v>
      </c>
      <c r="ER18" s="312">
        <v>0</v>
      </c>
      <c r="ES18" s="313">
        <v>53</v>
      </c>
      <c r="ET18" s="313">
        <v>83</v>
      </c>
      <c r="EU18" s="313">
        <v>35</v>
      </c>
      <c r="EV18" s="313">
        <v>22</v>
      </c>
      <c r="EW18" s="313">
        <v>10</v>
      </c>
      <c r="EX18" s="311">
        <v>203</v>
      </c>
      <c r="EY18" s="315">
        <v>235</v>
      </c>
    </row>
    <row r="19" spans="1:155" ht="19.5" customHeight="1" x14ac:dyDescent="0.2">
      <c r="A19" s="297" t="s">
        <v>17</v>
      </c>
      <c r="B19" s="310">
        <v>0</v>
      </c>
      <c r="C19" s="313">
        <v>0</v>
      </c>
      <c r="D19" s="441">
        <v>0</v>
      </c>
      <c r="E19" s="312">
        <v>0</v>
      </c>
      <c r="F19" s="313">
        <v>7</v>
      </c>
      <c r="G19" s="313">
        <v>22</v>
      </c>
      <c r="H19" s="313">
        <v>13</v>
      </c>
      <c r="I19" s="313">
        <v>8</v>
      </c>
      <c r="J19" s="313">
        <v>10</v>
      </c>
      <c r="K19" s="314">
        <v>60</v>
      </c>
      <c r="L19" s="315">
        <v>60</v>
      </c>
      <c r="M19" s="310">
        <v>0</v>
      </c>
      <c r="N19" s="313">
        <v>0</v>
      </c>
      <c r="O19" s="311">
        <v>0</v>
      </c>
      <c r="P19" s="312">
        <v>0</v>
      </c>
      <c r="Q19" s="313">
        <v>0</v>
      </c>
      <c r="R19" s="313">
        <v>1</v>
      </c>
      <c r="S19" s="313">
        <v>0</v>
      </c>
      <c r="T19" s="313">
        <v>0</v>
      </c>
      <c r="U19" s="313">
        <v>5</v>
      </c>
      <c r="V19" s="311">
        <v>6</v>
      </c>
      <c r="W19" s="315">
        <v>6</v>
      </c>
      <c r="X19" s="310">
        <v>0</v>
      </c>
      <c r="Y19" s="313">
        <v>5</v>
      </c>
      <c r="Z19" s="311">
        <v>5</v>
      </c>
      <c r="AA19" s="312">
        <v>0</v>
      </c>
      <c r="AB19" s="313">
        <v>12</v>
      </c>
      <c r="AC19" s="313">
        <v>14</v>
      </c>
      <c r="AD19" s="313">
        <v>9</v>
      </c>
      <c r="AE19" s="313">
        <v>12</v>
      </c>
      <c r="AF19" s="313">
        <v>7</v>
      </c>
      <c r="AG19" s="311">
        <v>54</v>
      </c>
      <c r="AH19" s="315">
        <v>59</v>
      </c>
      <c r="AI19" s="310">
        <v>1</v>
      </c>
      <c r="AJ19" s="313">
        <v>0</v>
      </c>
      <c r="AK19" s="311">
        <v>1</v>
      </c>
      <c r="AL19" s="312">
        <v>0</v>
      </c>
      <c r="AM19" s="313">
        <v>0</v>
      </c>
      <c r="AN19" s="313">
        <v>3</v>
      </c>
      <c r="AO19" s="313">
        <v>0</v>
      </c>
      <c r="AP19" s="313">
        <v>1</v>
      </c>
      <c r="AQ19" s="313">
        <v>1</v>
      </c>
      <c r="AR19" s="311">
        <v>5</v>
      </c>
      <c r="AS19" s="315">
        <v>6</v>
      </c>
      <c r="AT19" s="310">
        <v>1</v>
      </c>
      <c r="AU19" s="313">
        <v>2</v>
      </c>
      <c r="AV19" s="311">
        <v>3</v>
      </c>
      <c r="AW19" s="312">
        <v>0</v>
      </c>
      <c r="AX19" s="313">
        <v>10</v>
      </c>
      <c r="AY19" s="313">
        <v>30</v>
      </c>
      <c r="AZ19" s="313">
        <v>15</v>
      </c>
      <c r="BA19" s="313">
        <v>21</v>
      </c>
      <c r="BB19" s="313">
        <v>16</v>
      </c>
      <c r="BC19" s="314">
        <v>92</v>
      </c>
      <c r="BD19" s="315">
        <v>95</v>
      </c>
      <c r="BE19" s="310">
        <v>0</v>
      </c>
      <c r="BF19" s="313">
        <v>0</v>
      </c>
      <c r="BG19" s="311">
        <v>0</v>
      </c>
      <c r="BH19" s="312">
        <v>0</v>
      </c>
      <c r="BI19" s="313">
        <v>28</v>
      </c>
      <c r="BJ19" s="313">
        <v>21</v>
      </c>
      <c r="BK19" s="313">
        <v>15</v>
      </c>
      <c r="BL19" s="313">
        <v>11</v>
      </c>
      <c r="BM19" s="313">
        <v>4</v>
      </c>
      <c r="BN19" s="311">
        <v>79</v>
      </c>
      <c r="BO19" s="315">
        <v>79</v>
      </c>
      <c r="BP19" s="310">
        <v>3</v>
      </c>
      <c r="BQ19" s="313">
        <v>4</v>
      </c>
      <c r="BR19" s="311">
        <v>7</v>
      </c>
      <c r="BS19" s="312">
        <v>0</v>
      </c>
      <c r="BT19" s="313">
        <v>8</v>
      </c>
      <c r="BU19" s="313">
        <v>16</v>
      </c>
      <c r="BV19" s="313">
        <v>4</v>
      </c>
      <c r="BW19" s="313">
        <v>1</v>
      </c>
      <c r="BX19" s="313">
        <v>2</v>
      </c>
      <c r="BY19" s="311">
        <v>31</v>
      </c>
      <c r="BZ19" s="315">
        <v>38</v>
      </c>
      <c r="CA19" s="310">
        <v>0</v>
      </c>
      <c r="CB19" s="313">
        <v>1</v>
      </c>
      <c r="CC19" s="311">
        <v>1</v>
      </c>
      <c r="CD19" s="312">
        <v>0</v>
      </c>
      <c r="CE19" s="313">
        <v>2</v>
      </c>
      <c r="CF19" s="313">
        <v>4</v>
      </c>
      <c r="CG19" s="313">
        <v>8</v>
      </c>
      <c r="CH19" s="313">
        <v>8</v>
      </c>
      <c r="CI19" s="313">
        <v>2</v>
      </c>
      <c r="CJ19" s="311">
        <v>24</v>
      </c>
      <c r="CK19" s="315">
        <v>25</v>
      </c>
      <c r="CL19" s="310">
        <v>0</v>
      </c>
      <c r="CM19" s="313">
        <v>0</v>
      </c>
      <c r="CN19" s="311">
        <v>0</v>
      </c>
      <c r="CO19" s="312">
        <v>0</v>
      </c>
      <c r="CP19" s="313">
        <v>1</v>
      </c>
      <c r="CQ19" s="313">
        <v>4</v>
      </c>
      <c r="CR19" s="313">
        <v>0</v>
      </c>
      <c r="CS19" s="313">
        <v>0</v>
      </c>
      <c r="CT19" s="313">
        <v>0</v>
      </c>
      <c r="CU19" s="311">
        <v>5</v>
      </c>
      <c r="CV19" s="315">
        <v>5</v>
      </c>
      <c r="CW19" s="310">
        <v>0</v>
      </c>
      <c r="CX19" s="313">
        <v>0</v>
      </c>
      <c r="CY19" s="311">
        <v>0</v>
      </c>
      <c r="CZ19" s="312">
        <v>0</v>
      </c>
      <c r="DA19" s="313">
        <v>0</v>
      </c>
      <c r="DB19" s="313">
        <v>0</v>
      </c>
      <c r="DC19" s="313">
        <v>0</v>
      </c>
      <c r="DD19" s="313">
        <v>0</v>
      </c>
      <c r="DE19" s="313">
        <v>0</v>
      </c>
      <c r="DF19" s="311">
        <v>0</v>
      </c>
      <c r="DG19" s="315">
        <v>0</v>
      </c>
      <c r="DH19" s="310">
        <v>0</v>
      </c>
      <c r="DI19" s="313">
        <v>0</v>
      </c>
      <c r="DJ19" s="311">
        <v>0</v>
      </c>
      <c r="DK19" s="312">
        <v>0</v>
      </c>
      <c r="DL19" s="313">
        <v>0</v>
      </c>
      <c r="DM19" s="313">
        <v>0</v>
      </c>
      <c r="DN19" s="313">
        <v>0</v>
      </c>
      <c r="DO19" s="313">
        <v>0</v>
      </c>
      <c r="DP19" s="313">
        <v>0</v>
      </c>
      <c r="DQ19" s="311">
        <v>0</v>
      </c>
      <c r="DR19" s="315">
        <v>0</v>
      </c>
      <c r="DS19" s="310">
        <v>5</v>
      </c>
      <c r="DT19" s="313">
        <v>27</v>
      </c>
      <c r="DU19" s="311">
        <v>32</v>
      </c>
      <c r="DV19" s="312">
        <v>0</v>
      </c>
      <c r="DW19" s="313">
        <v>31</v>
      </c>
      <c r="DX19" s="313">
        <v>53</v>
      </c>
      <c r="DY19" s="313">
        <v>35</v>
      </c>
      <c r="DZ19" s="313">
        <v>23</v>
      </c>
      <c r="EA19" s="313">
        <v>19</v>
      </c>
      <c r="EB19" s="311">
        <v>161</v>
      </c>
      <c r="EC19" s="315">
        <v>193</v>
      </c>
      <c r="ED19" s="310">
        <v>3</v>
      </c>
      <c r="EE19" s="313">
        <v>1</v>
      </c>
      <c r="EF19" s="311">
        <v>4</v>
      </c>
      <c r="EG19" s="312">
        <v>0</v>
      </c>
      <c r="EH19" s="313">
        <v>7</v>
      </c>
      <c r="EI19" s="313">
        <v>6</v>
      </c>
      <c r="EJ19" s="313">
        <v>6</v>
      </c>
      <c r="EK19" s="313">
        <v>8</v>
      </c>
      <c r="EL19" s="313">
        <v>3</v>
      </c>
      <c r="EM19" s="311">
        <v>30</v>
      </c>
      <c r="EN19" s="315">
        <v>34</v>
      </c>
      <c r="EO19" s="310">
        <v>9</v>
      </c>
      <c r="EP19" s="313">
        <v>30</v>
      </c>
      <c r="EQ19" s="311">
        <v>39</v>
      </c>
      <c r="ER19" s="312">
        <v>0</v>
      </c>
      <c r="ES19" s="313">
        <v>71</v>
      </c>
      <c r="ET19" s="313">
        <v>73</v>
      </c>
      <c r="EU19" s="313">
        <v>40</v>
      </c>
      <c r="EV19" s="313">
        <v>30</v>
      </c>
      <c r="EW19" s="313">
        <v>18</v>
      </c>
      <c r="EX19" s="311">
        <v>232</v>
      </c>
      <c r="EY19" s="315">
        <v>271</v>
      </c>
    </row>
    <row r="20" spans="1:155" ht="19.5" customHeight="1" x14ac:dyDescent="0.2">
      <c r="A20" s="297" t="s">
        <v>18</v>
      </c>
      <c r="B20" s="310">
        <v>0</v>
      </c>
      <c r="C20" s="313">
        <v>0</v>
      </c>
      <c r="D20" s="441">
        <v>0</v>
      </c>
      <c r="E20" s="312">
        <v>0</v>
      </c>
      <c r="F20" s="313">
        <v>24</v>
      </c>
      <c r="G20" s="313">
        <v>38</v>
      </c>
      <c r="H20" s="313">
        <v>15</v>
      </c>
      <c r="I20" s="313">
        <v>10</v>
      </c>
      <c r="J20" s="313">
        <v>5</v>
      </c>
      <c r="K20" s="314">
        <v>92</v>
      </c>
      <c r="L20" s="315">
        <v>92</v>
      </c>
      <c r="M20" s="310">
        <v>0</v>
      </c>
      <c r="N20" s="313">
        <v>0</v>
      </c>
      <c r="O20" s="311">
        <v>0</v>
      </c>
      <c r="P20" s="312">
        <v>0</v>
      </c>
      <c r="Q20" s="313">
        <v>1</v>
      </c>
      <c r="R20" s="313">
        <v>1</v>
      </c>
      <c r="S20" s="313">
        <v>1</v>
      </c>
      <c r="T20" s="313">
        <v>4</v>
      </c>
      <c r="U20" s="313">
        <v>3</v>
      </c>
      <c r="V20" s="311">
        <v>10</v>
      </c>
      <c r="W20" s="315">
        <v>10</v>
      </c>
      <c r="X20" s="310">
        <v>2</v>
      </c>
      <c r="Y20" s="313">
        <v>9</v>
      </c>
      <c r="Z20" s="311">
        <v>11</v>
      </c>
      <c r="AA20" s="312">
        <v>0</v>
      </c>
      <c r="AB20" s="313">
        <v>21</v>
      </c>
      <c r="AC20" s="313">
        <v>24</v>
      </c>
      <c r="AD20" s="313">
        <v>12</v>
      </c>
      <c r="AE20" s="313">
        <v>11</v>
      </c>
      <c r="AF20" s="313">
        <v>6</v>
      </c>
      <c r="AG20" s="311">
        <v>74</v>
      </c>
      <c r="AH20" s="315">
        <v>85</v>
      </c>
      <c r="AI20" s="310">
        <v>0</v>
      </c>
      <c r="AJ20" s="313">
        <v>4</v>
      </c>
      <c r="AK20" s="311">
        <v>4</v>
      </c>
      <c r="AL20" s="312">
        <v>0</v>
      </c>
      <c r="AM20" s="313">
        <v>2</v>
      </c>
      <c r="AN20" s="313">
        <v>2</v>
      </c>
      <c r="AO20" s="313">
        <v>0</v>
      </c>
      <c r="AP20" s="313">
        <v>1</v>
      </c>
      <c r="AQ20" s="313">
        <v>0</v>
      </c>
      <c r="AR20" s="311">
        <v>5</v>
      </c>
      <c r="AS20" s="315">
        <v>9</v>
      </c>
      <c r="AT20" s="310">
        <v>2</v>
      </c>
      <c r="AU20" s="313">
        <v>10</v>
      </c>
      <c r="AV20" s="311">
        <v>12</v>
      </c>
      <c r="AW20" s="312">
        <v>0</v>
      </c>
      <c r="AX20" s="313">
        <v>34</v>
      </c>
      <c r="AY20" s="313">
        <v>48</v>
      </c>
      <c r="AZ20" s="313">
        <v>32</v>
      </c>
      <c r="BA20" s="313">
        <v>24</v>
      </c>
      <c r="BB20" s="313">
        <v>16</v>
      </c>
      <c r="BC20" s="314">
        <v>154</v>
      </c>
      <c r="BD20" s="315">
        <v>166</v>
      </c>
      <c r="BE20" s="310">
        <v>0</v>
      </c>
      <c r="BF20" s="313">
        <v>0</v>
      </c>
      <c r="BG20" s="311">
        <v>0</v>
      </c>
      <c r="BH20" s="312">
        <v>0</v>
      </c>
      <c r="BI20" s="313">
        <v>39</v>
      </c>
      <c r="BJ20" s="313">
        <v>37</v>
      </c>
      <c r="BK20" s="313">
        <v>22</v>
      </c>
      <c r="BL20" s="313">
        <v>10</v>
      </c>
      <c r="BM20" s="313">
        <v>4</v>
      </c>
      <c r="BN20" s="311">
        <v>112</v>
      </c>
      <c r="BO20" s="315">
        <v>112</v>
      </c>
      <c r="BP20" s="310">
        <v>2</v>
      </c>
      <c r="BQ20" s="313">
        <v>10</v>
      </c>
      <c r="BR20" s="311">
        <v>12</v>
      </c>
      <c r="BS20" s="312">
        <v>0</v>
      </c>
      <c r="BT20" s="313">
        <v>12</v>
      </c>
      <c r="BU20" s="313">
        <v>15</v>
      </c>
      <c r="BV20" s="313">
        <v>9</v>
      </c>
      <c r="BW20" s="313">
        <v>4</v>
      </c>
      <c r="BX20" s="313">
        <v>3</v>
      </c>
      <c r="BY20" s="311">
        <v>43</v>
      </c>
      <c r="BZ20" s="315">
        <v>55</v>
      </c>
      <c r="CA20" s="310">
        <v>0</v>
      </c>
      <c r="CB20" s="313">
        <v>0</v>
      </c>
      <c r="CC20" s="311">
        <v>0</v>
      </c>
      <c r="CD20" s="312">
        <v>0</v>
      </c>
      <c r="CE20" s="313">
        <v>1</v>
      </c>
      <c r="CF20" s="313">
        <v>7</v>
      </c>
      <c r="CG20" s="313">
        <v>5</v>
      </c>
      <c r="CH20" s="313">
        <v>7</v>
      </c>
      <c r="CI20" s="313">
        <v>3</v>
      </c>
      <c r="CJ20" s="311">
        <v>23</v>
      </c>
      <c r="CK20" s="315">
        <v>23</v>
      </c>
      <c r="CL20" s="310">
        <v>0</v>
      </c>
      <c r="CM20" s="313">
        <v>0</v>
      </c>
      <c r="CN20" s="311">
        <v>0</v>
      </c>
      <c r="CO20" s="312">
        <v>0</v>
      </c>
      <c r="CP20" s="313">
        <v>1</v>
      </c>
      <c r="CQ20" s="313">
        <v>0</v>
      </c>
      <c r="CR20" s="313">
        <v>0</v>
      </c>
      <c r="CS20" s="313">
        <v>0</v>
      </c>
      <c r="CT20" s="313">
        <v>0</v>
      </c>
      <c r="CU20" s="311">
        <v>1</v>
      </c>
      <c r="CV20" s="315">
        <v>1</v>
      </c>
      <c r="CW20" s="310">
        <v>0</v>
      </c>
      <c r="CX20" s="313">
        <v>0</v>
      </c>
      <c r="CY20" s="311">
        <v>0</v>
      </c>
      <c r="CZ20" s="312">
        <v>0</v>
      </c>
      <c r="DA20" s="313">
        <v>0</v>
      </c>
      <c r="DB20" s="313">
        <v>0</v>
      </c>
      <c r="DC20" s="313">
        <v>0</v>
      </c>
      <c r="DD20" s="313">
        <v>0</v>
      </c>
      <c r="DE20" s="313">
        <v>0</v>
      </c>
      <c r="DF20" s="311">
        <v>0</v>
      </c>
      <c r="DG20" s="315">
        <v>0</v>
      </c>
      <c r="DH20" s="310">
        <v>0</v>
      </c>
      <c r="DI20" s="313">
        <v>0</v>
      </c>
      <c r="DJ20" s="311">
        <v>0</v>
      </c>
      <c r="DK20" s="312">
        <v>0</v>
      </c>
      <c r="DL20" s="313">
        <v>0</v>
      </c>
      <c r="DM20" s="313">
        <v>0</v>
      </c>
      <c r="DN20" s="313">
        <v>0</v>
      </c>
      <c r="DO20" s="313">
        <v>0</v>
      </c>
      <c r="DP20" s="313">
        <v>0</v>
      </c>
      <c r="DQ20" s="311">
        <v>0</v>
      </c>
      <c r="DR20" s="315">
        <v>0</v>
      </c>
      <c r="DS20" s="310">
        <v>8</v>
      </c>
      <c r="DT20" s="313">
        <v>32</v>
      </c>
      <c r="DU20" s="311">
        <v>40</v>
      </c>
      <c r="DV20" s="312">
        <v>0</v>
      </c>
      <c r="DW20" s="313">
        <v>45</v>
      </c>
      <c r="DX20" s="313">
        <v>69</v>
      </c>
      <c r="DY20" s="313">
        <v>41</v>
      </c>
      <c r="DZ20" s="313">
        <v>28</v>
      </c>
      <c r="EA20" s="313">
        <v>10</v>
      </c>
      <c r="EB20" s="311">
        <v>193</v>
      </c>
      <c r="EC20" s="315">
        <v>233</v>
      </c>
      <c r="ED20" s="310">
        <v>1</v>
      </c>
      <c r="EE20" s="313">
        <v>3</v>
      </c>
      <c r="EF20" s="311">
        <v>4</v>
      </c>
      <c r="EG20" s="312">
        <v>0</v>
      </c>
      <c r="EH20" s="313">
        <v>10</v>
      </c>
      <c r="EI20" s="313">
        <v>12</v>
      </c>
      <c r="EJ20" s="313">
        <v>14</v>
      </c>
      <c r="EK20" s="313">
        <v>6</v>
      </c>
      <c r="EL20" s="313">
        <v>6</v>
      </c>
      <c r="EM20" s="311">
        <v>48</v>
      </c>
      <c r="EN20" s="315">
        <v>52</v>
      </c>
      <c r="EO20" s="310">
        <v>11</v>
      </c>
      <c r="EP20" s="313">
        <v>46</v>
      </c>
      <c r="EQ20" s="311">
        <v>57</v>
      </c>
      <c r="ER20" s="312">
        <v>0</v>
      </c>
      <c r="ES20" s="313">
        <v>105</v>
      </c>
      <c r="ET20" s="313">
        <v>108</v>
      </c>
      <c r="EU20" s="313">
        <v>51</v>
      </c>
      <c r="EV20" s="313">
        <v>30</v>
      </c>
      <c r="EW20" s="313">
        <v>12</v>
      </c>
      <c r="EX20" s="311">
        <v>306</v>
      </c>
      <c r="EY20" s="315">
        <v>363</v>
      </c>
    </row>
    <row r="21" spans="1:155" ht="19.5" customHeight="1" x14ac:dyDescent="0.2">
      <c r="A21" s="297" t="s">
        <v>19</v>
      </c>
      <c r="B21" s="310">
        <v>0</v>
      </c>
      <c r="C21" s="313">
        <v>0</v>
      </c>
      <c r="D21" s="441">
        <v>0</v>
      </c>
      <c r="E21" s="312">
        <v>0</v>
      </c>
      <c r="F21" s="313">
        <v>15</v>
      </c>
      <c r="G21" s="313">
        <v>11</v>
      </c>
      <c r="H21" s="313">
        <v>3</v>
      </c>
      <c r="I21" s="313">
        <v>7</v>
      </c>
      <c r="J21" s="313">
        <v>1</v>
      </c>
      <c r="K21" s="314">
        <v>37</v>
      </c>
      <c r="L21" s="315">
        <v>37</v>
      </c>
      <c r="M21" s="310">
        <v>0</v>
      </c>
      <c r="N21" s="313">
        <v>0</v>
      </c>
      <c r="O21" s="311">
        <v>0</v>
      </c>
      <c r="P21" s="312">
        <v>0</v>
      </c>
      <c r="Q21" s="313">
        <v>0</v>
      </c>
      <c r="R21" s="313">
        <v>1</v>
      </c>
      <c r="S21" s="313">
        <v>0</v>
      </c>
      <c r="T21" s="313">
        <v>3</v>
      </c>
      <c r="U21" s="313">
        <v>3</v>
      </c>
      <c r="V21" s="311">
        <v>7</v>
      </c>
      <c r="W21" s="315">
        <v>7</v>
      </c>
      <c r="X21" s="310">
        <v>1</v>
      </c>
      <c r="Y21" s="313">
        <v>1</v>
      </c>
      <c r="Z21" s="311">
        <v>2</v>
      </c>
      <c r="AA21" s="312">
        <v>0</v>
      </c>
      <c r="AB21" s="313">
        <v>12</v>
      </c>
      <c r="AC21" s="313">
        <v>12</v>
      </c>
      <c r="AD21" s="313">
        <v>4</v>
      </c>
      <c r="AE21" s="313">
        <v>6</v>
      </c>
      <c r="AF21" s="313">
        <v>5</v>
      </c>
      <c r="AG21" s="311">
        <v>39</v>
      </c>
      <c r="AH21" s="315">
        <v>41</v>
      </c>
      <c r="AI21" s="310">
        <v>0</v>
      </c>
      <c r="AJ21" s="313">
        <v>0</v>
      </c>
      <c r="AK21" s="311">
        <v>0</v>
      </c>
      <c r="AL21" s="312">
        <v>0</v>
      </c>
      <c r="AM21" s="313">
        <v>0</v>
      </c>
      <c r="AN21" s="313">
        <v>3</v>
      </c>
      <c r="AO21" s="313">
        <v>2</v>
      </c>
      <c r="AP21" s="313">
        <v>0</v>
      </c>
      <c r="AQ21" s="313">
        <v>0</v>
      </c>
      <c r="AR21" s="311">
        <v>5</v>
      </c>
      <c r="AS21" s="315">
        <v>5</v>
      </c>
      <c r="AT21" s="310">
        <v>1</v>
      </c>
      <c r="AU21" s="313">
        <v>3</v>
      </c>
      <c r="AV21" s="311">
        <v>4</v>
      </c>
      <c r="AW21" s="312">
        <v>0</v>
      </c>
      <c r="AX21" s="313">
        <v>22</v>
      </c>
      <c r="AY21" s="313">
        <v>13</v>
      </c>
      <c r="AZ21" s="313">
        <v>12</v>
      </c>
      <c r="BA21" s="313">
        <v>14</v>
      </c>
      <c r="BB21" s="313">
        <v>7</v>
      </c>
      <c r="BC21" s="314">
        <v>68</v>
      </c>
      <c r="BD21" s="315">
        <v>72</v>
      </c>
      <c r="BE21" s="310">
        <v>0</v>
      </c>
      <c r="BF21" s="313">
        <v>0</v>
      </c>
      <c r="BG21" s="311">
        <v>0</v>
      </c>
      <c r="BH21" s="312">
        <v>0</v>
      </c>
      <c r="BI21" s="313">
        <v>19</v>
      </c>
      <c r="BJ21" s="313">
        <v>18</v>
      </c>
      <c r="BK21" s="313">
        <v>8</v>
      </c>
      <c r="BL21" s="313">
        <v>2</v>
      </c>
      <c r="BM21" s="313">
        <v>1</v>
      </c>
      <c r="BN21" s="311">
        <v>48</v>
      </c>
      <c r="BO21" s="315">
        <v>48</v>
      </c>
      <c r="BP21" s="310">
        <v>1</v>
      </c>
      <c r="BQ21" s="313">
        <v>2</v>
      </c>
      <c r="BR21" s="311">
        <v>3</v>
      </c>
      <c r="BS21" s="312">
        <v>0</v>
      </c>
      <c r="BT21" s="313">
        <v>10</v>
      </c>
      <c r="BU21" s="313">
        <v>10</v>
      </c>
      <c r="BV21" s="313">
        <v>4</v>
      </c>
      <c r="BW21" s="313">
        <v>3</v>
      </c>
      <c r="BX21" s="313">
        <v>0</v>
      </c>
      <c r="BY21" s="311">
        <v>27</v>
      </c>
      <c r="BZ21" s="315">
        <v>30</v>
      </c>
      <c r="CA21" s="310">
        <v>0</v>
      </c>
      <c r="CB21" s="313">
        <v>0</v>
      </c>
      <c r="CC21" s="311">
        <v>0</v>
      </c>
      <c r="CD21" s="312">
        <v>0</v>
      </c>
      <c r="CE21" s="313">
        <v>1</v>
      </c>
      <c r="CF21" s="313">
        <v>2</v>
      </c>
      <c r="CG21" s="313">
        <v>1</v>
      </c>
      <c r="CH21" s="313">
        <v>0</v>
      </c>
      <c r="CI21" s="313">
        <v>0</v>
      </c>
      <c r="CJ21" s="311">
        <v>4</v>
      </c>
      <c r="CK21" s="315">
        <v>4</v>
      </c>
      <c r="CL21" s="310">
        <v>0</v>
      </c>
      <c r="CM21" s="313">
        <v>1</v>
      </c>
      <c r="CN21" s="311">
        <v>1</v>
      </c>
      <c r="CO21" s="312">
        <v>0</v>
      </c>
      <c r="CP21" s="313">
        <v>0</v>
      </c>
      <c r="CQ21" s="313">
        <v>0</v>
      </c>
      <c r="CR21" s="313">
        <v>1</v>
      </c>
      <c r="CS21" s="313">
        <v>1</v>
      </c>
      <c r="CT21" s="313">
        <v>0</v>
      </c>
      <c r="CU21" s="311">
        <v>2</v>
      </c>
      <c r="CV21" s="315">
        <v>3</v>
      </c>
      <c r="CW21" s="310">
        <v>0</v>
      </c>
      <c r="CX21" s="313">
        <v>0</v>
      </c>
      <c r="CY21" s="311">
        <v>0</v>
      </c>
      <c r="CZ21" s="312">
        <v>0</v>
      </c>
      <c r="DA21" s="313">
        <v>0</v>
      </c>
      <c r="DB21" s="313">
        <v>0</v>
      </c>
      <c r="DC21" s="313">
        <v>0</v>
      </c>
      <c r="DD21" s="313">
        <v>0</v>
      </c>
      <c r="DE21" s="313">
        <v>0</v>
      </c>
      <c r="DF21" s="311">
        <v>0</v>
      </c>
      <c r="DG21" s="315">
        <v>0</v>
      </c>
      <c r="DH21" s="310">
        <v>0</v>
      </c>
      <c r="DI21" s="313">
        <v>0</v>
      </c>
      <c r="DJ21" s="311">
        <v>0</v>
      </c>
      <c r="DK21" s="312">
        <v>0</v>
      </c>
      <c r="DL21" s="313">
        <v>0</v>
      </c>
      <c r="DM21" s="313">
        <v>0</v>
      </c>
      <c r="DN21" s="313">
        <v>0</v>
      </c>
      <c r="DO21" s="313">
        <v>0</v>
      </c>
      <c r="DP21" s="313">
        <v>0</v>
      </c>
      <c r="DQ21" s="311">
        <v>0</v>
      </c>
      <c r="DR21" s="315">
        <v>0</v>
      </c>
      <c r="DS21" s="310">
        <v>4</v>
      </c>
      <c r="DT21" s="313">
        <v>8</v>
      </c>
      <c r="DU21" s="311">
        <v>12</v>
      </c>
      <c r="DV21" s="312">
        <v>0</v>
      </c>
      <c r="DW21" s="313">
        <v>28</v>
      </c>
      <c r="DX21" s="313">
        <v>30</v>
      </c>
      <c r="DY21" s="313">
        <v>14</v>
      </c>
      <c r="DZ21" s="313">
        <v>12</v>
      </c>
      <c r="EA21" s="313">
        <v>6</v>
      </c>
      <c r="EB21" s="311">
        <v>90</v>
      </c>
      <c r="EC21" s="315">
        <v>102</v>
      </c>
      <c r="ED21" s="310">
        <v>0</v>
      </c>
      <c r="EE21" s="313">
        <v>3</v>
      </c>
      <c r="EF21" s="311">
        <v>3</v>
      </c>
      <c r="EG21" s="312">
        <v>0</v>
      </c>
      <c r="EH21" s="313">
        <v>8</v>
      </c>
      <c r="EI21" s="313">
        <v>3</v>
      </c>
      <c r="EJ21" s="313">
        <v>3</v>
      </c>
      <c r="EK21" s="313">
        <v>4</v>
      </c>
      <c r="EL21" s="313">
        <v>1</v>
      </c>
      <c r="EM21" s="311">
        <v>19</v>
      </c>
      <c r="EN21" s="315">
        <v>22</v>
      </c>
      <c r="EO21" s="310">
        <v>7</v>
      </c>
      <c r="EP21" s="313">
        <v>11</v>
      </c>
      <c r="EQ21" s="311">
        <v>18</v>
      </c>
      <c r="ER21" s="312">
        <v>0</v>
      </c>
      <c r="ES21" s="313">
        <v>48</v>
      </c>
      <c r="ET21" s="313">
        <v>46</v>
      </c>
      <c r="EU21" s="313">
        <v>18</v>
      </c>
      <c r="EV21" s="313">
        <v>15</v>
      </c>
      <c r="EW21" s="313">
        <v>3</v>
      </c>
      <c r="EX21" s="311">
        <v>130</v>
      </c>
      <c r="EY21" s="315">
        <v>148</v>
      </c>
    </row>
    <row r="22" spans="1:155" ht="19.5" customHeight="1" x14ac:dyDescent="0.2">
      <c r="A22" s="297" t="s">
        <v>20</v>
      </c>
      <c r="B22" s="310">
        <v>0</v>
      </c>
      <c r="C22" s="313">
        <v>0</v>
      </c>
      <c r="D22" s="441">
        <v>0</v>
      </c>
      <c r="E22" s="312">
        <v>0</v>
      </c>
      <c r="F22" s="313">
        <v>18</v>
      </c>
      <c r="G22" s="313">
        <v>13</v>
      </c>
      <c r="H22" s="313">
        <v>9</v>
      </c>
      <c r="I22" s="313">
        <v>7</v>
      </c>
      <c r="J22" s="313">
        <v>1</v>
      </c>
      <c r="K22" s="314">
        <v>48</v>
      </c>
      <c r="L22" s="315">
        <v>48</v>
      </c>
      <c r="M22" s="310">
        <v>0</v>
      </c>
      <c r="N22" s="313">
        <v>0</v>
      </c>
      <c r="O22" s="311">
        <v>0</v>
      </c>
      <c r="P22" s="312">
        <v>0</v>
      </c>
      <c r="Q22" s="313">
        <v>1</v>
      </c>
      <c r="R22" s="313">
        <v>0</v>
      </c>
      <c r="S22" s="313">
        <v>0</v>
      </c>
      <c r="T22" s="313">
        <v>3</v>
      </c>
      <c r="U22" s="313">
        <v>1</v>
      </c>
      <c r="V22" s="311">
        <v>5</v>
      </c>
      <c r="W22" s="315">
        <v>5</v>
      </c>
      <c r="X22" s="310">
        <v>3</v>
      </c>
      <c r="Y22" s="313">
        <v>8</v>
      </c>
      <c r="Z22" s="311">
        <v>11</v>
      </c>
      <c r="AA22" s="312">
        <v>0</v>
      </c>
      <c r="AB22" s="313">
        <v>26</v>
      </c>
      <c r="AC22" s="313">
        <v>8</v>
      </c>
      <c r="AD22" s="313">
        <v>9</v>
      </c>
      <c r="AE22" s="313">
        <v>9</v>
      </c>
      <c r="AF22" s="313">
        <v>2</v>
      </c>
      <c r="AG22" s="311">
        <v>54</v>
      </c>
      <c r="AH22" s="315">
        <v>65</v>
      </c>
      <c r="AI22" s="310">
        <v>1</v>
      </c>
      <c r="AJ22" s="313">
        <v>1</v>
      </c>
      <c r="AK22" s="311">
        <v>2</v>
      </c>
      <c r="AL22" s="312">
        <v>0</v>
      </c>
      <c r="AM22" s="313">
        <v>5</v>
      </c>
      <c r="AN22" s="313">
        <v>3</v>
      </c>
      <c r="AO22" s="313">
        <v>4</v>
      </c>
      <c r="AP22" s="313">
        <v>2</v>
      </c>
      <c r="AQ22" s="313">
        <v>1</v>
      </c>
      <c r="AR22" s="311">
        <v>15</v>
      </c>
      <c r="AS22" s="315">
        <v>17</v>
      </c>
      <c r="AT22" s="310">
        <v>2</v>
      </c>
      <c r="AU22" s="313">
        <v>6</v>
      </c>
      <c r="AV22" s="311">
        <v>8</v>
      </c>
      <c r="AW22" s="312">
        <v>0</v>
      </c>
      <c r="AX22" s="313">
        <v>22</v>
      </c>
      <c r="AY22" s="313">
        <v>22</v>
      </c>
      <c r="AZ22" s="313">
        <v>18</v>
      </c>
      <c r="BA22" s="313">
        <v>19</v>
      </c>
      <c r="BB22" s="313">
        <v>5</v>
      </c>
      <c r="BC22" s="314">
        <v>86</v>
      </c>
      <c r="BD22" s="315">
        <v>94</v>
      </c>
      <c r="BE22" s="310">
        <v>0</v>
      </c>
      <c r="BF22" s="313">
        <v>0</v>
      </c>
      <c r="BG22" s="311">
        <v>0</v>
      </c>
      <c r="BH22" s="312">
        <v>0</v>
      </c>
      <c r="BI22" s="313">
        <v>21</v>
      </c>
      <c r="BJ22" s="313">
        <v>14</v>
      </c>
      <c r="BK22" s="313">
        <v>13</v>
      </c>
      <c r="BL22" s="313">
        <v>5</v>
      </c>
      <c r="BM22" s="313">
        <v>1</v>
      </c>
      <c r="BN22" s="311">
        <v>54</v>
      </c>
      <c r="BO22" s="315">
        <v>54</v>
      </c>
      <c r="BP22" s="310">
        <v>5</v>
      </c>
      <c r="BQ22" s="313">
        <v>2</v>
      </c>
      <c r="BR22" s="311">
        <v>7</v>
      </c>
      <c r="BS22" s="312">
        <v>0</v>
      </c>
      <c r="BT22" s="313">
        <v>14</v>
      </c>
      <c r="BU22" s="313">
        <v>7</v>
      </c>
      <c r="BV22" s="313">
        <v>4</v>
      </c>
      <c r="BW22" s="313">
        <v>8</v>
      </c>
      <c r="BX22" s="313">
        <v>1</v>
      </c>
      <c r="BY22" s="311">
        <v>34</v>
      </c>
      <c r="BZ22" s="315">
        <v>41</v>
      </c>
      <c r="CA22" s="310">
        <v>1</v>
      </c>
      <c r="CB22" s="313">
        <v>2</v>
      </c>
      <c r="CC22" s="311">
        <v>3</v>
      </c>
      <c r="CD22" s="312">
        <v>0</v>
      </c>
      <c r="CE22" s="313">
        <v>1</v>
      </c>
      <c r="CF22" s="313">
        <v>3</v>
      </c>
      <c r="CG22" s="313">
        <v>4</v>
      </c>
      <c r="CH22" s="313">
        <v>8</v>
      </c>
      <c r="CI22" s="313">
        <v>0</v>
      </c>
      <c r="CJ22" s="311">
        <v>16</v>
      </c>
      <c r="CK22" s="315">
        <v>19</v>
      </c>
      <c r="CL22" s="310">
        <v>0</v>
      </c>
      <c r="CM22" s="313">
        <v>0</v>
      </c>
      <c r="CN22" s="311">
        <v>0</v>
      </c>
      <c r="CO22" s="312">
        <v>0</v>
      </c>
      <c r="CP22" s="313">
        <v>0</v>
      </c>
      <c r="CQ22" s="313">
        <v>0</v>
      </c>
      <c r="CR22" s="313">
        <v>0</v>
      </c>
      <c r="CS22" s="313">
        <v>2</v>
      </c>
      <c r="CT22" s="313">
        <v>0</v>
      </c>
      <c r="CU22" s="311">
        <v>2</v>
      </c>
      <c r="CV22" s="315">
        <v>2</v>
      </c>
      <c r="CW22" s="310">
        <v>0</v>
      </c>
      <c r="CX22" s="313">
        <v>0</v>
      </c>
      <c r="CY22" s="311">
        <v>0</v>
      </c>
      <c r="CZ22" s="312">
        <v>0</v>
      </c>
      <c r="DA22" s="313">
        <v>0</v>
      </c>
      <c r="DB22" s="313">
        <v>0</v>
      </c>
      <c r="DC22" s="313">
        <v>0</v>
      </c>
      <c r="DD22" s="313">
        <v>0</v>
      </c>
      <c r="DE22" s="313">
        <v>0</v>
      </c>
      <c r="DF22" s="311">
        <v>0</v>
      </c>
      <c r="DG22" s="315">
        <v>0</v>
      </c>
      <c r="DH22" s="310">
        <v>0</v>
      </c>
      <c r="DI22" s="313">
        <v>0</v>
      </c>
      <c r="DJ22" s="311">
        <v>0</v>
      </c>
      <c r="DK22" s="312">
        <v>0</v>
      </c>
      <c r="DL22" s="313">
        <v>0</v>
      </c>
      <c r="DM22" s="313">
        <v>0</v>
      </c>
      <c r="DN22" s="313">
        <v>0</v>
      </c>
      <c r="DO22" s="313">
        <v>0</v>
      </c>
      <c r="DP22" s="313">
        <v>0</v>
      </c>
      <c r="DQ22" s="311">
        <v>0</v>
      </c>
      <c r="DR22" s="315">
        <v>0</v>
      </c>
      <c r="DS22" s="310">
        <v>11</v>
      </c>
      <c r="DT22" s="313">
        <v>19</v>
      </c>
      <c r="DU22" s="311">
        <v>30</v>
      </c>
      <c r="DV22" s="312">
        <v>0</v>
      </c>
      <c r="DW22" s="313">
        <v>45</v>
      </c>
      <c r="DX22" s="313">
        <v>33</v>
      </c>
      <c r="DY22" s="313">
        <v>25</v>
      </c>
      <c r="DZ22" s="313">
        <v>20</v>
      </c>
      <c r="EA22" s="313">
        <v>5</v>
      </c>
      <c r="EB22" s="311">
        <v>128</v>
      </c>
      <c r="EC22" s="315">
        <v>158</v>
      </c>
      <c r="ED22" s="310">
        <v>2</v>
      </c>
      <c r="EE22" s="313">
        <v>4</v>
      </c>
      <c r="EF22" s="311">
        <v>6</v>
      </c>
      <c r="EG22" s="312">
        <v>0</v>
      </c>
      <c r="EH22" s="313">
        <v>9</v>
      </c>
      <c r="EI22" s="313">
        <v>11</v>
      </c>
      <c r="EJ22" s="313">
        <v>7</v>
      </c>
      <c r="EK22" s="313">
        <v>8</v>
      </c>
      <c r="EL22" s="313">
        <v>2</v>
      </c>
      <c r="EM22" s="311">
        <v>37</v>
      </c>
      <c r="EN22" s="315">
        <v>43</v>
      </c>
      <c r="EO22" s="310">
        <v>20</v>
      </c>
      <c r="EP22" s="313">
        <v>29</v>
      </c>
      <c r="EQ22" s="311">
        <v>49</v>
      </c>
      <c r="ER22" s="312">
        <v>0</v>
      </c>
      <c r="ES22" s="313">
        <v>83</v>
      </c>
      <c r="ET22" s="313">
        <v>46</v>
      </c>
      <c r="EU22" s="313">
        <v>32</v>
      </c>
      <c r="EV22" s="313">
        <v>23</v>
      </c>
      <c r="EW22" s="313">
        <v>5</v>
      </c>
      <c r="EX22" s="311">
        <v>189</v>
      </c>
      <c r="EY22" s="315">
        <v>238</v>
      </c>
    </row>
    <row r="23" spans="1:155" ht="19.5" customHeight="1" x14ac:dyDescent="0.2">
      <c r="A23" s="297" t="s">
        <v>21</v>
      </c>
      <c r="B23" s="310">
        <v>0</v>
      </c>
      <c r="C23" s="313">
        <v>0</v>
      </c>
      <c r="D23" s="441">
        <v>0</v>
      </c>
      <c r="E23" s="312">
        <v>0</v>
      </c>
      <c r="F23" s="313">
        <v>22</v>
      </c>
      <c r="G23" s="313">
        <v>10</v>
      </c>
      <c r="H23" s="313">
        <v>8</v>
      </c>
      <c r="I23" s="313">
        <v>9</v>
      </c>
      <c r="J23" s="313">
        <v>6</v>
      </c>
      <c r="K23" s="314">
        <v>55</v>
      </c>
      <c r="L23" s="315">
        <v>55</v>
      </c>
      <c r="M23" s="310">
        <v>0</v>
      </c>
      <c r="N23" s="313">
        <v>0</v>
      </c>
      <c r="O23" s="311">
        <v>0</v>
      </c>
      <c r="P23" s="312">
        <v>0</v>
      </c>
      <c r="Q23" s="313">
        <v>0</v>
      </c>
      <c r="R23" s="313">
        <v>0</v>
      </c>
      <c r="S23" s="313">
        <v>0</v>
      </c>
      <c r="T23" s="313">
        <v>1</v>
      </c>
      <c r="U23" s="313">
        <v>1</v>
      </c>
      <c r="V23" s="311">
        <v>2</v>
      </c>
      <c r="W23" s="315">
        <v>2</v>
      </c>
      <c r="X23" s="310">
        <v>3</v>
      </c>
      <c r="Y23" s="313">
        <v>4</v>
      </c>
      <c r="Z23" s="311">
        <v>7</v>
      </c>
      <c r="AA23" s="312">
        <v>0</v>
      </c>
      <c r="AB23" s="313">
        <v>14</v>
      </c>
      <c r="AC23" s="313">
        <v>22</v>
      </c>
      <c r="AD23" s="313">
        <v>8</v>
      </c>
      <c r="AE23" s="313">
        <v>7</v>
      </c>
      <c r="AF23" s="313">
        <v>5</v>
      </c>
      <c r="AG23" s="311">
        <v>56</v>
      </c>
      <c r="AH23" s="315">
        <v>63</v>
      </c>
      <c r="AI23" s="310">
        <v>1</v>
      </c>
      <c r="AJ23" s="313">
        <v>1</v>
      </c>
      <c r="AK23" s="311">
        <v>2</v>
      </c>
      <c r="AL23" s="312">
        <v>0</v>
      </c>
      <c r="AM23" s="313">
        <v>3</v>
      </c>
      <c r="AN23" s="313">
        <v>4</v>
      </c>
      <c r="AO23" s="313">
        <v>0</v>
      </c>
      <c r="AP23" s="313">
        <v>0</v>
      </c>
      <c r="AQ23" s="313">
        <v>0</v>
      </c>
      <c r="AR23" s="311">
        <v>7</v>
      </c>
      <c r="AS23" s="315">
        <v>9</v>
      </c>
      <c r="AT23" s="310">
        <v>3</v>
      </c>
      <c r="AU23" s="313">
        <v>1</v>
      </c>
      <c r="AV23" s="311">
        <v>4</v>
      </c>
      <c r="AW23" s="312">
        <v>0</v>
      </c>
      <c r="AX23" s="313">
        <v>16</v>
      </c>
      <c r="AY23" s="313">
        <v>16</v>
      </c>
      <c r="AZ23" s="313">
        <v>12</v>
      </c>
      <c r="BA23" s="313">
        <v>18</v>
      </c>
      <c r="BB23" s="313">
        <v>7</v>
      </c>
      <c r="BC23" s="314">
        <v>69</v>
      </c>
      <c r="BD23" s="315">
        <v>73</v>
      </c>
      <c r="BE23" s="310">
        <v>0</v>
      </c>
      <c r="BF23" s="313">
        <v>0</v>
      </c>
      <c r="BG23" s="311">
        <v>0</v>
      </c>
      <c r="BH23" s="312">
        <v>0</v>
      </c>
      <c r="BI23" s="313">
        <v>21</v>
      </c>
      <c r="BJ23" s="313">
        <v>18</v>
      </c>
      <c r="BK23" s="313">
        <v>10</v>
      </c>
      <c r="BL23" s="313">
        <v>2</v>
      </c>
      <c r="BM23" s="313">
        <v>3</v>
      </c>
      <c r="BN23" s="311">
        <v>54</v>
      </c>
      <c r="BO23" s="315">
        <v>54</v>
      </c>
      <c r="BP23" s="310">
        <v>0</v>
      </c>
      <c r="BQ23" s="313">
        <v>2</v>
      </c>
      <c r="BR23" s="311">
        <v>2</v>
      </c>
      <c r="BS23" s="312">
        <v>0</v>
      </c>
      <c r="BT23" s="313">
        <v>5</v>
      </c>
      <c r="BU23" s="313">
        <v>10</v>
      </c>
      <c r="BV23" s="313">
        <v>3</v>
      </c>
      <c r="BW23" s="313">
        <v>0</v>
      </c>
      <c r="BX23" s="313">
        <v>0</v>
      </c>
      <c r="BY23" s="311">
        <v>18</v>
      </c>
      <c r="BZ23" s="315">
        <v>20</v>
      </c>
      <c r="CA23" s="310">
        <v>1</v>
      </c>
      <c r="CB23" s="313">
        <v>0</v>
      </c>
      <c r="CC23" s="311">
        <v>1</v>
      </c>
      <c r="CD23" s="312">
        <v>0</v>
      </c>
      <c r="CE23" s="313">
        <v>3</v>
      </c>
      <c r="CF23" s="313">
        <v>1</v>
      </c>
      <c r="CG23" s="313">
        <v>6</v>
      </c>
      <c r="CH23" s="313">
        <v>6</v>
      </c>
      <c r="CI23" s="313">
        <v>2</v>
      </c>
      <c r="CJ23" s="311">
        <v>18</v>
      </c>
      <c r="CK23" s="315">
        <v>19</v>
      </c>
      <c r="CL23" s="310">
        <v>0</v>
      </c>
      <c r="CM23" s="313">
        <v>0</v>
      </c>
      <c r="CN23" s="311">
        <v>0</v>
      </c>
      <c r="CO23" s="312">
        <v>0</v>
      </c>
      <c r="CP23" s="313">
        <v>0</v>
      </c>
      <c r="CQ23" s="313">
        <v>0</v>
      </c>
      <c r="CR23" s="313">
        <v>0</v>
      </c>
      <c r="CS23" s="313">
        <v>0</v>
      </c>
      <c r="CT23" s="313">
        <v>0</v>
      </c>
      <c r="CU23" s="311">
        <v>0</v>
      </c>
      <c r="CV23" s="315">
        <v>0</v>
      </c>
      <c r="CW23" s="310">
        <v>0</v>
      </c>
      <c r="CX23" s="313">
        <v>0</v>
      </c>
      <c r="CY23" s="311">
        <v>0</v>
      </c>
      <c r="CZ23" s="312">
        <v>0</v>
      </c>
      <c r="DA23" s="313">
        <v>0</v>
      </c>
      <c r="DB23" s="313">
        <v>0</v>
      </c>
      <c r="DC23" s="313">
        <v>0</v>
      </c>
      <c r="DD23" s="313">
        <v>0</v>
      </c>
      <c r="DE23" s="313">
        <v>0</v>
      </c>
      <c r="DF23" s="311">
        <v>0</v>
      </c>
      <c r="DG23" s="315">
        <v>0</v>
      </c>
      <c r="DH23" s="310">
        <v>0</v>
      </c>
      <c r="DI23" s="313">
        <v>0</v>
      </c>
      <c r="DJ23" s="311">
        <v>0</v>
      </c>
      <c r="DK23" s="312">
        <v>0</v>
      </c>
      <c r="DL23" s="313">
        <v>0</v>
      </c>
      <c r="DM23" s="313">
        <v>0</v>
      </c>
      <c r="DN23" s="313">
        <v>0</v>
      </c>
      <c r="DO23" s="313">
        <v>0</v>
      </c>
      <c r="DP23" s="313">
        <v>0</v>
      </c>
      <c r="DQ23" s="311">
        <v>0</v>
      </c>
      <c r="DR23" s="315">
        <v>0</v>
      </c>
      <c r="DS23" s="310">
        <v>6</v>
      </c>
      <c r="DT23" s="313">
        <v>12</v>
      </c>
      <c r="DU23" s="311">
        <v>18</v>
      </c>
      <c r="DV23" s="312">
        <v>0</v>
      </c>
      <c r="DW23" s="313">
        <v>23</v>
      </c>
      <c r="DX23" s="313">
        <v>45</v>
      </c>
      <c r="DY23" s="313">
        <v>19</v>
      </c>
      <c r="DZ23" s="313">
        <v>18</v>
      </c>
      <c r="EA23" s="313">
        <v>5</v>
      </c>
      <c r="EB23" s="311">
        <v>110</v>
      </c>
      <c r="EC23" s="315">
        <v>128</v>
      </c>
      <c r="ED23" s="310">
        <v>2</v>
      </c>
      <c r="EE23" s="313">
        <v>1</v>
      </c>
      <c r="EF23" s="311">
        <v>3</v>
      </c>
      <c r="EG23" s="312">
        <v>0</v>
      </c>
      <c r="EH23" s="313">
        <v>9</v>
      </c>
      <c r="EI23" s="313">
        <v>4</v>
      </c>
      <c r="EJ23" s="313">
        <v>3</v>
      </c>
      <c r="EK23" s="313">
        <v>4</v>
      </c>
      <c r="EL23" s="313">
        <v>3</v>
      </c>
      <c r="EM23" s="311">
        <v>23</v>
      </c>
      <c r="EN23" s="315">
        <v>26</v>
      </c>
      <c r="EO23" s="310">
        <v>10</v>
      </c>
      <c r="EP23" s="313">
        <v>15</v>
      </c>
      <c r="EQ23" s="311">
        <v>25</v>
      </c>
      <c r="ER23" s="312">
        <v>0</v>
      </c>
      <c r="ES23" s="313">
        <v>52</v>
      </c>
      <c r="ET23" s="313">
        <v>60</v>
      </c>
      <c r="EU23" s="313">
        <v>27</v>
      </c>
      <c r="EV23" s="313">
        <v>19</v>
      </c>
      <c r="EW23" s="313">
        <v>9</v>
      </c>
      <c r="EX23" s="311">
        <v>167</v>
      </c>
      <c r="EY23" s="315">
        <v>192</v>
      </c>
    </row>
    <row r="24" spans="1:155" ht="19.5" customHeight="1" x14ac:dyDescent="0.2">
      <c r="A24" s="297" t="s">
        <v>22</v>
      </c>
      <c r="B24" s="310">
        <v>0</v>
      </c>
      <c r="C24" s="313">
        <v>0</v>
      </c>
      <c r="D24" s="441">
        <v>0</v>
      </c>
      <c r="E24" s="312">
        <v>0</v>
      </c>
      <c r="F24" s="313">
        <v>5</v>
      </c>
      <c r="G24" s="313">
        <v>5</v>
      </c>
      <c r="H24" s="313">
        <v>1</v>
      </c>
      <c r="I24" s="313">
        <v>2</v>
      </c>
      <c r="J24" s="313">
        <v>2</v>
      </c>
      <c r="K24" s="314">
        <v>15</v>
      </c>
      <c r="L24" s="315">
        <v>15</v>
      </c>
      <c r="M24" s="310">
        <v>0</v>
      </c>
      <c r="N24" s="313">
        <v>0</v>
      </c>
      <c r="O24" s="311">
        <v>0</v>
      </c>
      <c r="P24" s="312">
        <v>0</v>
      </c>
      <c r="Q24" s="313">
        <v>0</v>
      </c>
      <c r="R24" s="313">
        <v>0</v>
      </c>
      <c r="S24" s="313">
        <v>1</v>
      </c>
      <c r="T24" s="313">
        <v>0</v>
      </c>
      <c r="U24" s="313">
        <v>1</v>
      </c>
      <c r="V24" s="311">
        <v>2</v>
      </c>
      <c r="W24" s="315">
        <v>2</v>
      </c>
      <c r="X24" s="310">
        <v>1</v>
      </c>
      <c r="Y24" s="313">
        <v>0</v>
      </c>
      <c r="Z24" s="311">
        <v>1</v>
      </c>
      <c r="AA24" s="312">
        <v>0</v>
      </c>
      <c r="AB24" s="313">
        <v>2</v>
      </c>
      <c r="AC24" s="313">
        <v>4</v>
      </c>
      <c r="AD24" s="313">
        <v>3</v>
      </c>
      <c r="AE24" s="313">
        <v>3</v>
      </c>
      <c r="AF24" s="313">
        <v>2</v>
      </c>
      <c r="AG24" s="311">
        <v>14</v>
      </c>
      <c r="AH24" s="315">
        <v>15</v>
      </c>
      <c r="AI24" s="310">
        <v>1</v>
      </c>
      <c r="AJ24" s="313">
        <v>0</v>
      </c>
      <c r="AK24" s="311">
        <v>1</v>
      </c>
      <c r="AL24" s="312">
        <v>0</v>
      </c>
      <c r="AM24" s="313">
        <v>2</v>
      </c>
      <c r="AN24" s="313">
        <v>0</v>
      </c>
      <c r="AO24" s="313">
        <v>0</v>
      </c>
      <c r="AP24" s="313">
        <v>1</v>
      </c>
      <c r="AQ24" s="313">
        <v>1</v>
      </c>
      <c r="AR24" s="311">
        <v>4</v>
      </c>
      <c r="AS24" s="315">
        <v>5</v>
      </c>
      <c r="AT24" s="310">
        <v>0</v>
      </c>
      <c r="AU24" s="313">
        <v>0</v>
      </c>
      <c r="AV24" s="311">
        <v>0</v>
      </c>
      <c r="AW24" s="312">
        <v>0</v>
      </c>
      <c r="AX24" s="313">
        <v>5</v>
      </c>
      <c r="AY24" s="313">
        <v>8</v>
      </c>
      <c r="AZ24" s="313">
        <v>3</v>
      </c>
      <c r="BA24" s="313">
        <v>2</v>
      </c>
      <c r="BB24" s="313">
        <v>2</v>
      </c>
      <c r="BC24" s="314">
        <v>20</v>
      </c>
      <c r="BD24" s="315">
        <v>20</v>
      </c>
      <c r="BE24" s="310">
        <v>0</v>
      </c>
      <c r="BF24" s="313">
        <v>0</v>
      </c>
      <c r="BG24" s="311">
        <v>0</v>
      </c>
      <c r="BH24" s="312">
        <v>0</v>
      </c>
      <c r="BI24" s="313">
        <v>8</v>
      </c>
      <c r="BJ24" s="313">
        <v>15</v>
      </c>
      <c r="BK24" s="313">
        <v>6</v>
      </c>
      <c r="BL24" s="313">
        <v>3</v>
      </c>
      <c r="BM24" s="313">
        <v>3</v>
      </c>
      <c r="BN24" s="311">
        <v>35</v>
      </c>
      <c r="BO24" s="315">
        <v>35</v>
      </c>
      <c r="BP24" s="310">
        <v>0</v>
      </c>
      <c r="BQ24" s="313">
        <v>0</v>
      </c>
      <c r="BR24" s="311">
        <v>0</v>
      </c>
      <c r="BS24" s="312">
        <v>0</v>
      </c>
      <c r="BT24" s="313">
        <v>4</v>
      </c>
      <c r="BU24" s="313">
        <v>2</v>
      </c>
      <c r="BV24" s="313">
        <v>1</v>
      </c>
      <c r="BW24" s="313">
        <v>1</v>
      </c>
      <c r="BX24" s="313">
        <v>3</v>
      </c>
      <c r="BY24" s="311">
        <v>11</v>
      </c>
      <c r="BZ24" s="315">
        <v>11</v>
      </c>
      <c r="CA24" s="310">
        <v>0</v>
      </c>
      <c r="CB24" s="313">
        <v>0</v>
      </c>
      <c r="CC24" s="311">
        <v>0</v>
      </c>
      <c r="CD24" s="312">
        <v>0</v>
      </c>
      <c r="CE24" s="313">
        <v>0</v>
      </c>
      <c r="CF24" s="313">
        <v>0</v>
      </c>
      <c r="CG24" s="313">
        <v>4</v>
      </c>
      <c r="CH24" s="313">
        <v>4</v>
      </c>
      <c r="CI24" s="313">
        <v>1</v>
      </c>
      <c r="CJ24" s="311">
        <v>9</v>
      </c>
      <c r="CK24" s="315">
        <v>9</v>
      </c>
      <c r="CL24" s="310">
        <v>0</v>
      </c>
      <c r="CM24" s="313">
        <v>0</v>
      </c>
      <c r="CN24" s="311">
        <v>0</v>
      </c>
      <c r="CO24" s="312">
        <v>0</v>
      </c>
      <c r="CP24" s="313">
        <v>0</v>
      </c>
      <c r="CQ24" s="313">
        <v>0</v>
      </c>
      <c r="CR24" s="313">
        <v>1</v>
      </c>
      <c r="CS24" s="313">
        <v>0</v>
      </c>
      <c r="CT24" s="313">
        <v>0</v>
      </c>
      <c r="CU24" s="311">
        <v>1</v>
      </c>
      <c r="CV24" s="315">
        <v>1</v>
      </c>
      <c r="CW24" s="310">
        <v>0</v>
      </c>
      <c r="CX24" s="313">
        <v>0</v>
      </c>
      <c r="CY24" s="311">
        <v>0</v>
      </c>
      <c r="CZ24" s="312">
        <v>0</v>
      </c>
      <c r="DA24" s="313">
        <v>0</v>
      </c>
      <c r="DB24" s="313">
        <v>0</v>
      </c>
      <c r="DC24" s="313">
        <v>0</v>
      </c>
      <c r="DD24" s="313">
        <v>0</v>
      </c>
      <c r="DE24" s="313">
        <v>0</v>
      </c>
      <c r="DF24" s="311">
        <v>0</v>
      </c>
      <c r="DG24" s="315">
        <v>0</v>
      </c>
      <c r="DH24" s="310">
        <v>0</v>
      </c>
      <c r="DI24" s="313">
        <v>0</v>
      </c>
      <c r="DJ24" s="311">
        <v>0</v>
      </c>
      <c r="DK24" s="312">
        <v>0</v>
      </c>
      <c r="DL24" s="313">
        <v>0</v>
      </c>
      <c r="DM24" s="313">
        <v>0</v>
      </c>
      <c r="DN24" s="313">
        <v>0</v>
      </c>
      <c r="DO24" s="313">
        <v>0</v>
      </c>
      <c r="DP24" s="313">
        <v>0</v>
      </c>
      <c r="DQ24" s="311">
        <v>0</v>
      </c>
      <c r="DR24" s="315">
        <v>0</v>
      </c>
      <c r="DS24" s="310">
        <v>2</v>
      </c>
      <c r="DT24" s="313">
        <v>6</v>
      </c>
      <c r="DU24" s="311">
        <v>8</v>
      </c>
      <c r="DV24" s="312">
        <v>0</v>
      </c>
      <c r="DW24" s="313">
        <v>11</v>
      </c>
      <c r="DX24" s="313">
        <v>18</v>
      </c>
      <c r="DY24" s="313">
        <v>9</v>
      </c>
      <c r="DZ24" s="313">
        <v>7</v>
      </c>
      <c r="EA24" s="313">
        <v>7</v>
      </c>
      <c r="EB24" s="311">
        <v>52</v>
      </c>
      <c r="EC24" s="315">
        <v>60</v>
      </c>
      <c r="ED24" s="310">
        <v>0</v>
      </c>
      <c r="EE24" s="313">
        <v>1</v>
      </c>
      <c r="EF24" s="311">
        <v>1</v>
      </c>
      <c r="EG24" s="312">
        <v>0</v>
      </c>
      <c r="EH24" s="313">
        <v>2</v>
      </c>
      <c r="EI24" s="313">
        <v>3</v>
      </c>
      <c r="EJ24" s="313">
        <v>1</v>
      </c>
      <c r="EK24" s="313">
        <v>2</v>
      </c>
      <c r="EL24" s="313">
        <v>0</v>
      </c>
      <c r="EM24" s="311">
        <v>8</v>
      </c>
      <c r="EN24" s="315">
        <v>9</v>
      </c>
      <c r="EO24" s="310">
        <v>3</v>
      </c>
      <c r="EP24" s="313">
        <v>7</v>
      </c>
      <c r="EQ24" s="311">
        <v>10</v>
      </c>
      <c r="ER24" s="312">
        <v>0</v>
      </c>
      <c r="ES24" s="313">
        <v>25</v>
      </c>
      <c r="ET24" s="313">
        <v>26</v>
      </c>
      <c r="EU24" s="313">
        <v>12</v>
      </c>
      <c r="EV24" s="313">
        <v>8</v>
      </c>
      <c r="EW24" s="313">
        <v>7</v>
      </c>
      <c r="EX24" s="311">
        <v>78</v>
      </c>
      <c r="EY24" s="315">
        <v>88</v>
      </c>
    </row>
    <row r="25" spans="1:155" ht="19.5" customHeight="1" x14ac:dyDescent="0.2">
      <c r="A25" s="297" t="s">
        <v>23</v>
      </c>
      <c r="B25" s="310">
        <v>0</v>
      </c>
      <c r="C25" s="313">
        <v>0</v>
      </c>
      <c r="D25" s="441">
        <v>0</v>
      </c>
      <c r="E25" s="312">
        <v>0</v>
      </c>
      <c r="F25" s="313">
        <v>6</v>
      </c>
      <c r="G25" s="313">
        <v>9</v>
      </c>
      <c r="H25" s="313">
        <v>4</v>
      </c>
      <c r="I25" s="313">
        <v>2</v>
      </c>
      <c r="J25" s="313">
        <v>4</v>
      </c>
      <c r="K25" s="314">
        <v>25</v>
      </c>
      <c r="L25" s="315">
        <v>25</v>
      </c>
      <c r="M25" s="310">
        <v>0</v>
      </c>
      <c r="N25" s="313">
        <v>0</v>
      </c>
      <c r="O25" s="311">
        <v>0</v>
      </c>
      <c r="P25" s="312">
        <v>0</v>
      </c>
      <c r="Q25" s="313">
        <v>0</v>
      </c>
      <c r="R25" s="313">
        <v>0</v>
      </c>
      <c r="S25" s="313">
        <v>0</v>
      </c>
      <c r="T25" s="313">
        <v>0</v>
      </c>
      <c r="U25" s="313">
        <v>0</v>
      </c>
      <c r="V25" s="311">
        <v>0</v>
      </c>
      <c r="W25" s="315">
        <v>0</v>
      </c>
      <c r="X25" s="310">
        <v>4</v>
      </c>
      <c r="Y25" s="313">
        <v>5</v>
      </c>
      <c r="Z25" s="311">
        <v>9</v>
      </c>
      <c r="AA25" s="312">
        <v>0</v>
      </c>
      <c r="AB25" s="313">
        <v>6</v>
      </c>
      <c r="AC25" s="313">
        <v>9</v>
      </c>
      <c r="AD25" s="313">
        <v>2</v>
      </c>
      <c r="AE25" s="313">
        <v>5</v>
      </c>
      <c r="AF25" s="313">
        <v>1</v>
      </c>
      <c r="AG25" s="311">
        <v>23</v>
      </c>
      <c r="AH25" s="315">
        <v>32</v>
      </c>
      <c r="AI25" s="310">
        <v>0</v>
      </c>
      <c r="AJ25" s="313">
        <v>0</v>
      </c>
      <c r="AK25" s="311">
        <v>0</v>
      </c>
      <c r="AL25" s="312">
        <v>0</v>
      </c>
      <c r="AM25" s="313">
        <v>1</v>
      </c>
      <c r="AN25" s="313">
        <v>2</v>
      </c>
      <c r="AO25" s="313">
        <v>0</v>
      </c>
      <c r="AP25" s="313">
        <v>0</v>
      </c>
      <c r="AQ25" s="313">
        <v>0</v>
      </c>
      <c r="AR25" s="311">
        <v>3</v>
      </c>
      <c r="AS25" s="315">
        <v>3</v>
      </c>
      <c r="AT25" s="310">
        <v>3</v>
      </c>
      <c r="AU25" s="313">
        <v>3</v>
      </c>
      <c r="AV25" s="311">
        <v>6</v>
      </c>
      <c r="AW25" s="312">
        <v>0</v>
      </c>
      <c r="AX25" s="313">
        <v>12</v>
      </c>
      <c r="AY25" s="313">
        <v>11</v>
      </c>
      <c r="AZ25" s="313">
        <v>4</v>
      </c>
      <c r="BA25" s="313">
        <v>7</v>
      </c>
      <c r="BB25" s="313">
        <v>6</v>
      </c>
      <c r="BC25" s="314">
        <v>40</v>
      </c>
      <c r="BD25" s="315">
        <v>46</v>
      </c>
      <c r="BE25" s="310">
        <v>0</v>
      </c>
      <c r="BF25" s="313">
        <v>0</v>
      </c>
      <c r="BG25" s="311">
        <v>0</v>
      </c>
      <c r="BH25" s="312">
        <v>0</v>
      </c>
      <c r="BI25" s="313">
        <v>19</v>
      </c>
      <c r="BJ25" s="313">
        <v>10</v>
      </c>
      <c r="BK25" s="313">
        <v>5</v>
      </c>
      <c r="BL25" s="313">
        <v>5</v>
      </c>
      <c r="BM25" s="313">
        <v>0</v>
      </c>
      <c r="BN25" s="311">
        <v>39</v>
      </c>
      <c r="BO25" s="315">
        <v>39</v>
      </c>
      <c r="BP25" s="310">
        <v>0</v>
      </c>
      <c r="BQ25" s="313">
        <v>0</v>
      </c>
      <c r="BR25" s="311">
        <v>0</v>
      </c>
      <c r="BS25" s="312">
        <v>0</v>
      </c>
      <c r="BT25" s="313">
        <v>3</v>
      </c>
      <c r="BU25" s="313">
        <v>3</v>
      </c>
      <c r="BV25" s="313">
        <v>1</v>
      </c>
      <c r="BW25" s="313">
        <v>3</v>
      </c>
      <c r="BX25" s="313">
        <v>0</v>
      </c>
      <c r="BY25" s="311">
        <v>10</v>
      </c>
      <c r="BZ25" s="315">
        <v>10</v>
      </c>
      <c r="CA25" s="310">
        <v>0</v>
      </c>
      <c r="CB25" s="313">
        <v>0</v>
      </c>
      <c r="CC25" s="311">
        <v>0</v>
      </c>
      <c r="CD25" s="312">
        <v>0</v>
      </c>
      <c r="CE25" s="313">
        <v>1</v>
      </c>
      <c r="CF25" s="313">
        <v>1</v>
      </c>
      <c r="CG25" s="313">
        <v>2</v>
      </c>
      <c r="CH25" s="313">
        <v>4</v>
      </c>
      <c r="CI25" s="313">
        <v>0</v>
      </c>
      <c r="CJ25" s="311">
        <v>8</v>
      </c>
      <c r="CK25" s="315">
        <v>8</v>
      </c>
      <c r="CL25" s="310">
        <v>0</v>
      </c>
      <c r="CM25" s="313">
        <v>0</v>
      </c>
      <c r="CN25" s="311">
        <v>0</v>
      </c>
      <c r="CO25" s="312">
        <v>0</v>
      </c>
      <c r="CP25" s="313">
        <v>1</v>
      </c>
      <c r="CQ25" s="313">
        <v>0</v>
      </c>
      <c r="CR25" s="313">
        <v>0</v>
      </c>
      <c r="CS25" s="313">
        <v>0</v>
      </c>
      <c r="CT25" s="313">
        <v>0</v>
      </c>
      <c r="CU25" s="311">
        <v>1</v>
      </c>
      <c r="CV25" s="315">
        <v>1</v>
      </c>
      <c r="CW25" s="310">
        <v>0</v>
      </c>
      <c r="CX25" s="313">
        <v>0</v>
      </c>
      <c r="CY25" s="311">
        <v>0</v>
      </c>
      <c r="CZ25" s="312">
        <v>0</v>
      </c>
      <c r="DA25" s="313">
        <v>0</v>
      </c>
      <c r="DB25" s="313">
        <v>0</v>
      </c>
      <c r="DC25" s="313">
        <v>0</v>
      </c>
      <c r="DD25" s="313">
        <v>0</v>
      </c>
      <c r="DE25" s="313">
        <v>0</v>
      </c>
      <c r="DF25" s="311">
        <v>0</v>
      </c>
      <c r="DG25" s="315">
        <v>0</v>
      </c>
      <c r="DH25" s="310">
        <v>0</v>
      </c>
      <c r="DI25" s="313">
        <v>0</v>
      </c>
      <c r="DJ25" s="311">
        <v>0</v>
      </c>
      <c r="DK25" s="312">
        <v>0</v>
      </c>
      <c r="DL25" s="313">
        <v>0</v>
      </c>
      <c r="DM25" s="313">
        <v>0</v>
      </c>
      <c r="DN25" s="313">
        <v>0</v>
      </c>
      <c r="DO25" s="313">
        <v>0</v>
      </c>
      <c r="DP25" s="313">
        <v>0</v>
      </c>
      <c r="DQ25" s="311">
        <v>0</v>
      </c>
      <c r="DR25" s="315">
        <v>0</v>
      </c>
      <c r="DS25" s="310">
        <v>1</v>
      </c>
      <c r="DT25" s="313">
        <v>8</v>
      </c>
      <c r="DU25" s="311">
        <v>9</v>
      </c>
      <c r="DV25" s="312">
        <v>0</v>
      </c>
      <c r="DW25" s="313">
        <v>10</v>
      </c>
      <c r="DX25" s="313">
        <v>20</v>
      </c>
      <c r="DY25" s="313">
        <v>9</v>
      </c>
      <c r="DZ25" s="313">
        <v>12</v>
      </c>
      <c r="EA25" s="313">
        <v>3</v>
      </c>
      <c r="EB25" s="311">
        <v>54</v>
      </c>
      <c r="EC25" s="315">
        <v>63</v>
      </c>
      <c r="ED25" s="310">
        <v>2</v>
      </c>
      <c r="EE25" s="313">
        <v>2</v>
      </c>
      <c r="EF25" s="311">
        <v>4</v>
      </c>
      <c r="EG25" s="312">
        <v>0</v>
      </c>
      <c r="EH25" s="313">
        <v>5</v>
      </c>
      <c r="EI25" s="313">
        <v>2</v>
      </c>
      <c r="EJ25" s="313">
        <v>1</v>
      </c>
      <c r="EK25" s="313">
        <v>3</v>
      </c>
      <c r="EL25" s="313">
        <v>3</v>
      </c>
      <c r="EM25" s="311">
        <v>14</v>
      </c>
      <c r="EN25" s="315">
        <v>18</v>
      </c>
      <c r="EO25" s="310">
        <v>5</v>
      </c>
      <c r="EP25" s="313">
        <v>11</v>
      </c>
      <c r="EQ25" s="311">
        <v>16</v>
      </c>
      <c r="ER25" s="312">
        <v>0</v>
      </c>
      <c r="ES25" s="313">
        <v>32</v>
      </c>
      <c r="ET25" s="313">
        <v>27</v>
      </c>
      <c r="EU25" s="313">
        <v>11</v>
      </c>
      <c r="EV25" s="313">
        <v>14</v>
      </c>
      <c r="EW25" s="313">
        <v>4</v>
      </c>
      <c r="EX25" s="311">
        <v>88</v>
      </c>
      <c r="EY25" s="315">
        <v>104</v>
      </c>
    </row>
    <row r="26" spans="1:155" ht="19.5" customHeight="1" x14ac:dyDescent="0.2">
      <c r="A26" s="297" t="s">
        <v>24</v>
      </c>
      <c r="B26" s="310">
        <v>0</v>
      </c>
      <c r="C26" s="313">
        <v>0</v>
      </c>
      <c r="D26" s="441">
        <v>0</v>
      </c>
      <c r="E26" s="312">
        <v>0</v>
      </c>
      <c r="F26" s="313">
        <v>14</v>
      </c>
      <c r="G26" s="313">
        <v>7</v>
      </c>
      <c r="H26" s="313">
        <v>2</v>
      </c>
      <c r="I26" s="313">
        <v>2</v>
      </c>
      <c r="J26" s="313">
        <v>2</v>
      </c>
      <c r="K26" s="314">
        <v>27</v>
      </c>
      <c r="L26" s="315">
        <v>27</v>
      </c>
      <c r="M26" s="310">
        <v>0</v>
      </c>
      <c r="N26" s="313">
        <v>0</v>
      </c>
      <c r="O26" s="311">
        <v>0</v>
      </c>
      <c r="P26" s="312">
        <v>0</v>
      </c>
      <c r="Q26" s="313">
        <v>0</v>
      </c>
      <c r="R26" s="313">
        <v>2</v>
      </c>
      <c r="S26" s="313">
        <v>0</v>
      </c>
      <c r="T26" s="313">
        <v>1</v>
      </c>
      <c r="U26" s="313">
        <v>1</v>
      </c>
      <c r="V26" s="311">
        <v>4</v>
      </c>
      <c r="W26" s="315">
        <v>4</v>
      </c>
      <c r="X26" s="310">
        <v>6</v>
      </c>
      <c r="Y26" s="313">
        <v>2</v>
      </c>
      <c r="Z26" s="311">
        <v>8</v>
      </c>
      <c r="AA26" s="312">
        <v>0</v>
      </c>
      <c r="AB26" s="313">
        <v>13</v>
      </c>
      <c r="AC26" s="313">
        <v>6</v>
      </c>
      <c r="AD26" s="313">
        <v>3</v>
      </c>
      <c r="AE26" s="313">
        <v>7</v>
      </c>
      <c r="AF26" s="313">
        <v>2</v>
      </c>
      <c r="AG26" s="311">
        <v>31</v>
      </c>
      <c r="AH26" s="315">
        <v>39</v>
      </c>
      <c r="AI26" s="310">
        <v>1</v>
      </c>
      <c r="AJ26" s="313">
        <v>1</v>
      </c>
      <c r="AK26" s="311">
        <v>2</v>
      </c>
      <c r="AL26" s="312">
        <v>0</v>
      </c>
      <c r="AM26" s="313">
        <v>2</v>
      </c>
      <c r="AN26" s="313">
        <v>0</v>
      </c>
      <c r="AO26" s="313">
        <v>0</v>
      </c>
      <c r="AP26" s="313">
        <v>0</v>
      </c>
      <c r="AQ26" s="313">
        <v>0</v>
      </c>
      <c r="AR26" s="311">
        <v>2</v>
      </c>
      <c r="AS26" s="315">
        <v>4</v>
      </c>
      <c r="AT26" s="310">
        <v>6</v>
      </c>
      <c r="AU26" s="313">
        <v>2</v>
      </c>
      <c r="AV26" s="311">
        <v>8</v>
      </c>
      <c r="AW26" s="312">
        <v>0</v>
      </c>
      <c r="AX26" s="313">
        <v>12</v>
      </c>
      <c r="AY26" s="313">
        <v>10</v>
      </c>
      <c r="AZ26" s="313">
        <v>9</v>
      </c>
      <c r="BA26" s="313">
        <v>9</v>
      </c>
      <c r="BB26" s="313">
        <v>1</v>
      </c>
      <c r="BC26" s="314">
        <v>41</v>
      </c>
      <c r="BD26" s="315">
        <v>49</v>
      </c>
      <c r="BE26" s="310">
        <v>0</v>
      </c>
      <c r="BF26" s="313">
        <v>0</v>
      </c>
      <c r="BG26" s="311">
        <v>0</v>
      </c>
      <c r="BH26" s="312">
        <v>0</v>
      </c>
      <c r="BI26" s="313">
        <v>10</v>
      </c>
      <c r="BJ26" s="313">
        <v>10</v>
      </c>
      <c r="BK26" s="313">
        <v>3</v>
      </c>
      <c r="BL26" s="313">
        <v>3</v>
      </c>
      <c r="BM26" s="313">
        <v>0</v>
      </c>
      <c r="BN26" s="311">
        <v>26</v>
      </c>
      <c r="BO26" s="315">
        <v>26</v>
      </c>
      <c r="BP26" s="310">
        <v>2</v>
      </c>
      <c r="BQ26" s="313">
        <v>3</v>
      </c>
      <c r="BR26" s="311">
        <v>5</v>
      </c>
      <c r="BS26" s="312">
        <v>0</v>
      </c>
      <c r="BT26" s="313">
        <v>5</v>
      </c>
      <c r="BU26" s="313">
        <v>3</v>
      </c>
      <c r="BV26" s="313">
        <v>4</v>
      </c>
      <c r="BW26" s="313">
        <v>0</v>
      </c>
      <c r="BX26" s="313">
        <v>0</v>
      </c>
      <c r="BY26" s="311">
        <v>12</v>
      </c>
      <c r="BZ26" s="315">
        <v>17</v>
      </c>
      <c r="CA26" s="310">
        <v>1</v>
      </c>
      <c r="CB26" s="313">
        <v>0</v>
      </c>
      <c r="CC26" s="311">
        <v>1</v>
      </c>
      <c r="CD26" s="312">
        <v>0</v>
      </c>
      <c r="CE26" s="313">
        <v>2</v>
      </c>
      <c r="CF26" s="313">
        <v>0</v>
      </c>
      <c r="CG26" s="313">
        <v>3</v>
      </c>
      <c r="CH26" s="313">
        <v>2</v>
      </c>
      <c r="CI26" s="313">
        <v>0</v>
      </c>
      <c r="CJ26" s="311">
        <v>7</v>
      </c>
      <c r="CK26" s="315">
        <v>8</v>
      </c>
      <c r="CL26" s="310">
        <v>0</v>
      </c>
      <c r="CM26" s="313">
        <v>0</v>
      </c>
      <c r="CN26" s="311">
        <v>0</v>
      </c>
      <c r="CO26" s="312">
        <v>0</v>
      </c>
      <c r="CP26" s="313">
        <v>0</v>
      </c>
      <c r="CQ26" s="313">
        <v>0</v>
      </c>
      <c r="CR26" s="313">
        <v>0</v>
      </c>
      <c r="CS26" s="313">
        <v>0</v>
      </c>
      <c r="CT26" s="313">
        <v>0</v>
      </c>
      <c r="CU26" s="311">
        <v>0</v>
      </c>
      <c r="CV26" s="315">
        <v>0</v>
      </c>
      <c r="CW26" s="310">
        <v>0</v>
      </c>
      <c r="CX26" s="313">
        <v>0</v>
      </c>
      <c r="CY26" s="311">
        <v>0</v>
      </c>
      <c r="CZ26" s="312">
        <v>0</v>
      </c>
      <c r="DA26" s="313">
        <v>0</v>
      </c>
      <c r="DB26" s="313">
        <v>0</v>
      </c>
      <c r="DC26" s="313">
        <v>0</v>
      </c>
      <c r="DD26" s="313">
        <v>0</v>
      </c>
      <c r="DE26" s="313">
        <v>0</v>
      </c>
      <c r="DF26" s="311">
        <v>0</v>
      </c>
      <c r="DG26" s="315">
        <v>0</v>
      </c>
      <c r="DH26" s="310">
        <v>0</v>
      </c>
      <c r="DI26" s="313">
        <v>0</v>
      </c>
      <c r="DJ26" s="311">
        <v>0</v>
      </c>
      <c r="DK26" s="312">
        <v>0</v>
      </c>
      <c r="DL26" s="313">
        <v>0</v>
      </c>
      <c r="DM26" s="313">
        <v>0</v>
      </c>
      <c r="DN26" s="313">
        <v>0</v>
      </c>
      <c r="DO26" s="313">
        <v>0</v>
      </c>
      <c r="DP26" s="313">
        <v>0</v>
      </c>
      <c r="DQ26" s="311">
        <v>0</v>
      </c>
      <c r="DR26" s="315">
        <v>0</v>
      </c>
      <c r="DS26" s="310">
        <v>14</v>
      </c>
      <c r="DT26" s="313">
        <v>7</v>
      </c>
      <c r="DU26" s="311">
        <v>21</v>
      </c>
      <c r="DV26" s="312">
        <v>0</v>
      </c>
      <c r="DW26" s="313">
        <v>21</v>
      </c>
      <c r="DX26" s="313">
        <v>15</v>
      </c>
      <c r="DY26" s="313">
        <v>9</v>
      </c>
      <c r="DZ26" s="313">
        <v>12</v>
      </c>
      <c r="EA26" s="313">
        <v>3</v>
      </c>
      <c r="EB26" s="311">
        <v>60</v>
      </c>
      <c r="EC26" s="315">
        <v>81</v>
      </c>
      <c r="ED26" s="310">
        <v>2</v>
      </c>
      <c r="EE26" s="313">
        <v>1</v>
      </c>
      <c r="EF26" s="311">
        <v>3</v>
      </c>
      <c r="EG26" s="312">
        <v>0</v>
      </c>
      <c r="EH26" s="313">
        <v>4</v>
      </c>
      <c r="EI26" s="313">
        <v>5</v>
      </c>
      <c r="EJ26" s="313">
        <v>4</v>
      </c>
      <c r="EK26" s="313">
        <v>2</v>
      </c>
      <c r="EL26" s="313">
        <v>0</v>
      </c>
      <c r="EM26" s="311">
        <v>15</v>
      </c>
      <c r="EN26" s="315">
        <v>18</v>
      </c>
      <c r="EO26" s="310">
        <v>21</v>
      </c>
      <c r="EP26" s="313">
        <v>8</v>
      </c>
      <c r="EQ26" s="311">
        <v>29</v>
      </c>
      <c r="ER26" s="312">
        <v>0</v>
      </c>
      <c r="ES26" s="313">
        <v>36</v>
      </c>
      <c r="ET26" s="313">
        <v>23</v>
      </c>
      <c r="EU26" s="313">
        <v>13</v>
      </c>
      <c r="EV26" s="313">
        <v>11</v>
      </c>
      <c r="EW26" s="313">
        <v>3</v>
      </c>
      <c r="EX26" s="311">
        <v>86</v>
      </c>
      <c r="EY26" s="315">
        <v>115</v>
      </c>
    </row>
    <row r="27" spans="1:155" ht="19.5" customHeight="1" x14ac:dyDescent="0.2">
      <c r="A27" s="297" t="s">
        <v>25</v>
      </c>
      <c r="B27" s="310">
        <v>0</v>
      </c>
      <c r="C27" s="313">
        <v>0</v>
      </c>
      <c r="D27" s="441">
        <v>0</v>
      </c>
      <c r="E27" s="312">
        <v>0</v>
      </c>
      <c r="F27" s="313">
        <v>4</v>
      </c>
      <c r="G27" s="313">
        <v>3</v>
      </c>
      <c r="H27" s="313">
        <v>1</v>
      </c>
      <c r="I27" s="313">
        <v>3</v>
      </c>
      <c r="J27" s="313">
        <v>1</v>
      </c>
      <c r="K27" s="314">
        <v>12</v>
      </c>
      <c r="L27" s="315">
        <v>12</v>
      </c>
      <c r="M27" s="310">
        <v>0</v>
      </c>
      <c r="N27" s="313">
        <v>0</v>
      </c>
      <c r="O27" s="311">
        <v>0</v>
      </c>
      <c r="P27" s="312">
        <v>0</v>
      </c>
      <c r="Q27" s="313">
        <v>0</v>
      </c>
      <c r="R27" s="313">
        <v>1</v>
      </c>
      <c r="S27" s="313">
        <v>0</v>
      </c>
      <c r="T27" s="313">
        <v>1</v>
      </c>
      <c r="U27" s="313">
        <v>1</v>
      </c>
      <c r="V27" s="311">
        <v>3</v>
      </c>
      <c r="W27" s="315">
        <v>3</v>
      </c>
      <c r="X27" s="310">
        <v>0</v>
      </c>
      <c r="Y27" s="313">
        <v>2</v>
      </c>
      <c r="Z27" s="311">
        <v>2</v>
      </c>
      <c r="AA27" s="312">
        <v>0</v>
      </c>
      <c r="AB27" s="313">
        <v>7</v>
      </c>
      <c r="AC27" s="313">
        <v>7</v>
      </c>
      <c r="AD27" s="313">
        <v>1</v>
      </c>
      <c r="AE27" s="313">
        <v>1</v>
      </c>
      <c r="AF27" s="313">
        <v>2</v>
      </c>
      <c r="AG27" s="311">
        <v>18</v>
      </c>
      <c r="AH27" s="315">
        <v>20</v>
      </c>
      <c r="AI27" s="310">
        <v>0</v>
      </c>
      <c r="AJ27" s="313">
        <v>1</v>
      </c>
      <c r="AK27" s="311">
        <v>1</v>
      </c>
      <c r="AL27" s="312">
        <v>0</v>
      </c>
      <c r="AM27" s="313">
        <v>1</v>
      </c>
      <c r="AN27" s="313">
        <v>0</v>
      </c>
      <c r="AO27" s="313">
        <v>0</v>
      </c>
      <c r="AP27" s="313">
        <v>0</v>
      </c>
      <c r="AQ27" s="313">
        <v>1</v>
      </c>
      <c r="AR27" s="311">
        <v>2</v>
      </c>
      <c r="AS27" s="315">
        <v>3</v>
      </c>
      <c r="AT27" s="310">
        <v>1</v>
      </c>
      <c r="AU27" s="313">
        <v>1</v>
      </c>
      <c r="AV27" s="311">
        <v>2</v>
      </c>
      <c r="AW27" s="312">
        <v>0</v>
      </c>
      <c r="AX27" s="313">
        <v>8</v>
      </c>
      <c r="AY27" s="313">
        <v>2</v>
      </c>
      <c r="AZ27" s="313">
        <v>2</v>
      </c>
      <c r="BA27" s="313">
        <v>4</v>
      </c>
      <c r="BB27" s="313">
        <v>1</v>
      </c>
      <c r="BC27" s="314">
        <v>17</v>
      </c>
      <c r="BD27" s="315">
        <v>19</v>
      </c>
      <c r="BE27" s="310">
        <v>0</v>
      </c>
      <c r="BF27" s="313">
        <v>0</v>
      </c>
      <c r="BG27" s="311">
        <v>0</v>
      </c>
      <c r="BH27" s="312">
        <v>0</v>
      </c>
      <c r="BI27" s="313">
        <v>10</v>
      </c>
      <c r="BJ27" s="313">
        <v>4</v>
      </c>
      <c r="BK27" s="313">
        <v>0</v>
      </c>
      <c r="BL27" s="313">
        <v>3</v>
      </c>
      <c r="BM27" s="313">
        <v>1</v>
      </c>
      <c r="BN27" s="311">
        <v>18</v>
      </c>
      <c r="BO27" s="315">
        <v>18</v>
      </c>
      <c r="BP27" s="310">
        <v>0</v>
      </c>
      <c r="BQ27" s="313">
        <v>0</v>
      </c>
      <c r="BR27" s="311">
        <v>0</v>
      </c>
      <c r="BS27" s="312">
        <v>0</v>
      </c>
      <c r="BT27" s="313">
        <v>3</v>
      </c>
      <c r="BU27" s="313">
        <v>2</v>
      </c>
      <c r="BV27" s="313">
        <v>1</v>
      </c>
      <c r="BW27" s="313">
        <v>1</v>
      </c>
      <c r="BX27" s="313">
        <v>1</v>
      </c>
      <c r="BY27" s="311">
        <v>8</v>
      </c>
      <c r="BZ27" s="315">
        <v>8</v>
      </c>
      <c r="CA27" s="310">
        <v>0</v>
      </c>
      <c r="CB27" s="313">
        <v>0</v>
      </c>
      <c r="CC27" s="311">
        <v>0</v>
      </c>
      <c r="CD27" s="312">
        <v>0</v>
      </c>
      <c r="CE27" s="313">
        <v>1</v>
      </c>
      <c r="CF27" s="313">
        <v>0</v>
      </c>
      <c r="CG27" s="313">
        <v>1</v>
      </c>
      <c r="CH27" s="313">
        <v>1</v>
      </c>
      <c r="CI27" s="313">
        <v>0</v>
      </c>
      <c r="CJ27" s="311">
        <v>3</v>
      </c>
      <c r="CK27" s="315">
        <v>3</v>
      </c>
      <c r="CL27" s="310">
        <v>0</v>
      </c>
      <c r="CM27" s="313">
        <v>0</v>
      </c>
      <c r="CN27" s="311">
        <v>0</v>
      </c>
      <c r="CO27" s="312">
        <v>0</v>
      </c>
      <c r="CP27" s="313">
        <v>0</v>
      </c>
      <c r="CQ27" s="313">
        <v>0</v>
      </c>
      <c r="CR27" s="313">
        <v>0</v>
      </c>
      <c r="CS27" s="313">
        <v>0</v>
      </c>
      <c r="CT27" s="313">
        <v>0</v>
      </c>
      <c r="CU27" s="311">
        <v>0</v>
      </c>
      <c r="CV27" s="315">
        <v>0</v>
      </c>
      <c r="CW27" s="310">
        <v>0</v>
      </c>
      <c r="CX27" s="313">
        <v>0</v>
      </c>
      <c r="CY27" s="311">
        <v>0</v>
      </c>
      <c r="CZ27" s="312">
        <v>0</v>
      </c>
      <c r="DA27" s="313">
        <v>0</v>
      </c>
      <c r="DB27" s="313">
        <v>0</v>
      </c>
      <c r="DC27" s="313">
        <v>0</v>
      </c>
      <c r="DD27" s="313">
        <v>0</v>
      </c>
      <c r="DE27" s="313">
        <v>0</v>
      </c>
      <c r="DF27" s="311">
        <v>0</v>
      </c>
      <c r="DG27" s="315">
        <v>0</v>
      </c>
      <c r="DH27" s="310">
        <v>0</v>
      </c>
      <c r="DI27" s="313">
        <v>0</v>
      </c>
      <c r="DJ27" s="311">
        <v>0</v>
      </c>
      <c r="DK27" s="312">
        <v>0</v>
      </c>
      <c r="DL27" s="313">
        <v>0</v>
      </c>
      <c r="DM27" s="313">
        <v>0</v>
      </c>
      <c r="DN27" s="313">
        <v>0</v>
      </c>
      <c r="DO27" s="313">
        <v>0</v>
      </c>
      <c r="DP27" s="313">
        <v>0</v>
      </c>
      <c r="DQ27" s="311">
        <v>0</v>
      </c>
      <c r="DR27" s="315">
        <v>0</v>
      </c>
      <c r="DS27" s="310">
        <v>1</v>
      </c>
      <c r="DT27" s="313">
        <v>2</v>
      </c>
      <c r="DU27" s="311">
        <v>3</v>
      </c>
      <c r="DV27" s="312">
        <v>0</v>
      </c>
      <c r="DW27" s="313">
        <v>10</v>
      </c>
      <c r="DX27" s="313">
        <v>8</v>
      </c>
      <c r="DY27" s="313">
        <v>3</v>
      </c>
      <c r="DZ27" s="313">
        <v>5</v>
      </c>
      <c r="EA27" s="313">
        <v>3</v>
      </c>
      <c r="EB27" s="311">
        <v>29</v>
      </c>
      <c r="EC27" s="315">
        <v>32</v>
      </c>
      <c r="ED27" s="310">
        <v>0</v>
      </c>
      <c r="EE27" s="313">
        <v>1</v>
      </c>
      <c r="EF27" s="311">
        <v>1</v>
      </c>
      <c r="EG27" s="312">
        <v>0</v>
      </c>
      <c r="EH27" s="313">
        <v>5</v>
      </c>
      <c r="EI27" s="313">
        <v>0</v>
      </c>
      <c r="EJ27" s="313">
        <v>1</v>
      </c>
      <c r="EK27" s="313">
        <v>2</v>
      </c>
      <c r="EL27" s="313">
        <v>0</v>
      </c>
      <c r="EM27" s="311">
        <v>8</v>
      </c>
      <c r="EN27" s="315">
        <v>9</v>
      </c>
      <c r="EO27" s="310">
        <v>1</v>
      </c>
      <c r="EP27" s="313">
        <v>4</v>
      </c>
      <c r="EQ27" s="311">
        <v>5</v>
      </c>
      <c r="ER27" s="312">
        <v>0</v>
      </c>
      <c r="ES27" s="313">
        <v>28</v>
      </c>
      <c r="ET27" s="313">
        <v>11</v>
      </c>
      <c r="EU27" s="313">
        <v>3</v>
      </c>
      <c r="EV27" s="313">
        <v>7</v>
      </c>
      <c r="EW27" s="313">
        <v>3</v>
      </c>
      <c r="EX27" s="311">
        <v>52</v>
      </c>
      <c r="EY27" s="315">
        <v>57</v>
      </c>
    </row>
    <row r="28" spans="1:155" ht="19.5" customHeight="1" x14ac:dyDescent="0.2">
      <c r="A28" s="297" t="s">
        <v>26</v>
      </c>
      <c r="B28" s="310">
        <v>0</v>
      </c>
      <c r="C28" s="313">
        <v>0</v>
      </c>
      <c r="D28" s="441">
        <v>0</v>
      </c>
      <c r="E28" s="312">
        <v>0</v>
      </c>
      <c r="F28" s="313">
        <v>3</v>
      </c>
      <c r="G28" s="313">
        <v>7</v>
      </c>
      <c r="H28" s="313">
        <v>7</v>
      </c>
      <c r="I28" s="313">
        <v>2</v>
      </c>
      <c r="J28" s="313">
        <v>4</v>
      </c>
      <c r="K28" s="314">
        <v>23</v>
      </c>
      <c r="L28" s="315">
        <v>23</v>
      </c>
      <c r="M28" s="310">
        <v>0</v>
      </c>
      <c r="N28" s="313">
        <v>0</v>
      </c>
      <c r="O28" s="311">
        <v>0</v>
      </c>
      <c r="P28" s="312">
        <v>0</v>
      </c>
      <c r="Q28" s="313">
        <v>0</v>
      </c>
      <c r="R28" s="313">
        <v>0</v>
      </c>
      <c r="S28" s="313">
        <v>1</v>
      </c>
      <c r="T28" s="313">
        <v>3</v>
      </c>
      <c r="U28" s="313">
        <v>1</v>
      </c>
      <c r="V28" s="311">
        <v>5</v>
      </c>
      <c r="W28" s="315">
        <v>5</v>
      </c>
      <c r="X28" s="310">
        <v>1</v>
      </c>
      <c r="Y28" s="313">
        <v>2</v>
      </c>
      <c r="Z28" s="311">
        <v>3</v>
      </c>
      <c r="AA28" s="312">
        <v>0</v>
      </c>
      <c r="AB28" s="313">
        <v>5</v>
      </c>
      <c r="AC28" s="313">
        <v>4</v>
      </c>
      <c r="AD28" s="313">
        <v>7</v>
      </c>
      <c r="AE28" s="313">
        <v>2</v>
      </c>
      <c r="AF28" s="313">
        <v>4</v>
      </c>
      <c r="AG28" s="311">
        <v>22</v>
      </c>
      <c r="AH28" s="315">
        <v>25</v>
      </c>
      <c r="AI28" s="310">
        <v>0</v>
      </c>
      <c r="AJ28" s="313">
        <v>0</v>
      </c>
      <c r="AK28" s="311">
        <v>0</v>
      </c>
      <c r="AL28" s="312">
        <v>0</v>
      </c>
      <c r="AM28" s="313">
        <v>0</v>
      </c>
      <c r="AN28" s="313">
        <v>1</v>
      </c>
      <c r="AO28" s="313">
        <v>2</v>
      </c>
      <c r="AP28" s="313">
        <v>0</v>
      </c>
      <c r="AQ28" s="313">
        <v>0</v>
      </c>
      <c r="AR28" s="311">
        <v>3</v>
      </c>
      <c r="AS28" s="315">
        <v>3</v>
      </c>
      <c r="AT28" s="310">
        <v>1</v>
      </c>
      <c r="AU28" s="313">
        <v>1</v>
      </c>
      <c r="AV28" s="311">
        <v>2</v>
      </c>
      <c r="AW28" s="312">
        <v>0</v>
      </c>
      <c r="AX28" s="313">
        <v>4</v>
      </c>
      <c r="AY28" s="313">
        <v>5</v>
      </c>
      <c r="AZ28" s="313">
        <v>8</v>
      </c>
      <c r="BA28" s="313">
        <v>2</v>
      </c>
      <c r="BB28" s="313">
        <v>4</v>
      </c>
      <c r="BC28" s="314">
        <v>23</v>
      </c>
      <c r="BD28" s="315">
        <v>25</v>
      </c>
      <c r="BE28" s="310">
        <v>0</v>
      </c>
      <c r="BF28" s="313">
        <v>0</v>
      </c>
      <c r="BG28" s="311">
        <v>0</v>
      </c>
      <c r="BH28" s="312">
        <v>0</v>
      </c>
      <c r="BI28" s="313">
        <v>5</v>
      </c>
      <c r="BJ28" s="313">
        <v>9</v>
      </c>
      <c r="BK28" s="313">
        <v>5</v>
      </c>
      <c r="BL28" s="313">
        <v>2</v>
      </c>
      <c r="BM28" s="313">
        <v>3</v>
      </c>
      <c r="BN28" s="311">
        <v>24</v>
      </c>
      <c r="BO28" s="315">
        <v>24</v>
      </c>
      <c r="BP28" s="310">
        <v>1</v>
      </c>
      <c r="BQ28" s="313">
        <v>1</v>
      </c>
      <c r="BR28" s="311">
        <v>2</v>
      </c>
      <c r="BS28" s="312">
        <v>0</v>
      </c>
      <c r="BT28" s="313">
        <v>0</v>
      </c>
      <c r="BU28" s="313">
        <v>3</v>
      </c>
      <c r="BV28" s="313">
        <v>3</v>
      </c>
      <c r="BW28" s="313">
        <v>0</v>
      </c>
      <c r="BX28" s="313">
        <v>0</v>
      </c>
      <c r="BY28" s="311">
        <v>6</v>
      </c>
      <c r="BZ28" s="315">
        <v>8</v>
      </c>
      <c r="CA28" s="310">
        <v>0</v>
      </c>
      <c r="CB28" s="313">
        <v>0</v>
      </c>
      <c r="CC28" s="311">
        <v>0</v>
      </c>
      <c r="CD28" s="312">
        <v>0</v>
      </c>
      <c r="CE28" s="313">
        <v>0</v>
      </c>
      <c r="CF28" s="313">
        <v>3</v>
      </c>
      <c r="CG28" s="313">
        <v>0</v>
      </c>
      <c r="CH28" s="313">
        <v>0</v>
      </c>
      <c r="CI28" s="313">
        <v>0</v>
      </c>
      <c r="CJ28" s="311">
        <v>3</v>
      </c>
      <c r="CK28" s="315">
        <v>3</v>
      </c>
      <c r="CL28" s="310">
        <v>0</v>
      </c>
      <c r="CM28" s="313">
        <v>0</v>
      </c>
      <c r="CN28" s="311">
        <v>0</v>
      </c>
      <c r="CO28" s="312">
        <v>0</v>
      </c>
      <c r="CP28" s="313">
        <v>0</v>
      </c>
      <c r="CQ28" s="313">
        <v>0</v>
      </c>
      <c r="CR28" s="313">
        <v>1</v>
      </c>
      <c r="CS28" s="313">
        <v>0</v>
      </c>
      <c r="CT28" s="313">
        <v>0</v>
      </c>
      <c r="CU28" s="311">
        <v>1</v>
      </c>
      <c r="CV28" s="315">
        <v>1</v>
      </c>
      <c r="CW28" s="310">
        <v>0</v>
      </c>
      <c r="CX28" s="313">
        <v>0</v>
      </c>
      <c r="CY28" s="311">
        <v>0</v>
      </c>
      <c r="CZ28" s="312">
        <v>0</v>
      </c>
      <c r="DA28" s="313">
        <v>0</v>
      </c>
      <c r="DB28" s="313">
        <v>0</v>
      </c>
      <c r="DC28" s="313">
        <v>0</v>
      </c>
      <c r="DD28" s="313">
        <v>0</v>
      </c>
      <c r="DE28" s="313">
        <v>0</v>
      </c>
      <c r="DF28" s="311">
        <v>0</v>
      </c>
      <c r="DG28" s="315">
        <v>0</v>
      </c>
      <c r="DH28" s="310">
        <v>0</v>
      </c>
      <c r="DI28" s="313">
        <v>0</v>
      </c>
      <c r="DJ28" s="311">
        <v>0</v>
      </c>
      <c r="DK28" s="312">
        <v>0</v>
      </c>
      <c r="DL28" s="313">
        <v>0</v>
      </c>
      <c r="DM28" s="313">
        <v>0</v>
      </c>
      <c r="DN28" s="313">
        <v>0</v>
      </c>
      <c r="DO28" s="313">
        <v>0</v>
      </c>
      <c r="DP28" s="313">
        <v>0</v>
      </c>
      <c r="DQ28" s="311">
        <v>0</v>
      </c>
      <c r="DR28" s="315">
        <v>0</v>
      </c>
      <c r="DS28" s="310">
        <v>3</v>
      </c>
      <c r="DT28" s="313">
        <v>4</v>
      </c>
      <c r="DU28" s="311">
        <v>7</v>
      </c>
      <c r="DV28" s="312">
        <v>0</v>
      </c>
      <c r="DW28" s="313">
        <v>9</v>
      </c>
      <c r="DX28" s="313">
        <v>16</v>
      </c>
      <c r="DY28" s="313">
        <v>16</v>
      </c>
      <c r="DZ28" s="313">
        <v>5</v>
      </c>
      <c r="EA28" s="313">
        <v>4</v>
      </c>
      <c r="EB28" s="311">
        <v>50</v>
      </c>
      <c r="EC28" s="315">
        <v>57</v>
      </c>
      <c r="ED28" s="310">
        <v>0</v>
      </c>
      <c r="EE28" s="313">
        <v>0</v>
      </c>
      <c r="EF28" s="311">
        <v>0</v>
      </c>
      <c r="EG28" s="312">
        <v>0</v>
      </c>
      <c r="EH28" s="313">
        <v>2</v>
      </c>
      <c r="EI28" s="313">
        <v>1</v>
      </c>
      <c r="EJ28" s="313">
        <v>0</v>
      </c>
      <c r="EK28" s="313">
        <v>0</v>
      </c>
      <c r="EL28" s="313">
        <v>0</v>
      </c>
      <c r="EM28" s="311">
        <v>3</v>
      </c>
      <c r="EN28" s="315">
        <v>3</v>
      </c>
      <c r="EO28" s="310">
        <v>5</v>
      </c>
      <c r="EP28" s="313">
        <v>5</v>
      </c>
      <c r="EQ28" s="311">
        <v>10</v>
      </c>
      <c r="ER28" s="312">
        <v>0</v>
      </c>
      <c r="ES28" s="313">
        <v>16</v>
      </c>
      <c r="ET28" s="313">
        <v>24</v>
      </c>
      <c r="EU28" s="313">
        <v>17</v>
      </c>
      <c r="EV28" s="313">
        <v>5</v>
      </c>
      <c r="EW28" s="313">
        <v>6</v>
      </c>
      <c r="EX28" s="311">
        <v>68</v>
      </c>
      <c r="EY28" s="315">
        <v>78</v>
      </c>
    </row>
    <row r="29" spans="1:155" ht="19.5" customHeight="1" x14ac:dyDescent="0.2">
      <c r="A29" s="297" t="s">
        <v>27</v>
      </c>
      <c r="B29" s="310">
        <v>0</v>
      </c>
      <c r="C29" s="313">
        <v>0</v>
      </c>
      <c r="D29" s="441">
        <v>0</v>
      </c>
      <c r="E29" s="312">
        <v>0</v>
      </c>
      <c r="F29" s="313">
        <v>3</v>
      </c>
      <c r="G29" s="313">
        <v>1</v>
      </c>
      <c r="H29" s="313">
        <v>8</v>
      </c>
      <c r="I29" s="313">
        <v>5</v>
      </c>
      <c r="J29" s="313">
        <v>1</v>
      </c>
      <c r="K29" s="314">
        <v>18</v>
      </c>
      <c r="L29" s="315">
        <v>18</v>
      </c>
      <c r="M29" s="310">
        <v>0</v>
      </c>
      <c r="N29" s="313">
        <v>0</v>
      </c>
      <c r="O29" s="311">
        <v>0</v>
      </c>
      <c r="P29" s="312">
        <v>0</v>
      </c>
      <c r="Q29" s="313">
        <v>0</v>
      </c>
      <c r="R29" s="313">
        <v>0</v>
      </c>
      <c r="S29" s="313">
        <v>0</v>
      </c>
      <c r="T29" s="313">
        <v>2</v>
      </c>
      <c r="U29" s="313">
        <v>2</v>
      </c>
      <c r="V29" s="311">
        <v>4</v>
      </c>
      <c r="W29" s="315">
        <v>4</v>
      </c>
      <c r="X29" s="310">
        <v>0</v>
      </c>
      <c r="Y29" s="313">
        <v>4</v>
      </c>
      <c r="Z29" s="311">
        <v>4</v>
      </c>
      <c r="AA29" s="312">
        <v>0</v>
      </c>
      <c r="AB29" s="313">
        <v>5</v>
      </c>
      <c r="AC29" s="313">
        <v>8</v>
      </c>
      <c r="AD29" s="313">
        <v>3</v>
      </c>
      <c r="AE29" s="313">
        <v>5</v>
      </c>
      <c r="AF29" s="313">
        <v>3</v>
      </c>
      <c r="AG29" s="311">
        <v>24</v>
      </c>
      <c r="AH29" s="315">
        <v>28</v>
      </c>
      <c r="AI29" s="310">
        <v>0</v>
      </c>
      <c r="AJ29" s="313">
        <v>1</v>
      </c>
      <c r="AK29" s="311">
        <v>1</v>
      </c>
      <c r="AL29" s="312">
        <v>0</v>
      </c>
      <c r="AM29" s="313">
        <v>0</v>
      </c>
      <c r="AN29" s="313">
        <v>0</v>
      </c>
      <c r="AO29" s="313">
        <v>1</v>
      </c>
      <c r="AP29" s="313">
        <v>0</v>
      </c>
      <c r="AQ29" s="313">
        <v>0</v>
      </c>
      <c r="AR29" s="311">
        <v>1</v>
      </c>
      <c r="AS29" s="315">
        <v>2</v>
      </c>
      <c r="AT29" s="310">
        <v>0</v>
      </c>
      <c r="AU29" s="313">
        <v>1</v>
      </c>
      <c r="AV29" s="311">
        <v>1</v>
      </c>
      <c r="AW29" s="312">
        <v>0</v>
      </c>
      <c r="AX29" s="313">
        <v>4</v>
      </c>
      <c r="AY29" s="313">
        <v>6</v>
      </c>
      <c r="AZ29" s="313">
        <v>7</v>
      </c>
      <c r="BA29" s="313">
        <v>10</v>
      </c>
      <c r="BB29" s="313">
        <v>6</v>
      </c>
      <c r="BC29" s="314">
        <v>33</v>
      </c>
      <c r="BD29" s="315">
        <v>34</v>
      </c>
      <c r="BE29" s="310">
        <v>0</v>
      </c>
      <c r="BF29" s="313">
        <v>0</v>
      </c>
      <c r="BG29" s="311">
        <v>0</v>
      </c>
      <c r="BH29" s="312">
        <v>0</v>
      </c>
      <c r="BI29" s="313">
        <v>9</v>
      </c>
      <c r="BJ29" s="313">
        <v>8</v>
      </c>
      <c r="BK29" s="313">
        <v>6</v>
      </c>
      <c r="BL29" s="313">
        <v>5</v>
      </c>
      <c r="BM29" s="313">
        <v>3</v>
      </c>
      <c r="BN29" s="311">
        <v>31</v>
      </c>
      <c r="BO29" s="315">
        <v>31</v>
      </c>
      <c r="BP29" s="310">
        <v>1</v>
      </c>
      <c r="BQ29" s="313">
        <v>2</v>
      </c>
      <c r="BR29" s="311">
        <v>3</v>
      </c>
      <c r="BS29" s="312">
        <v>0</v>
      </c>
      <c r="BT29" s="313">
        <v>1</v>
      </c>
      <c r="BU29" s="313">
        <v>4</v>
      </c>
      <c r="BV29" s="313">
        <v>3</v>
      </c>
      <c r="BW29" s="313">
        <v>1</v>
      </c>
      <c r="BX29" s="313">
        <v>1</v>
      </c>
      <c r="BY29" s="311">
        <v>10</v>
      </c>
      <c r="BZ29" s="315">
        <v>13</v>
      </c>
      <c r="CA29" s="310">
        <v>0</v>
      </c>
      <c r="CB29" s="313">
        <v>0</v>
      </c>
      <c r="CC29" s="311">
        <v>0</v>
      </c>
      <c r="CD29" s="312">
        <v>0</v>
      </c>
      <c r="CE29" s="313">
        <v>0</v>
      </c>
      <c r="CF29" s="313">
        <v>1</v>
      </c>
      <c r="CG29" s="313">
        <v>2</v>
      </c>
      <c r="CH29" s="313">
        <v>0</v>
      </c>
      <c r="CI29" s="313">
        <v>1</v>
      </c>
      <c r="CJ29" s="311">
        <v>4</v>
      </c>
      <c r="CK29" s="315">
        <v>4</v>
      </c>
      <c r="CL29" s="310">
        <v>0</v>
      </c>
      <c r="CM29" s="313">
        <v>0</v>
      </c>
      <c r="CN29" s="311">
        <v>0</v>
      </c>
      <c r="CO29" s="312">
        <v>0</v>
      </c>
      <c r="CP29" s="313">
        <v>0</v>
      </c>
      <c r="CQ29" s="313">
        <v>0</v>
      </c>
      <c r="CR29" s="313">
        <v>2</v>
      </c>
      <c r="CS29" s="313">
        <v>0</v>
      </c>
      <c r="CT29" s="313">
        <v>0</v>
      </c>
      <c r="CU29" s="311">
        <v>2</v>
      </c>
      <c r="CV29" s="315">
        <v>2</v>
      </c>
      <c r="CW29" s="310">
        <v>0</v>
      </c>
      <c r="CX29" s="313">
        <v>0</v>
      </c>
      <c r="CY29" s="311">
        <v>0</v>
      </c>
      <c r="CZ29" s="312">
        <v>0</v>
      </c>
      <c r="DA29" s="313">
        <v>0</v>
      </c>
      <c r="DB29" s="313">
        <v>0</v>
      </c>
      <c r="DC29" s="313">
        <v>0</v>
      </c>
      <c r="DD29" s="313">
        <v>0</v>
      </c>
      <c r="DE29" s="313">
        <v>0</v>
      </c>
      <c r="DF29" s="311">
        <v>0</v>
      </c>
      <c r="DG29" s="315">
        <v>0</v>
      </c>
      <c r="DH29" s="310">
        <v>0</v>
      </c>
      <c r="DI29" s="313">
        <v>0</v>
      </c>
      <c r="DJ29" s="311">
        <v>0</v>
      </c>
      <c r="DK29" s="312">
        <v>0</v>
      </c>
      <c r="DL29" s="313">
        <v>0</v>
      </c>
      <c r="DM29" s="313">
        <v>0</v>
      </c>
      <c r="DN29" s="313">
        <v>0</v>
      </c>
      <c r="DO29" s="313">
        <v>0</v>
      </c>
      <c r="DP29" s="313">
        <v>0</v>
      </c>
      <c r="DQ29" s="311">
        <v>0</v>
      </c>
      <c r="DR29" s="315">
        <v>0</v>
      </c>
      <c r="DS29" s="310">
        <v>3</v>
      </c>
      <c r="DT29" s="313">
        <v>7</v>
      </c>
      <c r="DU29" s="311">
        <v>10</v>
      </c>
      <c r="DV29" s="312">
        <v>0</v>
      </c>
      <c r="DW29" s="313">
        <v>6</v>
      </c>
      <c r="DX29" s="313">
        <v>13</v>
      </c>
      <c r="DY29" s="313">
        <v>14</v>
      </c>
      <c r="DZ29" s="313">
        <v>8</v>
      </c>
      <c r="EA29" s="313">
        <v>6</v>
      </c>
      <c r="EB29" s="311">
        <v>47</v>
      </c>
      <c r="EC29" s="315">
        <v>57</v>
      </c>
      <c r="ED29" s="310">
        <v>0</v>
      </c>
      <c r="EE29" s="313">
        <v>1</v>
      </c>
      <c r="EF29" s="311">
        <v>1</v>
      </c>
      <c r="EG29" s="312">
        <v>0</v>
      </c>
      <c r="EH29" s="313">
        <v>1</v>
      </c>
      <c r="EI29" s="313">
        <v>2</v>
      </c>
      <c r="EJ29" s="313">
        <v>1</v>
      </c>
      <c r="EK29" s="313">
        <v>4</v>
      </c>
      <c r="EL29" s="313">
        <v>2</v>
      </c>
      <c r="EM29" s="311">
        <v>10</v>
      </c>
      <c r="EN29" s="315">
        <v>11</v>
      </c>
      <c r="EO29" s="310">
        <v>4</v>
      </c>
      <c r="EP29" s="313">
        <v>12</v>
      </c>
      <c r="EQ29" s="311">
        <v>16</v>
      </c>
      <c r="ER29" s="312">
        <v>0</v>
      </c>
      <c r="ES29" s="313">
        <v>18</v>
      </c>
      <c r="ET29" s="313">
        <v>17</v>
      </c>
      <c r="EU29" s="313">
        <v>14</v>
      </c>
      <c r="EV29" s="313">
        <v>9</v>
      </c>
      <c r="EW29" s="313">
        <v>6</v>
      </c>
      <c r="EX29" s="311">
        <v>64</v>
      </c>
      <c r="EY29" s="315">
        <v>80</v>
      </c>
    </row>
    <row r="30" spans="1:155" ht="19.5" customHeight="1" x14ac:dyDescent="0.2">
      <c r="A30" s="297" t="s">
        <v>28</v>
      </c>
      <c r="B30" s="310">
        <v>0</v>
      </c>
      <c r="C30" s="313">
        <v>0</v>
      </c>
      <c r="D30" s="441">
        <v>0</v>
      </c>
      <c r="E30" s="312">
        <v>0</v>
      </c>
      <c r="F30" s="313">
        <v>0</v>
      </c>
      <c r="G30" s="313">
        <v>1</v>
      </c>
      <c r="H30" s="313">
        <v>1</v>
      </c>
      <c r="I30" s="313">
        <v>0</v>
      </c>
      <c r="J30" s="313">
        <v>0</v>
      </c>
      <c r="K30" s="314">
        <v>2</v>
      </c>
      <c r="L30" s="315">
        <v>2</v>
      </c>
      <c r="M30" s="310">
        <v>0</v>
      </c>
      <c r="N30" s="313">
        <v>0</v>
      </c>
      <c r="O30" s="311">
        <v>0</v>
      </c>
      <c r="P30" s="312">
        <v>0</v>
      </c>
      <c r="Q30" s="313">
        <v>0</v>
      </c>
      <c r="R30" s="313">
        <v>0</v>
      </c>
      <c r="S30" s="313">
        <v>0</v>
      </c>
      <c r="T30" s="313">
        <v>0</v>
      </c>
      <c r="U30" s="313">
        <v>0</v>
      </c>
      <c r="V30" s="311">
        <v>0</v>
      </c>
      <c r="W30" s="315">
        <v>0</v>
      </c>
      <c r="X30" s="310">
        <v>0</v>
      </c>
      <c r="Y30" s="313">
        <v>0</v>
      </c>
      <c r="Z30" s="311">
        <v>0</v>
      </c>
      <c r="AA30" s="312">
        <v>0</v>
      </c>
      <c r="AB30" s="313">
        <v>0</v>
      </c>
      <c r="AC30" s="313">
        <v>4</v>
      </c>
      <c r="AD30" s="313">
        <v>1</v>
      </c>
      <c r="AE30" s="313">
        <v>0</v>
      </c>
      <c r="AF30" s="313">
        <v>0</v>
      </c>
      <c r="AG30" s="311">
        <v>5</v>
      </c>
      <c r="AH30" s="315">
        <v>5</v>
      </c>
      <c r="AI30" s="310">
        <v>0</v>
      </c>
      <c r="AJ30" s="313">
        <v>0</v>
      </c>
      <c r="AK30" s="311">
        <v>0</v>
      </c>
      <c r="AL30" s="312">
        <v>0</v>
      </c>
      <c r="AM30" s="313">
        <v>0</v>
      </c>
      <c r="AN30" s="313">
        <v>0</v>
      </c>
      <c r="AO30" s="313">
        <v>0</v>
      </c>
      <c r="AP30" s="313">
        <v>0</v>
      </c>
      <c r="AQ30" s="313">
        <v>0</v>
      </c>
      <c r="AR30" s="311">
        <v>0</v>
      </c>
      <c r="AS30" s="315">
        <v>0</v>
      </c>
      <c r="AT30" s="310">
        <v>0</v>
      </c>
      <c r="AU30" s="313">
        <v>0</v>
      </c>
      <c r="AV30" s="311">
        <v>0</v>
      </c>
      <c r="AW30" s="312">
        <v>0</v>
      </c>
      <c r="AX30" s="313">
        <v>1</v>
      </c>
      <c r="AY30" s="313">
        <v>0</v>
      </c>
      <c r="AZ30" s="313">
        <v>1</v>
      </c>
      <c r="BA30" s="313">
        <v>0</v>
      </c>
      <c r="BB30" s="313">
        <v>0</v>
      </c>
      <c r="BC30" s="314">
        <v>2</v>
      </c>
      <c r="BD30" s="315">
        <v>2</v>
      </c>
      <c r="BE30" s="310">
        <v>0</v>
      </c>
      <c r="BF30" s="313">
        <v>0</v>
      </c>
      <c r="BG30" s="311">
        <v>0</v>
      </c>
      <c r="BH30" s="312">
        <v>0</v>
      </c>
      <c r="BI30" s="313">
        <v>2</v>
      </c>
      <c r="BJ30" s="313">
        <v>0</v>
      </c>
      <c r="BK30" s="313">
        <v>0</v>
      </c>
      <c r="BL30" s="313">
        <v>0</v>
      </c>
      <c r="BM30" s="313">
        <v>0</v>
      </c>
      <c r="BN30" s="311">
        <v>2</v>
      </c>
      <c r="BO30" s="315">
        <v>2</v>
      </c>
      <c r="BP30" s="310">
        <v>0</v>
      </c>
      <c r="BQ30" s="313">
        <v>0</v>
      </c>
      <c r="BR30" s="311">
        <v>0</v>
      </c>
      <c r="BS30" s="312">
        <v>0</v>
      </c>
      <c r="BT30" s="313">
        <v>0</v>
      </c>
      <c r="BU30" s="313">
        <v>0</v>
      </c>
      <c r="BV30" s="313">
        <v>0</v>
      </c>
      <c r="BW30" s="313">
        <v>0</v>
      </c>
      <c r="BX30" s="313">
        <v>0</v>
      </c>
      <c r="BY30" s="311">
        <v>0</v>
      </c>
      <c r="BZ30" s="315">
        <v>0</v>
      </c>
      <c r="CA30" s="310">
        <v>0</v>
      </c>
      <c r="CB30" s="313">
        <v>0</v>
      </c>
      <c r="CC30" s="311">
        <v>0</v>
      </c>
      <c r="CD30" s="312">
        <v>0</v>
      </c>
      <c r="CE30" s="313">
        <v>0</v>
      </c>
      <c r="CF30" s="313">
        <v>1</v>
      </c>
      <c r="CG30" s="313">
        <v>0</v>
      </c>
      <c r="CH30" s="313">
        <v>0</v>
      </c>
      <c r="CI30" s="313">
        <v>0</v>
      </c>
      <c r="CJ30" s="311">
        <v>1</v>
      </c>
      <c r="CK30" s="315">
        <v>1</v>
      </c>
      <c r="CL30" s="310">
        <v>0</v>
      </c>
      <c r="CM30" s="313">
        <v>0</v>
      </c>
      <c r="CN30" s="311">
        <v>0</v>
      </c>
      <c r="CO30" s="312">
        <v>0</v>
      </c>
      <c r="CP30" s="313">
        <v>0</v>
      </c>
      <c r="CQ30" s="313">
        <v>0</v>
      </c>
      <c r="CR30" s="313">
        <v>0</v>
      </c>
      <c r="CS30" s="313">
        <v>0</v>
      </c>
      <c r="CT30" s="313">
        <v>0</v>
      </c>
      <c r="CU30" s="311">
        <v>0</v>
      </c>
      <c r="CV30" s="315">
        <v>0</v>
      </c>
      <c r="CW30" s="310">
        <v>0</v>
      </c>
      <c r="CX30" s="313">
        <v>0</v>
      </c>
      <c r="CY30" s="311">
        <v>0</v>
      </c>
      <c r="CZ30" s="312">
        <v>0</v>
      </c>
      <c r="DA30" s="313">
        <v>0</v>
      </c>
      <c r="DB30" s="313">
        <v>0</v>
      </c>
      <c r="DC30" s="313">
        <v>0</v>
      </c>
      <c r="DD30" s="313">
        <v>0</v>
      </c>
      <c r="DE30" s="313">
        <v>0</v>
      </c>
      <c r="DF30" s="311">
        <v>0</v>
      </c>
      <c r="DG30" s="315">
        <v>0</v>
      </c>
      <c r="DH30" s="310">
        <v>0</v>
      </c>
      <c r="DI30" s="313">
        <v>0</v>
      </c>
      <c r="DJ30" s="311">
        <v>0</v>
      </c>
      <c r="DK30" s="312">
        <v>0</v>
      </c>
      <c r="DL30" s="313">
        <v>0</v>
      </c>
      <c r="DM30" s="313">
        <v>0</v>
      </c>
      <c r="DN30" s="313">
        <v>0</v>
      </c>
      <c r="DO30" s="313">
        <v>0</v>
      </c>
      <c r="DP30" s="313">
        <v>0</v>
      </c>
      <c r="DQ30" s="311">
        <v>0</v>
      </c>
      <c r="DR30" s="315">
        <v>0</v>
      </c>
      <c r="DS30" s="310">
        <v>0</v>
      </c>
      <c r="DT30" s="313">
        <v>1</v>
      </c>
      <c r="DU30" s="311">
        <v>1</v>
      </c>
      <c r="DV30" s="312">
        <v>0</v>
      </c>
      <c r="DW30" s="313">
        <v>2</v>
      </c>
      <c r="DX30" s="313">
        <v>7</v>
      </c>
      <c r="DY30" s="313">
        <v>0</v>
      </c>
      <c r="DZ30" s="313">
        <v>0</v>
      </c>
      <c r="EA30" s="313">
        <v>0</v>
      </c>
      <c r="EB30" s="311">
        <v>9</v>
      </c>
      <c r="EC30" s="315">
        <v>10</v>
      </c>
      <c r="ED30" s="310">
        <v>0</v>
      </c>
      <c r="EE30" s="313">
        <v>0</v>
      </c>
      <c r="EF30" s="311">
        <v>0</v>
      </c>
      <c r="EG30" s="312">
        <v>0</v>
      </c>
      <c r="EH30" s="313">
        <v>1</v>
      </c>
      <c r="EI30" s="313">
        <v>0</v>
      </c>
      <c r="EJ30" s="313">
        <v>1</v>
      </c>
      <c r="EK30" s="313">
        <v>0</v>
      </c>
      <c r="EL30" s="313">
        <v>0</v>
      </c>
      <c r="EM30" s="311">
        <v>2</v>
      </c>
      <c r="EN30" s="315">
        <v>2</v>
      </c>
      <c r="EO30" s="310">
        <v>0</v>
      </c>
      <c r="EP30" s="313">
        <v>1</v>
      </c>
      <c r="EQ30" s="311">
        <v>1</v>
      </c>
      <c r="ER30" s="312">
        <v>0</v>
      </c>
      <c r="ES30" s="313">
        <v>4</v>
      </c>
      <c r="ET30" s="313">
        <v>7</v>
      </c>
      <c r="EU30" s="313">
        <v>2</v>
      </c>
      <c r="EV30" s="313">
        <v>0</v>
      </c>
      <c r="EW30" s="313">
        <v>0</v>
      </c>
      <c r="EX30" s="311">
        <v>13</v>
      </c>
      <c r="EY30" s="315">
        <v>14</v>
      </c>
    </row>
    <row r="31" spans="1:155" ht="19.5" customHeight="1" x14ac:dyDescent="0.2">
      <c r="A31" s="297" t="s">
        <v>29</v>
      </c>
      <c r="B31" s="310">
        <v>0</v>
      </c>
      <c r="C31" s="313">
        <v>0</v>
      </c>
      <c r="D31" s="441">
        <v>0</v>
      </c>
      <c r="E31" s="312">
        <v>0</v>
      </c>
      <c r="F31" s="313">
        <v>0</v>
      </c>
      <c r="G31" s="313">
        <v>1</v>
      </c>
      <c r="H31" s="313">
        <v>0</v>
      </c>
      <c r="I31" s="313">
        <v>1</v>
      </c>
      <c r="J31" s="313">
        <v>0</v>
      </c>
      <c r="K31" s="314">
        <v>2</v>
      </c>
      <c r="L31" s="315">
        <v>2</v>
      </c>
      <c r="M31" s="310">
        <v>0</v>
      </c>
      <c r="N31" s="313">
        <v>0</v>
      </c>
      <c r="O31" s="311">
        <v>0</v>
      </c>
      <c r="P31" s="312">
        <v>0</v>
      </c>
      <c r="Q31" s="313">
        <v>0</v>
      </c>
      <c r="R31" s="313">
        <v>0</v>
      </c>
      <c r="S31" s="313">
        <v>0</v>
      </c>
      <c r="T31" s="313">
        <v>0</v>
      </c>
      <c r="U31" s="313">
        <v>1</v>
      </c>
      <c r="V31" s="311">
        <v>1</v>
      </c>
      <c r="W31" s="315">
        <v>1</v>
      </c>
      <c r="X31" s="310">
        <v>0</v>
      </c>
      <c r="Y31" s="313">
        <v>1</v>
      </c>
      <c r="Z31" s="311">
        <v>1</v>
      </c>
      <c r="AA31" s="312">
        <v>0</v>
      </c>
      <c r="AB31" s="313">
        <v>0</v>
      </c>
      <c r="AC31" s="313">
        <v>0</v>
      </c>
      <c r="AD31" s="313">
        <v>0</v>
      </c>
      <c r="AE31" s="313">
        <v>0</v>
      </c>
      <c r="AF31" s="313">
        <v>1</v>
      </c>
      <c r="AG31" s="311">
        <v>1</v>
      </c>
      <c r="AH31" s="315">
        <v>2</v>
      </c>
      <c r="AI31" s="310">
        <v>0</v>
      </c>
      <c r="AJ31" s="313">
        <v>0</v>
      </c>
      <c r="AK31" s="311">
        <v>0</v>
      </c>
      <c r="AL31" s="312">
        <v>0</v>
      </c>
      <c r="AM31" s="313">
        <v>0</v>
      </c>
      <c r="AN31" s="313">
        <v>0</v>
      </c>
      <c r="AO31" s="313">
        <v>0</v>
      </c>
      <c r="AP31" s="313">
        <v>0</v>
      </c>
      <c r="AQ31" s="313">
        <v>0</v>
      </c>
      <c r="AR31" s="311">
        <v>0</v>
      </c>
      <c r="AS31" s="315">
        <v>0</v>
      </c>
      <c r="AT31" s="310">
        <v>0</v>
      </c>
      <c r="AU31" s="313">
        <v>0</v>
      </c>
      <c r="AV31" s="311">
        <v>0</v>
      </c>
      <c r="AW31" s="312">
        <v>0</v>
      </c>
      <c r="AX31" s="313">
        <v>0</v>
      </c>
      <c r="AY31" s="313">
        <v>3</v>
      </c>
      <c r="AZ31" s="313">
        <v>0</v>
      </c>
      <c r="BA31" s="313">
        <v>0</v>
      </c>
      <c r="BB31" s="313">
        <v>1</v>
      </c>
      <c r="BC31" s="314">
        <v>4</v>
      </c>
      <c r="BD31" s="315">
        <v>4</v>
      </c>
      <c r="BE31" s="310">
        <v>0</v>
      </c>
      <c r="BF31" s="313">
        <v>0</v>
      </c>
      <c r="BG31" s="311">
        <v>0</v>
      </c>
      <c r="BH31" s="312">
        <v>0</v>
      </c>
      <c r="BI31" s="313">
        <v>4</v>
      </c>
      <c r="BJ31" s="313">
        <v>1</v>
      </c>
      <c r="BK31" s="313">
        <v>1</v>
      </c>
      <c r="BL31" s="313">
        <v>0</v>
      </c>
      <c r="BM31" s="313">
        <v>1</v>
      </c>
      <c r="BN31" s="311">
        <v>7</v>
      </c>
      <c r="BO31" s="315">
        <v>7</v>
      </c>
      <c r="BP31" s="310">
        <v>0</v>
      </c>
      <c r="BQ31" s="313">
        <v>0</v>
      </c>
      <c r="BR31" s="311">
        <v>0</v>
      </c>
      <c r="BS31" s="312">
        <v>0</v>
      </c>
      <c r="BT31" s="313">
        <v>0</v>
      </c>
      <c r="BU31" s="313">
        <v>1</v>
      </c>
      <c r="BV31" s="313">
        <v>1</v>
      </c>
      <c r="BW31" s="313">
        <v>1</v>
      </c>
      <c r="BX31" s="313">
        <v>0</v>
      </c>
      <c r="BY31" s="311">
        <v>3</v>
      </c>
      <c r="BZ31" s="315">
        <v>3</v>
      </c>
      <c r="CA31" s="310">
        <v>0</v>
      </c>
      <c r="CB31" s="313">
        <v>0</v>
      </c>
      <c r="CC31" s="311">
        <v>0</v>
      </c>
      <c r="CD31" s="312">
        <v>0</v>
      </c>
      <c r="CE31" s="313">
        <v>0</v>
      </c>
      <c r="CF31" s="313">
        <v>0</v>
      </c>
      <c r="CG31" s="313">
        <v>0</v>
      </c>
      <c r="CH31" s="313">
        <v>1</v>
      </c>
      <c r="CI31" s="313">
        <v>1</v>
      </c>
      <c r="CJ31" s="311">
        <v>2</v>
      </c>
      <c r="CK31" s="315">
        <v>2</v>
      </c>
      <c r="CL31" s="310">
        <v>0</v>
      </c>
      <c r="CM31" s="313">
        <v>0</v>
      </c>
      <c r="CN31" s="311">
        <v>0</v>
      </c>
      <c r="CO31" s="312">
        <v>0</v>
      </c>
      <c r="CP31" s="313">
        <v>0</v>
      </c>
      <c r="CQ31" s="313">
        <v>0</v>
      </c>
      <c r="CR31" s="313">
        <v>0</v>
      </c>
      <c r="CS31" s="313">
        <v>1</v>
      </c>
      <c r="CT31" s="313">
        <v>0</v>
      </c>
      <c r="CU31" s="311">
        <v>1</v>
      </c>
      <c r="CV31" s="315">
        <v>1</v>
      </c>
      <c r="CW31" s="310">
        <v>0</v>
      </c>
      <c r="CX31" s="313">
        <v>0</v>
      </c>
      <c r="CY31" s="311">
        <v>0</v>
      </c>
      <c r="CZ31" s="312">
        <v>0</v>
      </c>
      <c r="DA31" s="313">
        <v>0</v>
      </c>
      <c r="DB31" s="313">
        <v>0</v>
      </c>
      <c r="DC31" s="313">
        <v>0</v>
      </c>
      <c r="DD31" s="313">
        <v>0</v>
      </c>
      <c r="DE31" s="313">
        <v>0</v>
      </c>
      <c r="DF31" s="311">
        <v>0</v>
      </c>
      <c r="DG31" s="315">
        <v>0</v>
      </c>
      <c r="DH31" s="310">
        <v>0</v>
      </c>
      <c r="DI31" s="313">
        <v>0</v>
      </c>
      <c r="DJ31" s="311">
        <v>0</v>
      </c>
      <c r="DK31" s="312">
        <v>0</v>
      </c>
      <c r="DL31" s="313">
        <v>0</v>
      </c>
      <c r="DM31" s="313">
        <v>0</v>
      </c>
      <c r="DN31" s="313">
        <v>0</v>
      </c>
      <c r="DO31" s="313">
        <v>0</v>
      </c>
      <c r="DP31" s="313">
        <v>0</v>
      </c>
      <c r="DQ31" s="311">
        <v>0</v>
      </c>
      <c r="DR31" s="315">
        <v>0</v>
      </c>
      <c r="DS31" s="310">
        <v>2</v>
      </c>
      <c r="DT31" s="313">
        <v>0</v>
      </c>
      <c r="DU31" s="311">
        <v>2</v>
      </c>
      <c r="DV31" s="312">
        <v>0</v>
      </c>
      <c r="DW31" s="313">
        <v>1</v>
      </c>
      <c r="DX31" s="313">
        <v>5</v>
      </c>
      <c r="DY31" s="313">
        <v>1</v>
      </c>
      <c r="DZ31" s="313">
        <v>2</v>
      </c>
      <c r="EA31" s="313">
        <v>2</v>
      </c>
      <c r="EB31" s="311">
        <v>11</v>
      </c>
      <c r="EC31" s="315">
        <v>13</v>
      </c>
      <c r="ED31" s="310">
        <v>0</v>
      </c>
      <c r="EE31" s="313">
        <v>0</v>
      </c>
      <c r="EF31" s="311">
        <v>0</v>
      </c>
      <c r="EG31" s="312">
        <v>0</v>
      </c>
      <c r="EH31" s="313">
        <v>0</v>
      </c>
      <c r="EI31" s="313">
        <v>2</v>
      </c>
      <c r="EJ31" s="313">
        <v>0</v>
      </c>
      <c r="EK31" s="313">
        <v>0</v>
      </c>
      <c r="EL31" s="313">
        <v>0</v>
      </c>
      <c r="EM31" s="311">
        <v>2</v>
      </c>
      <c r="EN31" s="315">
        <v>2</v>
      </c>
      <c r="EO31" s="310">
        <v>2</v>
      </c>
      <c r="EP31" s="313">
        <v>1</v>
      </c>
      <c r="EQ31" s="311">
        <v>3</v>
      </c>
      <c r="ER31" s="312">
        <v>0</v>
      </c>
      <c r="ES31" s="313">
        <v>5</v>
      </c>
      <c r="ET31" s="313">
        <v>5</v>
      </c>
      <c r="EU31" s="313">
        <v>1</v>
      </c>
      <c r="EV31" s="313">
        <v>3</v>
      </c>
      <c r="EW31" s="313">
        <v>2</v>
      </c>
      <c r="EX31" s="311">
        <v>16</v>
      </c>
      <c r="EY31" s="315">
        <v>19</v>
      </c>
    </row>
    <row r="32" spans="1:155" ht="19.5" customHeight="1" x14ac:dyDescent="0.2">
      <c r="A32" s="297" t="s">
        <v>30</v>
      </c>
      <c r="B32" s="310">
        <v>0</v>
      </c>
      <c r="C32" s="313">
        <v>0</v>
      </c>
      <c r="D32" s="441">
        <v>0</v>
      </c>
      <c r="E32" s="312">
        <v>0</v>
      </c>
      <c r="F32" s="313">
        <v>0</v>
      </c>
      <c r="G32" s="313">
        <v>2</v>
      </c>
      <c r="H32" s="313">
        <v>1</v>
      </c>
      <c r="I32" s="313">
        <v>2</v>
      </c>
      <c r="J32" s="313">
        <v>0</v>
      </c>
      <c r="K32" s="314">
        <v>5</v>
      </c>
      <c r="L32" s="315">
        <v>5</v>
      </c>
      <c r="M32" s="310">
        <v>0</v>
      </c>
      <c r="N32" s="313">
        <v>0</v>
      </c>
      <c r="O32" s="311">
        <v>0</v>
      </c>
      <c r="P32" s="312">
        <v>0</v>
      </c>
      <c r="Q32" s="313">
        <v>0</v>
      </c>
      <c r="R32" s="313">
        <v>0</v>
      </c>
      <c r="S32" s="313">
        <v>0</v>
      </c>
      <c r="T32" s="313">
        <v>1</v>
      </c>
      <c r="U32" s="313">
        <v>0</v>
      </c>
      <c r="V32" s="311">
        <v>1</v>
      </c>
      <c r="W32" s="315">
        <v>1</v>
      </c>
      <c r="X32" s="310">
        <v>0</v>
      </c>
      <c r="Y32" s="313">
        <v>0</v>
      </c>
      <c r="Z32" s="311">
        <v>0</v>
      </c>
      <c r="AA32" s="312">
        <v>0</v>
      </c>
      <c r="AB32" s="313">
        <v>1</v>
      </c>
      <c r="AC32" s="313">
        <v>0</v>
      </c>
      <c r="AD32" s="313">
        <v>0</v>
      </c>
      <c r="AE32" s="313">
        <v>2</v>
      </c>
      <c r="AF32" s="313">
        <v>0</v>
      </c>
      <c r="AG32" s="311">
        <v>3</v>
      </c>
      <c r="AH32" s="315">
        <v>3</v>
      </c>
      <c r="AI32" s="310">
        <v>0</v>
      </c>
      <c r="AJ32" s="313">
        <v>0</v>
      </c>
      <c r="AK32" s="311">
        <v>0</v>
      </c>
      <c r="AL32" s="312">
        <v>0</v>
      </c>
      <c r="AM32" s="313">
        <v>0</v>
      </c>
      <c r="AN32" s="313">
        <v>0</v>
      </c>
      <c r="AO32" s="313">
        <v>0</v>
      </c>
      <c r="AP32" s="313">
        <v>0</v>
      </c>
      <c r="AQ32" s="313">
        <v>0</v>
      </c>
      <c r="AR32" s="311">
        <v>0</v>
      </c>
      <c r="AS32" s="315">
        <v>0</v>
      </c>
      <c r="AT32" s="310">
        <v>0</v>
      </c>
      <c r="AU32" s="313">
        <v>0</v>
      </c>
      <c r="AV32" s="311">
        <v>0</v>
      </c>
      <c r="AW32" s="312">
        <v>0</v>
      </c>
      <c r="AX32" s="313">
        <v>2</v>
      </c>
      <c r="AY32" s="313">
        <v>2</v>
      </c>
      <c r="AZ32" s="313">
        <v>1</v>
      </c>
      <c r="BA32" s="313">
        <v>1</v>
      </c>
      <c r="BB32" s="313">
        <v>0</v>
      </c>
      <c r="BC32" s="314">
        <v>6</v>
      </c>
      <c r="BD32" s="315">
        <v>6</v>
      </c>
      <c r="BE32" s="310">
        <v>0</v>
      </c>
      <c r="BF32" s="313">
        <v>0</v>
      </c>
      <c r="BG32" s="311">
        <v>0</v>
      </c>
      <c r="BH32" s="312">
        <v>0</v>
      </c>
      <c r="BI32" s="313">
        <v>0</v>
      </c>
      <c r="BJ32" s="313">
        <v>0</v>
      </c>
      <c r="BK32" s="313">
        <v>0</v>
      </c>
      <c r="BL32" s="313">
        <v>1</v>
      </c>
      <c r="BM32" s="313">
        <v>0</v>
      </c>
      <c r="BN32" s="311">
        <v>1</v>
      </c>
      <c r="BO32" s="315">
        <v>1</v>
      </c>
      <c r="BP32" s="310">
        <v>0</v>
      </c>
      <c r="BQ32" s="313">
        <v>0</v>
      </c>
      <c r="BR32" s="311">
        <v>0</v>
      </c>
      <c r="BS32" s="312">
        <v>0</v>
      </c>
      <c r="BT32" s="313">
        <v>1</v>
      </c>
      <c r="BU32" s="313">
        <v>0</v>
      </c>
      <c r="BV32" s="313">
        <v>0</v>
      </c>
      <c r="BW32" s="313">
        <v>0</v>
      </c>
      <c r="BX32" s="313">
        <v>0</v>
      </c>
      <c r="BY32" s="311">
        <v>1</v>
      </c>
      <c r="BZ32" s="315">
        <v>1</v>
      </c>
      <c r="CA32" s="310">
        <v>0</v>
      </c>
      <c r="CB32" s="313">
        <v>0</v>
      </c>
      <c r="CC32" s="311">
        <v>0</v>
      </c>
      <c r="CD32" s="312">
        <v>0</v>
      </c>
      <c r="CE32" s="313">
        <v>1</v>
      </c>
      <c r="CF32" s="313">
        <v>0</v>
      </c>
      <c r="CG32" s="313">
        <v>1</v>
      </c>
      <c r="CH32" s="313">
        <v>1</v>
      </c>
      <c r="CI32" s="313">
        <v>0</v>
      </c>
      <c r="CJ32" s="311">
        <v>3</v>
      </c>
      <c r="CK32" s="315">
        <v>3</v>
      </c>
      <c r="CL32" s="310">
        <v>0</v>
      </c>
      <c r="CM32" s="313">
        <v>0</v>
      </c>
      <c r="CN32" s="311">
        <v>0</v>
      </c>
      <c r="CO32" s="312">
        <v>0</v>
      </c>
      <c r="CP32" s="313">
        <v>0</v>
      </c>
      <c r="CQ32" s="313">
        <v>0</v>
      </c>
      <c r="CR32" s="313">
        <v>0</v>
      </c>
      <c r="CS32" s="313">
        <v>0</v>
      </c>
      <c r="CT32" s="313">
        <v>0</v>
      </c>
      <c r="CU32" s="311">
        <v>0</v>
      </c>
      <c r="CV32" s="315">
        <v>0</v>
      </c>
      <c r="CW32" s="310">
        <v>0</v>
      </c>
      <c r="CX32" s="313">
        <v>0</v>
      </c>
      <c r="CY32" s="311">
        <v>0</v>
      </c>
      <c r="CZ32" s="312">
        <v>0</v>
      </c>
      <c r="DA32" s="313">
        <v>0</v>
      </c>
      <c r="DB32" s="313">
        <v>0</v>
      </c>
      <c r="DC32" s="313">
        <v>0</v>
      </c>
      <c r="DD32" s="313">
        <v>0</v>
      </c>
      <c r="DE32" s="313">
        <v>0</v>
      </c>
      <c r="DF32" s="311">
        <v>0</v>
      </c>
      <c r="DG32" s="315">
        <v>0</v>
      </c>
      <c r="DH32" s="310">
        <v>0</v>
      </c>
      <c r="DI32" s="313">
        <v>0</v>
      </c>
      <c r="DJ32" s="311">
        <v>0</v>
      </c>
      <c r="DK32" s="312">
        <v>0</v>
      </c>
      <c r="DL32" s="313">
        <v>0</v>
      </c>
      <c r="DM32" s="313">
        <v>0</v>
      </c>
      <c r="DN32" s="313">
        <v>0</v>
      </c>
      <c r="DO32" s="313">
        <v>0</v>
      </c>
      <c r="DP32" s="313">
        <v>0</v>
      </c>
      <c r="DQ32" s="311">
        <v>0</v>
      </c>
      <c r="DR32" s="315">
        <v>0</v>
      </c>
      <c r="DS32" s="310">
        <v>1</v>
      </c>
      <c r="DT32" s="313">
        <v>1</v>
      </c>
      <c r="DU32" s="311">
        <v>2</v>
      </c>
      <c r="DV32" s="312">
        <v>0</v>
      </c>
      <c r="DW32" s="313">
        <v>2</v>
      </c>
      <c r="DX32" s="313">
        <v>2</v>
      </c>
      <c r="DY32" s="313">
        <v>2</v>
      </c>
      <c r="DZ32" s="313">
        <v>3</v>
      </c>
      <c r="EA32" s="313">
        <v>0</v>
      </c>
      <c r="EB32" s="311">
        <v>9</v>
      </c>
      <c r="EC32" s="315">
        <v>11</v>
      </c>
      <c r="ED32" s="310">
        <v>0</v>
      </c>
      <c r="EE32" s="313">
        <v>0</v>
      </c>
      <c r="EF32" s="311">
        <v>0</v>
      </c>
      <c r="EG32" s="312">
        <v>0</v>
      </c>
      <c r="EH32" s="313">
        <v>2</v>
      </c>
      <c r="EI32" s="313">
        <v>1</v>
      </c>
      <c r="EJ32" s="313">
        <v>0</v>
      </c>
      <c r="EK32" s="313">
        <v>0</v>
      </c>
      <c r="EL32" s="313">
        <v>0</v>
      </c>
      <c r="EM32" s="311">
        <v>3</v>
      </c>
      <c r="EN32" s="315">
        <v>3</v>
      </c>
      <c r="EO32" s="310">
        <v>2</v>
      </c>
      <c r="EP32" s="313">
        <v>1</v>
      </c>
      <c r="EQ32" s="311">
        <v>3</v>
      </c>
      <c r="ER32" s="312">
        <v>0</v>
      </c>
      <c r="ES32" s="313">
        <v>4</v>
      </c>
      <c r="ET32" s="313">
        <v>3</v>
      </c>
      <c r="EU32" s="313">
        <v>3</v>
      </c>
      <c r="EV32" s="313">
        <v>3</v>
      </c>
      <c r="EW32" s="313">
        <v>0</v>
      </c>
      <c r="EX32" s="311">
        <v>13</v>
      </c>
      <c r="EY32" s="315">
        <v>16</v>
      </c>
    </row>
    <row r="33" spans="1:155" ht="19.5" customHeight="1" x14ac:dyDescent="0.2">
      <c r="A33" s="297" t="s">
        <v>31</v>
      </c>
      <c r="B33" s="310">
        <v>0</v>
      </c>
      <c r="C33" s="313">
        <v>0</v>
      </c>
      <c r="D33" s="441">
        <v>0</v>
      </c>
      <c r="E33" s="312">
        <v>0</v>
      </c>
      <c r="F33" s="313">
        <v>1</v>
      </c>
      <c r="G33" s="313">
        <v>0</v>
      </c>
      <c r="H33" s="313">
        <v>1</v>
      </c>
      <c r="I33" s="313">
        <v>0</v>
      </c>
      <c r="J33" s="313">
        <v>0</v>
      </c>
      <c r="K33" s="314">
        <v>2</v>
      </c>
      <c r="L33" s="315">
        <v>2</v>
      </c>
      <c r="M33" s="310">
        <v>0</v>
      </c>
      <c r="N33" s="313">
        <v>0</v>
      </c>
      <c r="O33" s="311">
        <v>0</v>
      </c>
      <c r="P33" s="312">
        <v>0</v>
      </c>
      <c r="Q33" s="313">
        <v>0</v>
      </c>
      <c r="R33" s="313">
        <v>1</v>
      </c>
      <c r="S33" s="313">
        <v>1</v>
      </c>
      <c r="T33" s="313">
        <v>0</v>
      </c>
      <c r="U33" s="313">
        <v>0</v>
      </c>
      <c r="V33" s="311">
        <v>2</v>
      </c>
      <c r="W33" s="315">
        <v>2</v>
      </c>
      <c r="X33" s="310">
        <v>0</v>
      </c>
      <c r="Y33" s="313">
        <v>0</v>
      </c>
      <c r="Z33" s="311">
        <v>0</v>
      </c>
      <c r="AA33" s="312">
        <v>0</v>
      </c>
      <c r="AB33" s="313">
        <v>1</v>
      </c>
      <c r="AC33" s="313">
        <v>0</v>
      </c>
      <c r="AD33" s="313">
        <v>1</v>
      </c>
      <c r="AE33" s="313">
        <v>0</v>
      </c>
      <c r="AF33" s="313">
        <v>0</v>
      </c>
      <c r="AG33" s="311">
        <v>2</v>
      </c>
      <c r="AH33" s="315">
        <v>2</v>
      </c>
      <c r="AI33" s="310">
        <v>0</v>
      </c>
      <c r="AJ33" s="313">
        <v>1</v>
      </c>
      <c r="AK33" s="311">
        <v>1</v>
      </c>
      <c r="AL33" s="312">
        <v>0</v>
      </c>
      <c r="AM33" s="313">
        <v>0</v>
      </c>
      <c r="AN33" s="313">
        <v>2</v>
      </c>
      <c r="AO33" s="313">
        <v>0</v>
      </c>
      <c r="AP33" s="313">
        <v>0</v>
      </c>
      <c r="AQ33" s="313">
        <v>0</v>
      </c>
      <c r="AR33" s="311">
        <v>2</v>
      </c>
      <c r="AS33" s="315">
        <v>3</v>
      </c>
      <c r="AT33" s="310">
        <v>0</v>
      </c>
      <c r="AU33" s="313">
        <v>0</v>
      </c>
      <c r="AV33" s="311">
        <v>0</v>
      </c>
      <c r="AW33" s="312">
        <v>0</v>
      </c>
      <c r="AX33" s="313">
        <v>0</v>
      </c>
      <c r="AY33" s="313">
        <v>0</v>
      </c>
      <c r="AZ33" s="313">
        <v>1</v>
      </c>
      <c r="BA33" s="313">
        <v>0</v>
      </c>
      <c r="BB33" s="313">
        <v>0</v>
      </c>
      <c r="BC33" s="314">
        <v>1</v>
      </c>
      <c r="BD33" s="315">
        <v>1</v>
      </c>
      <c r="BE33" s="310">
        <v>0</v>
      </c>
      <c r="BF33" s="313">
        <v>0</v>
      </c>
      <c r="BG33" s="311">
        <v>0</v>
      </c>
      <c r="BH33" s="312">
        <v>0</v>
      </c>
      <c r="BI33" s="313">
        <v>4</v>
      </c>
      <c r="BJ33" s="313">
        <v>5</v>
      </c>
      <c r="BK33" s="313">
        <v>1</v>
      </c>
      <c r="BL33" s="313">
        <v>0</v>
      </c>
      <c r="BM33" s="313">
        <v>0</v>
      </c>
      <c r="BN33" s="311">
        <v>10</v>
      </c>
      <c r="BO33" s="315">
        <v>10</v>
      </c>
      <c r="BP33" s="310">
        <v>0</v>
      </c>
      <c r="BQ33" s="313">
        <v>0</v>
      </c>
      <c r="BR33" s="311">
        <v>0</v>
      </c>
      <c r="BS33" s="312">
        <v>0</v>
      </c>
      <c r="BT33" s="313">
        <v>0</v>
      </c>
      <c r="BU33" s="313">
        <v>2</v>
      </c>
      <c r="BV33" s="313">
        <v>1</v>
      </c>
      <c r="BW33" s="313">
        <v>0</v>
      </c>
      <c r="BX33" s="313">
        <v>0</v>
      </c>
      <c r="BY33" s="311">
        <v>3</v>
      </c>
      <c r="BZ33" s="315">
        <v>3</v>
      </c>
      <c r="CA33" s="310">
        <v>0</v>
      </c>
      <c r="CB33" s="313">
        <v>0</v>
      </c>
      <c r="CC33" s="311">
        <v>0</v>
      </c>
      <c r="CD33" s="312">
        <v>0</v>
      </c>
      <c r="CE33" s="313">
        <v>1</v>
      </c>
      <c r="CF33" s="313">
        <v>1</v>
      </c>
      <c r="CG33" s="313">
        <v>1</v>
      </c>
      <c r="CH33" s="313">
        <v>0</v>
      </c>
      <c r="CI33" s="313">
        <v>0</v>
      </c>
      <c r="CJ33" s="311">
        <v>3</v>
      </c>
      <c r="CK33" s="315">
        <v>3</v>
      </c>
      <c r="CL33" s="310">
        <v>0</v>
      </c>
      <c r="CM33" s="313">
        <v>0</v>
      </c>
      <c r="CN33" s="311">
        <v>0</v>
      </c>
      <c r="CO33" s="312">
        <v>0</v>
      </c>
      <c r="CP33" s="313">
        <v>0</v>
      </c>
      <c r="CQ33" s="313">
        <v>0</v>
      </c>
      <c r="CR33" s="313">
        <v>0</v>
      </c>
      <c r="CS33" s="313">
        <v>0</v>
      </c>
      <c r="CT33" s="313">
        <v>0</v>
      </c>
      <c r="CU33" s="311">
        <v>0</v>
      </c>
      <c r="CV33" s="315">
        <v>0</v>
      </c>
      <c r="CW33" s="310">
        <v>0</v>
      </c>
      <c r="CX33" s="313">
        <v>0</v>
      </c>
      <c r="CY33" s="311">
        <v>0</v>
      </c>
      <c r="CZ33" s="312">
        <v>0</v>
      </c>
      <c r="DA33" s="313">
        <v>0</v>
      </c>
      <c r="DB33" s="313">
        <v>0</v>
      </c>
      <c r="DC33" s="313">
        <v>0</v>
      </c>
      <c r="DD33" s="313">
        <v>0</v>
      </c>
      <c r="DE33" s="313">
        <v>0</v>
      </c>
      <c r="DF33" s="311">
        <v>0</v>
      </c>
      <c r="DG33" s="315">
        <v>0</v>
      </c>
      <c r="DH33" s="310">
        <v>0</v>
      </c>
      <c r="DI33" s="313">
        <v>0</v>
      </c>
      <c r="DJ33" s="311">
        <v>0</v>
      </c>
      <c r="DK33" s="312">
        <v>0</v>
      </c>
      <c r="DL33" s="313">
        <v>0</v>
      </c>
      <c r="DM33" s="313">
        <v>0</v>
      </c>
      <c r="DN33" s="313">
        <v>0</v>
      </c>
      <c r="DO33" s="313">
        <v>0</v>
      </c>
      <c r="DP33" s="313">
        <v>0</v>
      </c>
      <c r="DQ33" s="311">
        <v>0</v>
      </c>
      <c r="DR33" s="315">
        <v>0</v>
      </c>
      <c r="DS33" s="310">
        <v>2</v>
      </c>
      <c r="DT33" s="313">
        <v>1</v>
      </c>
      <c r="DU33" s="311">
        <v>3</v>
      </c>
      <c r="DV33" s="312">
        <v>0</v>
      </c>
      <c r="DW33" s="313">
        <v>2</v>
      </c>
      <c r="DX33" s="313">
        <v>7</v>
      </c>
      <c r="DY33" s="313">
        <v>4</v>
      </c>
      <c r="DZ33" s="313">
        <v>0</v>
      </c>
      <c r="EA33" s="313">
        <v>0</v>
      </c>
      <c r="EB33" s="311">
        <v>13</v>
      </c>
      <c r="EC33" s="315">
        <v>16</v>
      </c>
      <c r="ED33" s="310">
        <v>0</v>
      </c>
      <c r="EE33" s="313">
        <v>0</v>
      </c>
      <c r="EF33" s="311">
        <v>0</v>
      </c>
      <c r="EG33" s="312">
        <v>0</v>
      </c>
      <c r="EH33" s="313">
        <v>0</v>
      </c>
      <c r="EI33" s="313">
        <v>1</v>
      </c>
      <c r="EJ33" s="313">
        <v>0</v>
      </c>
      <c r="EK33" s="313">
        <v>0</v>
      </c>
      <c r="EL33" s="313">
        <v>0</v>
      </c>
      <c r="EM33" s="311">
        <v>1</v>
      </c>
      <c r="EN33" s="315">
        <v>1</v>
      </c>
      <c r="EO33" s="310">
        <v>2</v>
      </c>
      <c r="EP33" s="313">
        <v>2</v>
      </c>
      <c r="EQ33" s="311">
        <v>4</v>
      </c>
      <c r="ER33" s="312">
        <v>0</v>
      </c>
      <c r="ES33" s="313">
        <v>6</v>
      </c>
      <c r="ET33" s="313">
        <v>11</v>
      </c>
      <c r="EU33" s="313">
        <v>4</v>
      </c>
      <c r="EV33" s="313">
        <v>0</v>
      </c>
      <c r="EW33" s="313">
        <v>0</v>
      </c>
      <c r="EX33" s="311">
        <v>21</v>
      </c>
      <c r="EY33" s="315">
        <v>25</v>
      </c>
    </row>
    <row r="34" spans="1:155" ht="19.5" customHeight="1" x14ac:dyDescent="0.2">
      <c r="A34" s="297" t="s">
        <v>32</v>
      </c>
      <c r="B34" s="310">
        <v>0</v>
      </c>
      <c r="C34" s="313">
        <v>0</v>
      </c>
      <c r="D34" s="441">
        <v>0</v>
      </c>
      <c r="E34" s="312">
        <v>0</v>
      </c>
      <c r="F34" s="313">
        <v>1</v>
      </c>
      <c r="G34" s="313">
        <v>2</v>
      </c>
      <c r="H34" s="313">
        <v>2</v>
      </c>
      <c r="I34" s="313">
        <v>2</v>
      </c>
      <c r="J34" s="313">
        <v>0</v>
      </c>
      <c r="K34" s="314">
        <v>7</v>
      </c>
      <c r="L34" s="315">
        <v>7</v>
      </c>
      <c r="M34" s="310">
        <v>0</v>
      </c>
      <c r="N34" s="313">
        <v>0</v>
      </c>
      <c r="O34" s="311">
        <v>0</v>
      </c>
      <c r="P34" s="312">
        <v>0</v>
      </c>
      <c r="Q34" s="313">
        <v>0</v>
      </c>
      <c r="R34" s="313">
        <v>0</v>
      </c>
      <c r="S34" s="313">
        <v>1</v>
      </c>
      <c r="T34" s="313">
        <v>0</v>
      </c>
      <c r="U34" s="313">
        <v>0</v>
      </c>
      <c r="V34" s="311">
        <v>1</v>
      </c>
      <c r="W34" s="315">
        <v>1</v>
      </c>
      <c r="X34" s="310">
        <v>0</v>
      </c>
      <c r="Y34" s="313">
        <v>1</v>
      </c>
      <c r="Z34" s="311">
        <v>1</v>
      </c>
      <c r="AA34" s="312">
        <v>0</v>
      </c>
      <c r="AB34" s="313">
        <v>3</v>
      </c>
      <c r="AC34" s="313">
        <v>3</v>
      </c>
      <c r="AD34" s="313">
        <v>1</v>
      </c>
      <c r="AE34" s="313">
        <v>0</v>
      </c>
      <c r="AF34" s="313">
        <v>1</v>
      </c>
      <c r="AG34" s="311">
        <v>8</v>
      </c>
      <c r="AH34" s="315">
        <v>9</v>
      </c>
      <c r="AI34" s="310">
        <v>0</v>
      </c>
      <c r="AJ34" s="313">
        <v>0</v>
      </c>
      <c r="AK34" s="311">
        <v>0</v>
      </c>
      <c r="AL34" s="312">
        <v>0</v>
      </c>
      <c r="AM34" s="313">
        <v>0</v>
      </c>
      <c r="AN34" s="313">
        <v>0</v>
      </c>
      <c r="AO34" s="313">
        <v>0</v>
      </c>
      <c r="AP34" s="313">
        <v>0</v>
      </c>
      <c r="AQ34" s="313">
        <v>0</v>
      </c>
      <c r="AR34" s="311">
        <v>0</v>
      </c>
      <c r="AS34" s="315">
        <v>0</v>
      </c>
      <c r="AT34" s="310">
        <v>0</v>
      </c>
      <c r="AU34" s="313">
        <v>0</v>
      </c>
      <c r="AV34" s="311">
        <v>0</v>
      </c>
      <c r="AW34" s="312">
        <v>0</v>
      </c>
      <c r="AX34" s="313">
        <v>0</v>
      </c>
      <c r="AY34" s="313">
        <v>3</v>
      </c>
      <c r="AZ34" s="313">
        <v>3</v>
      </c>
      <c r="BA34" s="313">
        <v>3</v>
      </c>
      <c r="BB34" s="313">
        <v>0</v>
      </c>
      <c r="BC34" s="314">
        <v>9</v>
      </c>
      <c r="BD34" s="315">
        <v>9</v>
      </c>
      <c r="BE34" s="310">
        <v>0</v>
      </c>
      <c r="BF34" s="313">
        <v>0</v>
      </c>
      <c r="BG34" s="311">
        <v>0</v>
      </c>
      <c r="BH34" s="312">
        <v>0</v>
      </c>
      <c r="BI34" s="313">
        <v>3</v>
      </c>
      <c r="BJ34" s="313">
        <v>2</v>
      </c>
      <c r="BK34" s="313">
        <v>1</v>
      </c>
      <c r="BL34" s="313">
        <v>0</v>
      </c>
      <c r="BM34" s="313">
        <v>0</v>
      </c>
      <c r="BN34" s="311">
        <v>6</v>
      </c>
      <c r="BO34" s="315">
        <v>6</v>
      </c>
      <c r="BP34" s="310">
        <v>0</v>
      </c>
      <c r="BQ34" s="313">
        <v>0</v>
      </c>
      <c r="BR34" s="311">
        <v>0</v>
      </c>
      <c r="BS34" s="312">
        <v>0</v>
      </c>
      <c r="BT34" s="313">
        <v>2</v>
      </c>
      <c r="BU34" s="313">
        <v>0</v>
      </c>
      <c r="BV34" s="313">
        <v>0</v>
      </c>
      <c r="BW34" s="313">
        <v>0</v>
      </c>
      <c r="BX34" s="313">
        <v>1</v>
      </c>
      <c r="BY34" s="311">
        <v>3</v>
      </c>
      <c r="BZ34" s="315">
        <v>3</v>
      </c>
      <c r="CA34" s="310">
        <v>0</v>
      </c>
      <c r="CB34" s="313">
        <v>0</v>
      </c>
      <c r="CC34" s="311">
        <v>0</v>
      </c>
      <c r="CD34" s="312">
        <v>0</v>
      </c>
      <c r="CE34" s="313">
        <v>1</v>
      </c>
      <c r="CF34" s="313">
        <v>0</v>
      </c>
      <c r="CG34" s="313">
        <v>1</v>
      </c>
      <c r="CH34" s="313">
        <v>0</v>
      </c>
      <c r="CI34" s="313">
        <v>0</v>
      </c>
      <c r="CJ34" s="311">
        <v>2</v>
      </c>
      <c r="CK34" s="315">
        <v>2</v>
      </c>
      <c r="CL34" s="310">
        <v>0</v>
      </c>
      <c r="CM34" s="313">
        <v>0</v>
      </c>
      <c r="CN34" s="311">
        <v>0</v>
      </c>
      <c r="CO34" s="312">
        <v>0</v>
      </c>
      <c r="CP34" s="313">
        <v>0</v>
      </c>
      <c r="CQ34" s="313">
        <v>0</v>
      </c>
      <c r="CR34" s="313">
        <v>0</v>
      </c>
      <c r="CS34" s="313">
        <v>0</v>
      </c>
      <c r="CT34" s="313">
        <v>0</v>
      </c>
      <c r="CU34" s="311">
        <v>0</v>
      </c>
      <c r="CV34" s="315">
        <v>0</v>
      </c>
      <c r="CW34" s="310">
        <v>0</v>
      </c>
      <c r="CX34" s="313">
        <v>0</v>
      </c>
      <c r="CY34" s="311">
        <v>0</v>
      </c>
      <c r="CZ34" s="312">
        <v>0</v>
      </c>
      <c r="DA34" s="313">
        <v>0</v>
      </c>
      <c r="DB34" s="313">
        <v>0</v>
      </c>
      <c r="DC34" s="313">
        <v>0</v>
      </c>
      <c r="DD34" s="313">
        <v>0</v>
      </c>
      <c r="DE34" s="313">
        <v>0</v>
      </c>
      <c r="DF34" s="311">
        <v>0</v>
      </c>
      <c r="DG34" s="315">
        <v>0</v>
      </c>
      <c r="DH34" s="310">
        <v>0</v>
      </c>
      <c r="DI34" s="313">
        <v>0</v>
      </c>
      <c r="DJ34" s="311">
        <v>0</v>
      </c>
      <c r="DK34" s="312">
        <v>0</v>
      </c>
      <c r="DL34" s="313">
        <v>0</v>
      </c>
      <c r="DM34" s="313">
        <v>0</v>
      </c>
      <c r="DN34" s="313">
        <v>0</v>
      </c>
      <c r="DO34" s="313">
        <v>0</v>
      </c>
      <c r="DP34" s="313">
        <v>0</v>
      </c>
      <c r="DQ34" s="311">
        <v>0</v>
      </c>
      <c r="DR34" s="315">
        <v>0</v>
      </c>
      <c r="DS34" s="310">
        <v>0</v>
      </c>
      <c r="DT34" s="313">
        <v>2</v>
      </c>
      <c r="DU34" s="311">
        <v>2</v>
      </c>
      <c r="DV34" s="312">
        <v>0</v>
      </c>
      <c r="DW34" s="313">
        <v>6</v>
      </c>
      <c r="DX34" s="313">
        <v>6</v>
      </c>
      <c r="DY34" s="313">
        <v>4</v>
      </c>
      <c r="DZ34" s="313">
        <v>2</v>
      </c>
      <c r="EA34" s="313">
        <v>1</v>
      </c>
      <c r="EB34" s="311">
        <v>19</v>
      </c>
      <c r="EC34" s="315">
        <v>21</v>
      </c>
      <c r="ED34" s="310">
        <v>0</v>
      </c>
      <c r="EE34" s="313">
        <v>0</v>
      </c>
      <c r="EF34" s="311">
        <v>0</v>
      </c>
      <c r="EG34" s="312">
        <v>0</v>
      </c>
      <c r="EH34" s="313">
        <v>0</v>
      </c>
      <c r="EI34" s="313">
        <v>1</v>
      </c>
      <c r="EJ34" s="313">
        <v>0</v>
      </c>
      <c r="EK34" s="313">
        <v>2</v>
      </c>
      <c r="EL34" s="313">
        <v>0</v>
      </c>
      <c r="EM34" s="311">
        <v>3</v>
      </c>
      <c r="EN34" s="315">
        <v>3</v>
      </c>
      <c r="EO34" s="310">
        <v>0</v>
      </c>
      <c r="EP34" s="313">
        <v>2</v>
      </c>
      <c r="EQ34" s="311">
        <v>2</v>
      </c>
      <c r="ER34" s="312">
        <v>0</v>
      </c>
      <c r="ES34" s="313">
        <v>11</v>
      </c>
      <c r="ET34" s="313">
        <v>8</v>
      </c>
      <c r="EU34" s="313">
        <v>4</v>
      </c>
      <c r="EV34" s="313">
        <v>2</v>
      </c>
      <c r="EW34" s="313">
        <v>1</v>
      </c>
      <c r="EX34" s="311">
        <v>26</v>
      </c>
      <c r="EY34" s="315">
        <v>28</v>
      </c>
    </row>
    <row r="35" spans="1:155" ht="19.5" customHeight="1" x14ac:dyDescent="0.2">
      <c r="A35" s="297" t="s">
        <v>33</v>
      </c>
      <c r="B35" s="310">
        <v>0</v>
      </c>
      <c r="C35" s="313">
        <v>0</v>
      </c>
      <c r="D35" s="441">
        <v>0</v>
      </c>
      <c r="E35" s="312">
        <v>0</v>
      </c>
      <c r="F35" s="313">
        <v>1</v>
      </c>
      <c r="G35" s="313">
        <v>0</v>
      </c>
      <c r="H35" s="313">
        <v>0</v>
      </c>
      <c r="I35" s="313">
        <v>0</v>
      </c>
      <c r="J35" s="313">
        <v>1</v>
      </c>
      <c r="K35" s="314">
        <v>2</v>
      </c>
      <c r="L35" s="315">
        <v>2</v>
      </c>
      <c r="M35" s="310">
        <v>0</v>
      </c>
      <c r="N35" s="313">
        <v>0</v>
      </c>
      <c r="O35" s="311">
        <v>0</v>
      </c>
      <c r="P35" s="312">
        <v>0</v>
      </c>
      <c r="Q35" s="313">
        <v>0</v>
      </c>
      <c r="R35" s="313">
        <v>0</v>
      </c>
      <c r="S35" s="313">
        <v>0</v>
      </c>
      <c r="T35" s="313">
        <v>0</v>
      </c>
      <c r="U35" s="313">
        <v>0</v>
      </c>
      <c r="V35" s="311">
        <v>0</v>
      </c>
      <c r="W35" s="315">
        <v>0</v>
      </c>
      <c r="X35" s="310">
        <v>0</v>
      </c>
      <c r="Y35" s="313">
        <v>0</v>
      </c>
      <c r="Z35" s="311">
        <v>0</v>
      </c>
      <c r="AA35" s="312">
        <v>0</v>
      </c>
      <c r="AB35" s="313">
        <v>0</v>
      </c>
      <c r="AC35" s="313">
        <v>0</v>
      </c>
      <c r="AD35" s="313">
        <v>1</v>
      </c>
      <c r="AE35" s="313">
        <v>0</v>
      </c>
      <c r="AF35" s="313">
        <v>1</v>
      </c>
      <c r="AG35" s="311">
        <v>2</v>
      </c>
      <c r="AH35" s="315">
        <v>2</v>
      </c>
      <c r="AI35" s="310">
        <v>1</v>
      </c>
      <c r="AJ35" s="313">
        <v>1</v>
      </c>
      <c r="AK35" s="311">
        <v>2</v>
      </c>
      <c r="AL35" s="312">
        <v>0</v>
      </c>
      <c r="AM35" s="313">
        <v>0</v>
      </c>
      <c r="AN35" s="313">
        <v>0</v>
      </c>
      <c r="AO35" s="313">
        <v>0</v>
      </c>
      <c r="AP35" s="313">
        <v>0</v>
      </c>
      <c r="AQ35" s="313">
        <v>0</v>
      </c>
      <c r="AR35" s="311">
        <v>0</v>
      </c>
      <c r="AS35" s="315">
        <v>2</v>
      </c>
      <c r="AT35" s="310">
        <v>0</v>
      </c>
      <c r="AU35" s="313">
        <v>0</v>
      </c>
      <c r="AV35" s="311">
        <v>0</v>
      </c>
      <c r="AW35" s="312">
        <v>0</v>
      </c>
      <c r="AX35" s="313">
        <v>1</v>
      </c>
      <c r="AY35" s="313">
        <v>1</v>
      </c>
      <c r="AZ35" s="313">
        <v>0</v>
      </c>
      <c r="BA35" s="313">
        <v>0</v>
      </c>
      <c r="BB35" s="313">
        <v>1</v>
      </c>
      <c r="BC35" s="314">
        <v>3</v>
      </c>
      <c r="BD35" s="315">
        <v>3</v>
      </c>
      <c r="BE35" s="310">
        <v>0</v>
      </c>
      <c r="BF35" s="313">
        <v>0</v>
      </c>
      <c r="BG35" s="311">
        <v>0</v>
      </c>
      <c r="BH35" s="312">
        <v>0</v>
      </c>
      <c r="BI35" s="313">
        <v>0</v>
      </c>
      <c r="BJ35" s="313">
        <v>0</v>
      </c>
      <c r="BK35" s="313">
        <v>0</v>
      </c>
      <c r="BL35" s="313">
        <v>0</v>
      </c>
      <c r="BM35" s="313">
        <v>0</v>
      </c>
      <c r="BN35" s="311">
        <v>0</v>
      </c>
      <c r="BO35" s="315">
        <v>0</v>
      </c>
      <c r="BP35" s="310">
        <v>1</v>
      </c>
      <c r="BQ35" s="313">
        <v>0</v>
      </c>
      <c r="BR35" s="311">
        <v>1</v>
      </c>
      <c r="BS35" s="312">
        <v>0</v>
      </c>
      <c r="BT35" s="313">
        <v>2</v>
      </c>
      <c r="BU35" s="313">
        <v>2</v>
      </c>
      <c r="BV35" s="313">
        <v>0</v>
      </c>
      <c r="BW35" s="313">
        <v>0</v>
      </c>
      <c r="BX35" s="313">
        <v>0</v>
      </c>
      <c r="BY35" s="311">
        <v>4</v>
      </c>
      <c r="BZ35" s="315">
        <v>5</v>
      </c>
      <c r="CA35" s="310">
        <v>0</v>
      </c>
      <c r="CB35" s="313">
        <v>0</v>
      </c>
      <c r="CC35" s="311">
        <v>0</v>
      </c>
      <c r="CD35" s="312">
        <v>0</v>
      </c>
      <c r="CE35" s="313">
        <v>0</v>
      </c>
      <c r="CF35" s="313">
        <v>0</v>
      </c>
      <c r="CG35" s="313">
        <v>0</v>
      </c>
      <c r="CH35" s="313">
        <v>0</v>
      </c>
      <c r="CI35" s="313">
        <v>0</v>
      </c>
      <c r="CJ35" s="311">
        <v>0</v>
      </c>
      <c r="CK35" s="315">
        <v>0</v>
      </c>
      <c r="CL35" s="310">
        <v>0</v>
      </c>
      <c r="CM35" s="313">
        <v>0</v>
      </c>
      <c r="CN35" s="311">
        <v>0</v>
      </c>
      <c r="CO35" s="312">
        <v>0</v>
      </c>
      <c r="CP35" s="313">
        <v>1</v>
      </c>
      <c r="CQ35" s="313">
        <v>1</v>
      </c>
      <c r="CR35" s="313">
        <v>0</v>
      </c>
      <c r="CS35" s="313">
        <v>0</v>
      </c>
      <c r="CT35" s="313">
        <v>0</v>
      </c>
      <c r="CU35" s="311">
        <v>2</v>
      </c>
      <c r="CV35" s="315">
        <v>2</v>
      </c>
      <c r="CW35" s="310">
        <v>0</v>
      </c>
      <c r="CX35" s="313">
        <v>0</v>
      </c>
      <c r="CY35" s="311">
        <v>0</v>
      </c>
      <c r="CZ35" s="312">
        <v>0</v>
      </c>
      <c r="DA35" s="313">
        <v>0</v>
      </c>
      <c r="DB35" s="313">
        <v>0</v>
      </c>
      <c r="DC35" s="313">
        <v>0</v>
      </c>
      <c r="DD35" s="313">
        <v>0</v>
      </c>
      <c r="DE35" s="313">
        <v>0</v>
      </c>
      <c r="DF35" s="311">
        <v>0</v>
      </c>
      <c r="DG35" s="315">
        <v>0</v>
      </c>
      <c r="DH35" s="310">
        <v>0</v>
      </c>
      <c r="DI35" s="313">
        <v>0</v>
      </c>
      <c r="DJ35" s="311">
        <v>0</v>
      </c>
      <c r="DK35" s="312">
        <v>0</v>
      </c>
      <c r="DL35" s="313">
        <v>0</v>
      </c>
      <c r="DM35" s="313">
        <v>0</v>
      </c>
      <c r="DN35" s="313">
        <v>0</v>
      </c>
      <c r="DO35" s="313">
        <v>0</v>
      </c>
      <c r="DP35" s="313">
        <v>0</v>
      </c>
      <c r="DQ35" s="311">
        <v>0</v>
      </c>
      <c r="DR35" s="315">
        <v>0</v>
      </c>
      <c r="DS35" s="310">
        <v>1</v>
      </c>
      <c r="DT35" s="313">
        <v>0</v>
      </c>
      <c r="DU35" s="311">
        <v>1</v>
      </c>
      <c r="DV35" s="312">
        <v>0</v>
      </c>
      <c r="DW35" s="313">
        <v>4</v>
      </c>
      <c r="DX35" s="313">
        <v>2</v>
      </c>
      <c r="DY35" s="313">
        <v>1</v>
      </c>
      <c r="DZ35" s="313">
        <v>0</v>
      </c>
      <c r="EA35" s="313">
        <v>1</v>
      </c>
      <c r="EB35" s="311">
        <v>8</v>
      </c>
      <c r="EC35" s="315">
        <v>9</v>
      </c>
      <c r="ED35" s="310">
        <v>0</v>
      </c>
      <c r="EE35" s="313">
        <v>0</v>
      </c>
      <c r="EF35" s="311">
        <v>0</v>
      </c>
      <c r="EG35" s="312">
        <v>0</v>
      </c>
      <c r="EH35" s="313">
        <v>0</v>
      </c>
      <c r="EI35" s="313">
        <v>0</v>
      </c>
      <c r="EJ35" s="313">
        <v>0</v>
      </c>
      <c r="EK35" s="313">
        <v>0</v>
      </c>
      <c r="EL35" s="313">
        <v>1</v>
      </c>
      <c r="EM35" s="311">
        <v>1</v>
      </c>
      <c r="EN35" s="315">
        <v>1</v>
      </c>
      <c r="EO35" s="310">
        <v>2</v>
      </c>
      <c r="EP35" s="313">
        <v>1</v>
      </c>
      <c r="EQ35" s="311">
        <v>3</v>
      </c>
      <c r="ER35" s="312">
        <v>0</v>
      </c>
      <c r="ES35" s="313">
        <v>6</v>
      </c>
      <c r="ET35" s="313">
        <v>2</v>
      </c>
      <c r="EU35" s="313">
        <v>1</v>
      </c>
      <c r="EV35" s="313">
        <v>0</v>
      </c>
      <c r="EW35" s="313">
        <v>1</v>
      </c>
      <c r="EX35" s="311">
        <v>10</v>
      </c>
      <c r="EY35" s="315">
        <v>13</v>
      </c>
    </row>
    <row r="36" spans="1:155" ht="19.5" customHeight="1" x14ac:dyDescent="0.2">
      <c r="A36" s="297" t="s">
        <v>34</v>
      </c>
      <c r="B36" s="310">
        <v>0</v>
      </c>
      <c r="C36" s="313">
        <v>0</v>
      </c>
      <c r="D36" s="441">
        <v>0</v>
      </c>
      <c r="E36" s="312">
        <v>0</v>
      </c>
      <c r="F36" s="313">
        <v>1</v>
      </c>
      <c r="G36" s="313">
        <v>1</v>
      </c>
      <c r="H36" s="313">
        <v>0</v>
      </c>
      <c r="I36" s="313">
        <v>0</v>
      </c>
      <c r="J36" s="313">
        <v>0</v>
      </c>
      <c r="K36" s="314">
        <v>2</v>
      </c>
      <c r="L36" s="315">
        <v>2</v>
      </c>
      <c r="M36" s="310">
        <v>0</v>
      </c>
      <c r="N36" s="313">
        <v>0</v>
      </c>
      <c r="O36" s="311">
        <v>0</v>
      </c>
      <c r="P36" s="312">
        <v>0</v>
      </c>
      <c r="Q36" s="313">
        <v>0</v>
      </c>
      <c r="R36" s="313">
        <v>0</v>
      </c>
      <c r="S36" s="313">
        <v>0</v>
      </c>
      <c r="T36" s="313">
        <v>0</v>
      </c>
      <c r="U36" s="313">
        <v>0</v>
      </c>
      <c r="V36" s="311">
        <v>0</v>
      </c>
      <c r="W36" s="315">
        <v>0</v>
      </c>
      <c r="X36" s="310">
        <v>0</v>
      </c>
      <c r="Y36" s="313">
        <v>1</v>
      </c>
      <c r="Z36" s="311">
        <v>1</v>
      </c>
      <c r="AA36" s="312">
        <v>0</v>
      </c>
      <c r="AB36" s="313">
        <v>0</v>
      </c>
      <c r="AC36" s="313">
        <v>0</v>
      </c>
      <c r="AD36" s="313">
        <v>0</v>
      </c>
      <c r="AE36" s="313">
        <v>0</v>
      </c>
      <c r="AF36" s="313">
        <v>0</v>
      </c>
      <c r="AG36" s="311">
        <v>0</v>
      </c>
      <c r="AH36" s="315">
        <v>1</v>
      </c>
      <c r="AI36" s="310">
        <v>0</v>
      </c>
      <c r="AJ36" s="313">
        <v>0</v>
      </c>
      <c r="AK36" s="311">
        <v>0</v>
      </c>
      <c r="AL36" s="312">
        <v>0</v>
      </c>
      <c r="AM36" s="313">
        <v>0</v>
      </c>
      <c r="AN36" s="313">
        <v>1</v>
      </c>
      <c r="AO36" s="313">
        <v>0</v>
      </c>
      <c r="AP36" s="313">
        <v>0</v>
      </c>
      <c r="AQ36" s="313">
        <v>0</v>
      </c>
      <c r="AR36" s="311">
        <v>1</v>
      </c>
      <c r="AS36" s="315">
        <v>1</v>
      </c>
      <c r="AT36" s="310">
        <v>0</v>
      </c>
      <c r="AU36" s="313">
        <v>0</v>
      </c>
      <c r="AV36" s="311">
        <v>0</v>
      </c>
      <c r="AW36" s="312">
        <v>0</v>
      </c>
      <c r="AX36" s="313">
        <v>2</v>
      </c>
      <c r="AY36" s="313">
        <v>1</v>
      </c>
      <c r="AZ36" s="313">
        <v>1</v>
      </c>
      <c r="BA36" s="313">
        <v>0</v>
      </c>
      <c r="BB36" s="313">
        <v>0</v>
      </c>
      <c r="BC36" s="314">
        <v>4</v>
      </c>
      <c r="BD36" s="315">
        <v>4</v>
      </c>
      <c r="BE36" s="310">
        <v>0</v>
      </c>
      <c r="BF36" s="313">
        <v>0</v>
      </c>
      <c r="BG36" s="311">
        <v>0</v>
      </c>
      <c r="BH36" s="312">
        <v>0</v>
      </c>
      <c r="BI36" s="313">
        <v>1</v>
      </c>
      <c r="BJ36" s="313">
        <v>2</v>
      </c>
      <c r="BK36" s="313">
        <v>0</v>
      </c>
      <c r="BL36" s="313">
        <v>0</v>
      </c>
      <c r="BM36" s="313">
        <v>0</v>
      </c>
      <c r="BN36" s="311">
        <v>3</v>
      </c>
      <c r="BO36" s="315">
        <v>3</v>
      </c>
      <c r="BP36" s="310">
        <v>0</v>
      </c>
      <c r="BQ36" s="313">
        <v>0</v>
      </c>
      <c r="BR36" s="311">
        <v>0</v>
      </c>
      <c r="BS36" s="312">
        <v>0</v>
      </c>
      <c r="BT36" s="313">
        <v>2</v>
      </c>
      <c r="BU36" s="313">
        <v>0</v>
      </c>
      <c r="BV36" s="313">
        <v>0</v>
      </c>
      <c r="BW36" s="313">
        <v>0</v>
      </c>
      <c r="BX36" s="313">
        <v>0</v>
      </c>
      <c r="BY36" s="311">
        <v>2</v>
      </c>
      <c r="BZ36" s="315">
        <v>2</v>
      </c>
      <c r="CA36" s="310">
        <v>0</v>
      </c>
      <c r="CB36" s="313">
        <v>0</v>
      </c>
      <c r="CC36" s="311">
        <v>0</v>
      </c>
      <c r="CD36" s="312">
        <v>0</v>
      </c>
      <c r="CE36" s="313">
        <v>0</v>
      </c>
      <c r="CF36" s="313">
        <v>0</v>
      </c>
      <c r="CG36" s="313">
        <v>0</v>
      </c>
      <c r="CH36" s="313">
        <v>0</v>
      </c>
      <c r="CI36" s="313">
        <v>0</v>
      </c>
      <c r="CJ36" s="311">
        <v>0</v>
      </c>
      <c r="CK36" s="315">
        <v>0</v>
      </c>
      <c r="CL36" s="310">
        <v>0</v>
      </c>
      <c r="CM36" s="313">
        <v>0</v>
      </c>
      <c r="CN36" s="311">
        <v>0</v>
      </c>
      <c r="CO36" s="312">
        <v>0</v>
      </c>
      <c r="CP36" s="313">
        <v>0</v>
      </c>
      <c r="CQ36" s="313">
        <v>0</v>
      </c>
      <c r="CR36" s="313">
        <v>0</v>
      </c>
      <c r="CS36" s="313">
        <v>0</v>
      </c>
      <c r="CT36" s="313">
        <v>0</v>
      </c>
      <c r="CU36" s="311">
        <v>0</v>
      </c>
      <c r="CV36" s="315">
        <v>0</v>
      </c>
      <c r="CW36" s="310">
        <v>0</v>
      </c>
      <c r="CX36" s="313">
        <v>0</v>
      </c>
      <c r="CY36" s="311">
        <v>0</v>
      </c>
      <c r="CZ36" s="312">
        <v>0</v>
      </c>
      <c r="DA36" s="313">
        <v>0</v>
      </c>
      <c r="DB36" s="313">
        <v>0</v>
      </c>
      <c r="DC36" s="313">
        <v>0</v>
      </c>
      <c r="DD36" s="313">
        <v>0</v>
      </c>
      <c r="DE36" s="313">
        <v>0</v>
      </c>
      <c r="DF36" s="311">
        <v>0</v>
      </c>
      <c r="DG36" s="315">
        <v>0</v>
      </c>
      <c r="DH36" s="310">
        <v>0</v>
      </c>
      <c r="DI36" s="313">
        <v>0</v>
      </c>
      <c r="DJ36" s="311">
        <v>0</v>
      </c>
      <c r="DK36" s="312">
        <v>0</v>
      </c>
      <c r="DL36" s="313">
        <v>0</v>
      </c>
      <c r="DM36" s="313">
        <v>0</v>
      </c>
      <c r="DN36" s="313">
        <v>0</v>
      </c>
      <c r="DO36" s="313">
        <v>0</v>
      </c>
      <c r="DP36" s="313">
        <v>0</v>
      </c>
      <c r="DQ36" s="311">
        <v>0</v>
      </c>
      <c r="DR36" s="315">
        <v>0</v>
      </c>
      <c r="DS36" s="310">
        <v>0</v>
      </c>
      <c r="DT36" s="313">
        <v>0</v>
      </c>
      <c r="DU36" s="311">
        <v>0</v>
      </c>
      <c r="DV36" s="312">
        <v>0</v>
      </c>
      <c r="DW36" s="313">
        <v>3</v>
      </c>
      <c r="DX36" s="313">
        <v>2</v>
      </c>
      <c r="DY36" s="313">
        <v>2</v>
      </c>
      <c r="DZ36" s="313">
        <v>0</v>
      </c>
      <c r="EA36" s="313">
        <v>0</v>
      </c>
      <c r="EB36" s="311">
        <v>7</v>
      </c>
      <c r="EC36" s="315">
        <v>7</v>
      </c>
      <c r="ED36" s="310">
        <v>0</v>
      </c>
      <c r="EE36" s="313">
        <v>0</v>
      </c>
      <c r="EF36" s="311">
        <v>0</v>
      </c>
      <c r="EG36" s="312">
        <v>0</v>
      </c>
      <c r="EH36" s="313">
        <v>1</v>
      </c>
      <c r="EI36" s="313">
        <v>1</v>
      </c>
      <c r="EJ36" s="313">
        <v>1</v>
      </c>
      <c r="EK36" s="313">
        <v>0</v>
      </c>
      <c r="EL36" s="313">
        <v>0</v>
      </c>
      <c r="EM36" s="311">
        <v>3</v>
      </c>
      <c r="EN36" s="315">
        <v>3</v>
      </c>
      <c r="EO36" s="310">
        <v>0</v>
      </c>
      <c r="EP36" s="313">
        <v>1</v>
      </c>
      <c r="EQ36" s="311">
        <v>1</v>
      </c>
      <c r="ER36" s="312">
        <v>0</v>
      </c>
      <c r="ES36" s="313">
        <v>6</v>
      </c>
      <c r="ET36" s="313">
        <v>3</v>
      </c>
      <c r="EU36" s="313">
        <v>1</v>
      </c>
      <c r="EV36" s="313">
        <v>0</v>
      </c>
      <c r="EW36" s="313">
        <v>0</v>
      </c>
      <c r="EX36" s="311">
        <v>10</v>
      </c>
      <c r="EY36" s="315">
        <v>11</v>
      </c>
    </row>
    <row r="37" spans="1:155" ht="19.5" customHeight="1" x14ac:dyDescent="0.2">
      <c r="A37" s="297" t="s">
        <v>35</v>
      </c>
      <c r="B37" s="310">
        <v>0</v>
      </c>
      <c r="C37" s="313">
        <v>0</v>
      </c>
      <c r="D37" s="441">
        <v>0</v>
      </c>
      <c r="E37" s="312">
        <v>0</v>
      </c>
      <c r="F37" s="313">
        <v>3</v>
      </c>
      <c r="G37" s="313">
        <v>4</v>
      </c>
      <c r="H37" s="313">
        <v>0</v>
      </c>
      <c r="I37" s="313">
        <v>0</v>
      </c>
      <c r="J37" s="313">
        <v>1</v>
      </c>
      <c r="K37" s="314">
        <v>8</v>
      </c>
      <c r="L37" s="315">
        <v>8</v>
      </c>
      <c r="M37" s="310">
        <v>0</v>
      </c>
      <c r="N37" s="313">
        <v>0</v>
      </c>
      <c r="O37" s="311">
        <v>0</v>
      </c>
      <c r="P37" s="312">
        <v>0</v>
      </c>
      <c r="Q37" s="313">
        <v>0</v>
      </c>
      <c r="R37" s="313">
        <v>0</v>
      </c>
      <c r="S37" s="313">
        <v>0</v>
      </c>
      <c r="T37" s="313">
        <v>0</v>
      </c>
      <c r="U37" s="313">
        <v>1</v>
      </c>
      <c r="V37" s="311">
        <v>1</v>
      </c>
      <c r="W37" s="315">
        <v>1</v>
      </c>
      <c r="X37" s="310">
        <v>0</v>
      </c>
      <c r="Y37" s="313">
        <v>0</v>
      </c>
      <c r="Z37" s="311">
        <v>0</v>
      </c>
      <c r="AA37" s="312">
        <v>0</v>
      </c>
      <c r="AB37" s="313">
        <v>0</v>
      </c>
      <c r="AC37" s="313">
        <v>4</v>
      </c>
      <c r="AD37" s="313">
        <v>0</v>
      </c>
      <c r="AE37" s="313">
        <v>0</v>
      </c>
      <c r="AF37" s="313">
        <v>0</v>
      </c>
      <c r="AG37" s="311">
        <v>4</v>
      </c>
      <c r="AH37" s="315">
        <v>4</v>
      </c>
      <c r="AI37" s="310">
        <v>0</v>
      </c>
      <c r="AJ37" s="313">
        <v>0</v>
      </c>
      <c r="AK37" s="311">
        <v>0</v>
      </c>
      <c r="AL37" s="312">
        <v>0</v>
      </c>
      <c r="AM37" s="313">
        <v>2</v>
      </c>
      <c r="AN37" s="313">
        <v>1</v>
      </c>
      <c r="AO37" s="313">
        <v>0</v>
      </c>
      <c r="AP37" s="313">
        <v>0</v>
      </c>
      <c r="AQ37" s="313">
        <v>0</v>
      </c>
      <c r="AR37" s="311">
        <v>3</v>
      </c>
      <c r="AS37" s="315">
        <v>3</v>
      </c>
      <c r="AT37" s="310">
        <v>3</v>
      </c>
      <c r="AU37" s="313">
        <v>1</v>
      </c>
      <c r="AV37" s="311">
        <v>4</v>
      </c>
      <c r="AW37" s="312">
        <v>0</v>
      </c>
      <c r="AX37" s="313">
        <v>5</v>
      </c>
      <c r="AY37" s="313">
        <v>9</v>
      </c>
      <c r="AZ37" s="313">
        <v>3</v>
      </c>
      <c r="BA37" s="313">
        <v>3</v>
      </c>
      <c r="BB37" s="313">
        <v>2</v>
      </c>
      <c r="BC37" s="314">
        <v>22</v>
      </c>
      <c r="BD37" s="315">
        <v>26</v>
      </c>
      <c r="BE37" s="310">
        <v>0</v>
      </c>
      <c r="BF37" s="313">
        <v>0</v>
      </c>
      <c r="BG37" s="311">
        <v>0</v>
      </c>
      <c r="BH37" s="312">
        <v>0</v>
      </c>
      <c r="BI37" s="313">
        <v>6</v>
      </c>
      <c r="BJ37" s="313">
        <v>4</v>
      </c>
      <c r="BK37" s="313">
        <v>1</v>
      </c>
      <c r="BL37" s="313">
        <v>1</v>
      </c>
      <c r="BM37" s="313">
        <v>0</v>
      </c>
      <c r="BN37" s="311">
        <v>12</v>
      </c>
      <c r="BO37" s="315">
        <v>12</v>
      </c>
      <c r="BP37" s="310">
        <v>2</v>
      </c>
      <c r="BQ37" s="313">
        <v>0</v>
      </c>
      <c r="BR37" s="311">
        <v>2</v>
      </c>
      <c r="BS37" s="312">
        <v>0</v>
      </c>
      <c r="BT37" s="313">
        <v>1</v>
      </c>
      <c r="BU37" s="313">
        <v>1</v>
      </c>
      <c r="BV37" s="313">
        <v>0</v>
      </c>
      <c r="BW37" s="313">
        <v>1</v>
      </c>
      <c r="BX37" s="313">
        <v>0</v>
      </c>
      <c r="BY37" s="311">
        <v>3</v>
      </c>
      <c r="BZ37" s="315">
        <v>5</v>
      </c>
      <c r="CA37" s="310">
        <v>0</v>
      </c>
      <c r="CB37" s="313">
        <v>0</v>
      </c>
      <c r="CC37" s="311">
        <v>0</v>
      </c>
      <c r="CD37" s="312">
        <v>0</v>
      </c>
      <c r="CE37" s="313">
        <v>0</v>
      </c>
      <c r="CF37" s="313">
        <v>1</v>
      </c>
      <c r="CG37" s="313">
        <v>0</v>
      </c>
      <c r="CH37" s="313">
        <v>0</v>
      </c>
      <c r="CI37" s="313">
        <v>0</v>
      </c>
      <c r="CJ37" s="311">
        <v>1</v>
      </c>
      <c r="CK37" s="315">
        <v>1</v>
      </c>
      <c r="CL37" s="310">
        <v>0</v>
      </c>
      <c r="CM37" s="313">
        <v>0</v>
      </c>
      <c r="CN37" s="311">
        <v>0</v>
      </c>
      <c r="CO37" s="312">
        <v>0</v>
      </c>
      <c r="CP37" s="313">
        <v>0</v>
      </c>
      <c r="CQ37" s="313">
        <v>0</v>
      </c>
      <c r="CR37" s="313">
        <v>0</v>
      </c>
      <c r="CS37" s="313">
        <v>0</v>
      </c>
      <c r="CT37" s="313">
        <v>0</v>
      </c>
      <c r="CU37" s="311">
        <v>0</v>
      </c>
      <c r="CV37" s="315">
        <v>0</v>
      </c>
      <c r="CW37" s="310">
        <v>0</v>
      </c>
      <c r="CX37" s="313">
        <v>0</v>
      </c>
      <c r="CY37" s="311">
        <v>0</v>
      </c>
      <c r="CZ37" s="312">
        <v>0</v>
      </c>
      <c r="DA37" s="313">
        <v>0</v>
      </c>
      <c r="DB37" s="313">
        <v>0</v>
      </c>
      <c r="DC37" s="313">
        <v>0</v>
      </c>
      <c r="DD37" s="313">
        <v>0</v>
      </c>
      <c r="DE37" s="313">
        <v>0</v>
      </c>
      <c r="DF37" s="311">
        <v>0</v>
      </c>
      <c r="DG37" s="315">
        <v>0</v>
      </c>
      <c r="DH37" s="310">
        <v>0</v>
      </c>
      <c r="DI37" s="313">
        <v>0</v>
      </c>
      <c r="DJ37" s="311">
        <v>0</v>
      </c>
      <c r="DK37" s="312">
        <v>0</v>
      </c>
      <c r="DL37" s="313">
        <v>0</v>
      </c>
      <c r="DM37" s="313">
        <v>0</v>
      </c>
      <c r="DN37" s="313">
        <v>0</v>
      </c>
      <c r="DO37" s="313">
        <v>0</v>
      </c>
      <c r="DP37" s="313">
        <v>0</v>
      </c>
      <c r="DQ37" s="311">
        <v>0</v>
      </c>
      <c r="DR37" s="315">
        <v>0</v>
      </c>
      <c r="DS37" s="310">
        <v>0</v>
      </c>
      <c r="DT37" s="313">
        <v>1</v>
      </c>
      <c r="DU37" s="311">
        <v>1</v>
      </c>
      <c r="DV37" s="312">
        <v>0</v>
      </c>
      <c r="DW37" s="313">
        <v>6</v>
      </c>
      <c r="DX37" s="313">
        <v>9</v>
      </c>
      <c r="DY37" s="313">
        <v>1</v>
      </c>
      <c r="DZ37" s="313">
        <v>3</v>
      </c>
      <c r="EA37" s="313">
        <v>1</v>
      </c>
      <c r="EB37" s="311">
        <v>20</v>
      </c>
      <c r="EC37" s="315">
        <v>21</v>
      </c>
      <c r="ED37" s="310">
        <v>2</v>
      </c>
      <c r="EE37" s="313">
        <v>0</v>
      </c>
      <c r="EF37" s="311">
        <v>2</v>
      </c>
      <c r="EG37" s="312">
        <v>0</v>
      </c>
      <c r="EH37" s="313">
        <v>5</v>
      </c>
      <c r="EI37" s="313">
        <v>3</v>
      </c>
      <c r="EJ37" s="313">
        <v>2</v>
      </c>
      <c r="EK37" s="313">
        <v>2</v>
      </c>
      <c r="EL37" s="313">
        <v>1</v>
      </c>
      <c r="EM37" s="311">
        <v>13</v>
      </c>
      <c r="EN37" s="315">
        <v>15</v>
      </c>
      <c r="EO37" s="310">
        <v>2</v>
      </c>
      <c r="EP37" s="313">
        <v>1</v>
      </c>
      <c r="EQ37" s="311">
        <v>3</v>
      </c>
      <c r="ER37" s="312">
        <v>0</v>
      </c>
      <c r="ES37" s="313">
        <v>12</v>
      </c>
      <c r="ET37" s="313">
        <v>11</v>
      </c>
      <c r="EU37" s="313">
        <v>1</v>
      </c>
      <c r="EV37" s="313">
        <v>3</v>
      </c>
      <c r="EW37" s="313">
        <v>1</v>
      </c>
      <c r="EX37" s="311">
        <v>28</v>
      </c>
      <c r="EY37" s="315">
        <v>31</v>
      </c>
    </row>
    <row r="38" spans="1:155" ht="19.5" customHeight="1" x14ac:dyDescent="0.2">
      <c r="A38" s="297" t="s">
        <v>36</v>
      </c>
      <c r="B38" s="310">
        <v>0</v>
      </c>
      <c r="C38" s="313">
        <v>0</v>
      </c>
      <c r="D38" s="441">
        <v>0</v>
      </c>
      <c r="E38" s="312">
        <v>0</v>
      </c>
      <c r="F38" s="313">
        <v>3</v>
      </c>
      <c r="G38" s="313">
        <v>1</v>
      </c>
      <c r="H38" s="313">
        <v>0</v>
      </c>
      <c r="I38" s="313">
        <v>0</v>
      </c>
      <c r="J38" s="313">
        <v>0</v>
      </c>
      <c r="K38" s="314">
        <v>4</v>
      </c>
      <c r="L38" s="315">
        <v>4</v>
      </c>
      <c r="M38" s="310">
        <v>0</v>
      </c>
      <c r="N38" s="313">
        <v>0</v>
      </c>
      <c r="O38" s="311">
        <v>0</v>
      </c>
      <c r="P38" s="312">
        <v>0</v>
      </c>
      <c r="Q38" s="313">
        <v>0</v>
      </c>
      <c r="R38" s="313">
        <v>0</v>
      </c>
      <c r="S38" s="313">
        <v>0</v>
      </c>
      <c r="T38" s="313">
        <v>1</v>
      </c>
      <c r="U38" s="313">
        <v>0</v>
      </c>
      <c r="V38" s="311">
        <v>1</v>
      </c>
      <c r="W38" s="315">
        <v>1</v>
      </c>
      <c r="X38" s="310">
        <v>0</v>
      </c>
      <c r="Y38" s="313">
        <v>0</v>
      </c>
      <c r="Z38" s="311">
        <v>0</v>
      </c>
      <c r="AA38" s="312">
        <v>0</v>
      </c>
      <c r="AB38" s="313">
        <v>2</v>
      </c>
      <c r="AC38" s="313">
        <v>1</v>
      </c>
      <c r="AD38" s="313">
        <v>1</v>
      </c>
      <c r="AE38" s="313">
        <v>2</v>
      </c>
      <c r="AF38" s="313">
        <v>1</v>
      </c>
      <c r="AG38" s="311">
        <v>7</v>
      </c>
      <c r="AH38" s="315">
        <v>7</v>
      </c>
      <c r="AI38" s="310">
        <v>0</v>
      </c>
      <c r="AJ38" s="313">
        <v>0</v>
      </c>
      <c r="AK38" s="311">
        <v>0</v>
      </c>
      <c r="AL38" s="312">
        <v>0</v>
      </c>
      <c r="AM38" s="313">
        <v>0</v>
      </c>
      <c r="AN38" s="313">
        <v>0</v>
      </c>
      <c r="AO38" s="313">
        <v>0</v>
      </c>
      <c r="AP38" s="313">
        <v>0</v>
      </c>
      <c r="AQ38" s="313">
        <v>0</v>
      </c>
      <c r="AR38" s="311">
        <v>0</v>
      </c>
      <c r="AS38" s="315">
        <v>0</v>
      </c>
      <c r="AT38" s="310">
        <v>0</v>
      </c>
      <c r="AU38" s="313">
        <v>1</v>
      </c>
      <c r="AV38" s="311">
        <v>1</v>
      </c>
      <c r="AW38" s="312">
        <v>0</v>
      </c>
      <c r="AX38" s="313">
        <v>1</v>
      </c>
      <c r="AY38" s="313">
        <v>1</v>
      </c>
      <c r="AZ38" s="313">
        <v>5</v>
      </c>
      <c r="BA38" s="313">
        <v>2</v>
      </c>
      <c r="BB38" s="313">
        <v>0</v>
      </c>
      <c r="BC38" s="314">
        <v>9</v>
      </c>
      <c r="BD38" s="315">
        <v>10</v>
      </c>
      <c r="BE38" s="310">
        <v>0</v>
      </c>
      <c r="BF38" s="313">
        <v>0</v>
      </c>
      <c r="BG38" s="311">
        <v>0</v>
      </c>
      <c r="BH38" s="312">
        <v>0</v>
      </c>
      <c r="BI38" s="313">
        <v>2</v>
      </c>
      <c r="BJ38" s="313">
        <v>1</v>
      </c>
      <c r="BK38" s="313">
        <v>1</v>
      </c>
      <c r="BL38" s="313">
        <v>1</v>
      </c>
      <c r="BM38" s="313">
        <v>0</v>
      </c>
      <c r="BN38" s="311">
        <v>5</v>
      </c>
      <c r="BO38" s="315">
        <v>5</v>
      </c>
      <c r="BP38" s="310">
        <v>0</v>
      </c>
      <c r="BQ38" s="313">
        <v>1</v>
      </c>
      <c r="BR38" s="311">
        <v>1</v>
      </c>
      <c r="BS38" s="312">
        <v>0</v>
      </c>
      <c r="BT38" s="313">
        <v>0</v>
      </c>
      <c r="BU38" s="313">
        <v>1</v>
      </c>
      <c r="BV38" s="313">
        <v>1</v>
      </c>
      <c r="BW38" s="313">
        <v>0</v>
      </c>
      <c r="BX38" s="313">
        <v>0</v>
      </c>
      <c r="BY38" s="311">
        <v>2</v>
      </c>
      <c r="BZ38" s="315">
        <v>3</v>
      </c>
      <c r="CA38" s="310">
        <v>0</v>
      </c>
      <c r="CB38" s="313">
        <v>0</v>
      </c>
      <c r="CC38" s="311">
        <v>0</v>
      </c>
      <c r="CD38" s="312">
        <v>0</v>
      </c>
      <c r="CE38" s="313">
        <v>1</v>
      </c>
      <c r="CF38" s="313">
        <v>0</v>
      </c>
      <c r="CG38" s="313">
        <v>1</v>
      </c>
      <c r="CH38" s="313">
        <v>1</v>
      </c>
      <c r="CI38" s="313">
        <v>0</v>
      </c>
      <c r="CJ38" s="311">
        <v>3</v>
      </c>
      <c r="CK38" s="315">
        <v>3</v>
      </c>
      <c r="CL38" s="310">
        <v>0</v>
      </c>
      <c r="CM38" s="313">
        <v>0</v>
      </c>
      <c r="CN38" s="311">
        <v>0</v>
      </c>
      <c r="CO38" s="312">
        <v>0</v>
      </c>
      <c r="CP38" s="313">
        <v>0</v>
      </c>
      <c r="CQ38" s="313">
        <v>0</v>
      </c>
      <c r="CR38" s="313">
        <v>0</v>
      </c>
      <c r="CS38" s="313">
        <v>0</v>
      </c>
      <c r="CT38" s="313">
        <v>0</v>
      </c>
      <c r="CU38" s="311">
        <v>0</v>
      </c>
      <c r="CV38" s="315">
        <v>0</v>
      </c>
      <c r="CW38" s="310">
        <v>0</v>
      </c>
      <c r="CX38" s="313">
        <v>0</v>
      </c>
      <c r="CY38" s="311">
        <v>0</v>
      </c>
      <c r="CZ38" s="312">
        <v>0</v>
      </c>
      <c r="DA38" s="313">
        <v>0</v>
      </c>
      <c r="DB38" s="313">
        <v>0</v>
      </c>
      <c r="DC38" s="313">
        <v>0</v>
      </c>
      <c r="DD38" s="313">
        <v>0</v>
      </c>
      <c r="DE38" s="313">
        <v>0</v>
      </c>
      <c r="DF38" s="311">
        <v>0</v>
      </c>
      <c r="DG38" s="315">
        <v>0</v>
      </c>
      <c r="DH38" s="310">
        <v>0</v>
      </c>
      <c r="DI38" s="313">
        <v>0</v>
      </c>
      <c r="DJ38" s="311">
        <v>0</v>
      </c>
      <c r="DK38" s="312">
        <v>0</v>
      </c>
      <c r="DL38" s="313">
        <v>0</v>
      </c>
      <c r="DM38" s="313">
        <v>0</v>
      </c>
      <c r="DN38" s="313">
        <v>0</v>
      </c>
      <c r="DO38" s="313">
        <v>0</v>
      </c>
      <c r="DP38" s="313">
        <v>0</v>
      </c>
      <c r="DQ38" s="311">
        <v>0</v>
      </c>
      <c r="DR38" s="315">
        <v>0</v>
      </c>
      <c r="DS38" s="310">
        <v>1</v>
      </c>
      <c r="DT38" s="313">
        <v>3</v>
      </c>
      <c r="DU38" s="311">
        <v>4</v>
      </c>
      <c r="DV38" s="312">
        <v>0</v>
      </c>
      <c r="DW38" s="313">
        <v>5</v>
      </c>
      <c r="DX38" s="313">
        <v>3</v>
      </c>
      <c r="DY38" s="313">
        <v>4</v>
      </c>
      <c r="DZ38" s="313">
        <v>3</v>
      </c>
      <c r="EA38" s="313">
        <v>0</v>
      </c>
      <c r="EB38" s="311">
        <v>15</v>
      </c>
      <c r="EC38" s="315">
        <v>19</v>
      </c>
      <c r="ED38" s="310">
        <v>0</v>
      </c>
      <c r="EE38" s="313">
        <v>0</v>
      </c>
      <c r="EF38" s="311">
        <v>0</v>
      </c>
      <c r="EG38" s="312">
        <v>0</v>
      </c>
      <c r="EH38" s="313">
        <v>0</v>
      </c>
      <c r="EI38" s="313">
        <v>1</v>
      </c>
      <c r="EJ38" s="313">
        <v>1</v>
      </c>
      <c r="EK38" s="313">
        <v>1</v>
      </c>
      <c r="EL38" s="313">
        <v>0</v>
      </c>
      <c r="EM38" s="311">
        <v>3</v>
      </c>
      <c r="EN38" s="315">
        <v>3</v>
      </c>
      <c r="EO38" s="310">
        <v>1</v>
      </c>
      <c r="EP38" s="313">
        <v>4</v>
      </c>
      <c r="EQ38" s="311">
        <v>5</v>
      </c>
      <c r="ER38" s="312">
        <v>0</v>
      </c>
      <c r="ES38" s="313">
        <v>8</v>
      </c>
      <c r="ET38" s="313">
        <v>3</v>
      </c>
      <c r="EU38" s="313">
        <v>5</v>
      </c>
      <c r="EV38" s="313">
        <v>2</v>
      </c>
      <c r="EW38" s="313">
        <v>1</v>
      </c>
      <c r="EX38" s="311">
        <v>19</v>
      </c>
      <c r="EY38" s="315">
        <v>24</v>
      </c>
    </row>
    <row r="39" spans="1:155" ht="19.5" customHeight="1" thickBot="1" x14ac:dyDescent="0.25">
      <c r="A39" s="298" t="s">
        <v>37</v>
      </c>
      <c r="B39" s="316">
        <v>0</v>
      </c>
      <c r="C39" s="319">
        <v>0</v>
      </c>
      <c r="D39" s="442">
        <v>0</v>
      </c>
      <c r="E39" s="318">
        <v>0</v>
      </c>
      <c r="F39" s="319">
        <v>0</v>
      </c>
      <c r="G39" s="319">
        <v>0</v>
      </c>
      <c r="H39" s="319">
        <v>0</v>
      </c>
      <c r="I39" s="319">
        <v>0</v>
      </c>
      <c r="J39" s="319">
        <v>0</v>
      </c>
      <c r="K39" s="320">
        <v>0</v>
      </c>
      <c r="L39" s="321">
        <v>0</v>
      </c>
      <c r="M39" s="316">
        <v>0</v>
      </c>
      <c r="N39" s="319">
        <v>0</v>
      </c>
      <c r="O39" s="317">
        <v>0</v>
      </c>
      <c r="P39" s="318">
        <v>0</v>
      </c>
      <c r="Q39" s="319">
        <v>0</v>
      </c>
      <c r="R39" s="319">
        <v>0</v>
      </c>
      <c r="S39" s="319">
        <v>0</v>
      </c>
      <c r="T39" s="319">
        <v>0</v>
      </c>
      <c r="U39" s="319">
        <v>0</v>
      </c>
      <c r="V39" s="317">
        <v>0</v>
      </c>
      <c r="W39" s="321">
        <v>0</v>
      </c>
      <c r="X39" s="316">
        <v>0</v>
      </c>
      <c r="Y39" s="319">
        <v>0</v>
      </c>
      <c r="Z39" s="317">
        <v>0</v>
      </c>
      <c r="AA39" s="318">
        <v>0</v>
      </c>
      <c r="AB39" s="319">
        <v>1</v>
      </c>
      <c r="AC39" s="319">
        <v>0</v>
      </c>
      <c r="AD39" s="319">
        <v>0</v>
      </c>
      <c r="AE39" s="319">
        <v>0</v>
      </c>
      <c r="AF39" s="319">
        <v>0</v>
      </c>
      <c r="AG39" s="317">
        <v>1</v>
      </c>
      <c r="AH39" s="321">
        <v>1</v>
      </c>
      <c r="AI39" s="316">
        <v>0</v>
      </c>
      <c r="AJ39" s="319">
        <v>0</v>
      </c>
      <c r="AK39" s="317">
        <v>0</v>
      </c>
      <c r="AL39" s="318">
        <v>0</v>
      </c>
      <c r="AM39" s="319">
        <v>1</v>
      </c>
      <c r="AN39" s="319">
        <v>0</v>
      </c>
      <c r="AO39" s="319">
        <v>0</v>
      </c>
      <c r="AP39" s="319">
        <v>0</v>
      </c>
      <c r="AQ39" s="319">
        <v>0</v>
      </c>
      <c r="AR39" s="317">
        <v>1</v>
      </c>
      <c r="AS39" s="321">
        <v>1</v>
      </c>
      <c r="AT39" s="316">
        <v>0</v>
      </c>
      <c r="AU39" s="319">
        <v>0</v>
      </c>
      <c r="AV39" s="317">
        <v>0</v>
      </c>
      <c r="AW39" s="318">
        <v>0</v>
      </c>
      <c r="AX39" s="319">
        <v>0</v>
      </c>
      <c r="AY39" s="319">
        <v>0</v>
      </c>
      <c r="AZ39" s="319">
        <v>0</v>
      </c>
      <c r="BA39" s="319">
        <v>0</v>
      </c>
      <c r="BB39" s="319">
        <v>1</v>
      </c>
      <c r="BC39" s="320">
        <v>1</v>
      </c>
      <c r="BD39" s="321">
        <v>1</v>
      </c>
      <c r="BE39" s="316">
        <v>0</v>
      </c>
      <c r="BF39" s="319">
        <v>0</v>
      </c>
      <c r="BG39" s="317">
        <v>0</v>
      </c>
      <c r="BH39" s="318">
        <v>0</v>
      </c>
      <c r="BI39" s="319">
        <v>1</v>
      </c>
      <c r="BJ39" s="319">
        <v>1</v>
      </c>
      <c r="BK39" s="319">
        <v>0</v>
      </c>
      <c r="BL39" s="319">
        <v>0</v>
      </c>
      <c r="BM39" s="319">
        <v>0</v>
      </c>
      <c r="BN39" s="317">
        <v>2</v>
      </c>
      <c r="BO39" s="321">
        <v>2</v>
      </c>
      <c r="BP39" s="316">
        <v>0</v>
      </c>
      <c r="BQ39" s="319">
        <v>0</v>
      </c>
      <c r="BR39" s="317">
        <v>0</v>
      </c>
      <c r="BS39" s="318">
        <v>0</v>
      </c>
      <c r="BT39" s="319">
        <v>1</v>
      </c>
      <c r="BU39" s="319">
        <v>1</v>
      </c>
      <c r="BV39" s="319">
        <v>0</v>
      </c>
      <c r="BW39" s="319">
        <v>0</v>
      </c>
      <c r="BX39" s="319">
        <v>0</v>
      </c>
      <c r="BY39" s="317">
        <v>2</v>
      </c>
      <c r="BZ39" s="321">
        <v>2</v>
      </c>
      <c r="CA39" s="316">
        <v>0</v>
      </c>
      <c r="CB39" s="319">
        <v>0</v>
      </c>
      <c r="CC39" s="317">
        <v>0</v>
      </c>
      <c r="CD39" s="318">
        <v>0</v>
      </c>
      <c r="CE39" s="319">
        <v>0</v>
      </c>
      <c r="CF39" s="319">
        <v>0</v>
      </c>
      <c r="CG39" s="319">
        <v>0</v>
      </c>
      <c r="CH39" s="319">
        <v>0</v>
      </c>
      <c r="CI39" s="319">
        <v>0</v>
      </c>
      <c r="CJ39" s="317">
        <v>0</v>
      </c>
      <c r="CK39" s="321">
        <v>0</v>
      </c>
      <c r="CL39" s="316">
        <v>0</v>
      </c>
      <c r="CM39" s="319">
        <v>0</v>
      </c>
      <c r="CN39" s="317">
        <v>0</v>
      </c>
      <c r="CO39" s="318">
        <v>0</v>
      </c>
      <c r="CP39" s="319">
        <v>0</v>
      </c>
      <c r="CQ39" s="319">
        <v>0</v>
      </c>
      <c r="CR39" s="319">
        <v>0</v>
      </c>
      <c r="CS39" s="319">
        <v>0</v>
      </c>
      <c r="CT39" s="319">
        <v>0</v>
      </c>
      <c r="CU39" s="317">
        <v>0</v>
      </c>
      <c r="CV39" s="321">
        <v>0</v>
      </c>
      <c r="CW39" s="316">
        <v>0</v>
      </c>
      <c r="CX39" s="319">
        <v>0</v>
      </c>
      <c r="CY39" s="317">
        <v>0</v>
      </c>
      <c r="CZ39" s="318">
        <v>0</v>
      </c>
      <c r="DA39" s="319">
        <v>0</v>
      </c>
      <c r="DB39" s="319">
        <v>0</v>
      </c>
      <c r="DC39" s="319">
        <v>0</v>
      </c>
      <c r="DD39" s="319">
        <v>0</v>
      </c>
      <c r="DE39" s="319">
        <v>0</v>
      </c>
      <c r="DF39" s="317">
        <v>0</v>
      </c>
      <c r="DG39" s="321">
        <v>0</v>
      </c>
      <c r="DH39" s="316">
        <v>0</v>
      </c>
      <c r="DI39" s="319">
        <v>0</v>
      </c>
      <c r="DJ39" s="317">
        <v>0</v>
      </c>
      <c r="DK39" s="318">
        <v>0</v>
      </c>
      <c r="DL39" s="319">
        <v>0</v>
      </c>
      <c r="DM39" s="319">
        <v>0</v>
      </c>
      <c r="DN39" s="319">
        <v>0</v>
      </c>
      <c r="DO39" s="319">
        <v>0</v>
      </c>
      <c r="DP39" s="319">
        <v>0</v>
      </c>
      <c r="DQ39" s="317">
        <v>0</v>
      </c>
      <c r="DR39" s="321">
        <v>0</v>
      </c>
      <c r="DS39" s="316">
        <v>1</v>
      </c>
      <c r="DT39" s="319">
        <v>0</v>
      </c>
      <c r="DU39" s="317">
        <v>1</v>
      </c>
      <c r="DV39" s="318">
        <v>0</v>
      </c>
      <c r="DW39" s="319">
        <v>1</v>
      </c>
      <c r="DX39" s="319">
        <v>2</v>
      </c>
      <c r="DY39" s="319">
        <v>0</v>
      </c>
      <c r="DZ39" s="319">
        <v>0</v>
      </c>
      <c r="EA39" s="319">
        <v>0</v>
      </c>
      <c r="EB39" s="317">
        <v>3</v>
      </c>
      <c r="EC39" s="321">
        <v>4</v>
      </c>
      <c r="ED39" s="316">
        <v>0</v>
      </c>
      <c r="EE39" s="319">
        <v>0</v>
      </c>
      <c r="EF39" s="317">
        <v>0</v>
      </c>
      <c r="EG39" s="318">
        <v>0</v>
      </c>
      <c r="EH39" s="319">
        <v>0</v>
      </c>
      <c r="EI39" s="319">
        <v>0</v>
      </c>
      <c r="EJ39" s="319">
        <v>0</v>
      </c>
      <c r="EK39" s="319">
        <v>0</v>
      </c>
      <c r="EL39" s="319">
        <v>1</v>
      </c>
      <c r="EM39" s="317">
        <v>1</v>
      </c>
      <c r="EN39" s="321">
        <v>1</v>
      </c>
      <c r="EO39" s="316">
        <v>1</v>
      </c>
      <c r="EP39" s="319">
        <v>0</v>
      </c>
      <c r="EQ39" s="317">
        <v>1</v>
      </c>
      <c r="ER39" s="318">
        <v>0</v>
      </c>
      <c r="ES39" s="319">
        <v>2</v>
      </c>
      <c r="ET39" s="319">
        <v>2</v>
      </c>
      <c r="EU39" s="319">
        <v>0</v>
      </c>
      <c r="EV39" s="319">
        <v>0</v>
      </c>
      <c r="EW39" s="319">
        <v>0</v>
      </c>
      <c r="EX39" s="317">
        <v>4</v>
      </c>
      <c r="EY39" s="321">
        <v>5</v>
      </c>
    </row>
  </sheetData>
  <mergeCells count="59">
    <mergeCell ref="CK4:CK5"/>
    <mergeCell ref="CL4:CN4"/>
    <mergeCell ref="CO4:CU4"/>
    <mergeCell ref="EY4:EY5"/>
    <mergeCell ref="CW4:CY4"/>
    <mergeCell ref="CZ4:DF4"/>
    <mergeCell ref="DG4:DG5"/>
    <mergeCell ref="DS4:DU4"/>
    <mergeCell ref="DV4:EB4"/>
    <mergeCell ref="EC4:EC5"/>
    <mergeCell ref="ED4:EF4"/>
    <mergeCell ref="EG4:EM4"/>
    <mergeCell ref="EN4:EN5"/>
    <mergeCell ref="EO4:EQ4"/>
    <mergeCell ref="ER4:EX4"/>
    <mergeCell ref="DH4:DJ4"/>
    <mergeCell ref="CA4:CC4"/>
    <mergeCell ref="CD4:CJ4"/>
    <mergeCell ref="AI4:AK4"/>
    <mergeCell ref="AL4:AR4"/>
    <mergeCell ref="AS4:AS5"/>
    <mergeCell ref="AT4:AV4"/>
    <mergeCell ref="AW4:BC4"/>
    <mergeCell ref="DS3:EC3"/>
    <mergeCell ref="ED3:EN3"/>
    <mergeCell ref="EO3:EY3"/>
    <mergeCell ref="CA3:CK3"/>
    <mergeCell ref="CL3:CV3"/>
    <mergeCell ref="DH3:DR3"/>
    <mergeCell ref="A3:A5"/>
    <mergeCell ref="B3:L3"/>
    <mergeCell ref="M3:W3"/>
    <mergeCell ref="W4:W5"/>
    <mergeCell ref="AI3:AS3"/>
    <mergeCell ref="X3:AH3"/>
    <mergeCell ref="X4:Z4"/>
    <mergeCell ref="AA4:AG4"/>
    <mergeCell ref="AH4:AH5"/>
    <mergeCell ref="B4:D4"/>
    <mergeCell ref="E4:K4"/>
    <mergeCell ref="L4:L5"/>
    <mergeCell ref="M4:O4"/>
    <mergeCell ref="P4:V4"/>
    <mergeCell ref="DK4:DQ4"/>
    <mergeCell ref="DR4:DR5"/>
    <mergeCell ref="H1:I1"/>
    <mergeCell ref="K1:L1"/>
    <mergeCell ref="AT3:BD3"/>
    <mergeCell ref="BE3:BO3"/>
    <mergeCell ref="BP3:BZ3"/>
    <mergeCell ref="BD4:BD5"/>
    <mergeCell ref="CW3:DG3"/>
    <mergeCell ref="CV4:CV5"/>
    <mergeCell ref="BE4:BG4"/>
    <mergeCell ref="BH4:BN4"/>
    <mergeCell ref="BO4:BO5"/>
    <mergeCell ref="BP4:BR4"/>
    <mergeCell ref="BS4:BY4"/>
    <mergeCell ref="BZ4:BZ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1"/>
    <col min="4" max="4" width="10.33203125" style="291" customWidth="1"/>
    <col min="5" max="5" width="7.6640625" style="291" customWidth="1"/>
    <col min="6" max="6" width="10.21875" style="291" customWidth="1"/>
    <col min="7" max="7" width="10.44140625" style="291" customWidth="1"/>
    <col min="8" max="15" width="9" style="291"/>
    <col min="16" max="16" width="7.21875" style="291" customWidth="1"/>
    <col min="17" max="26" width="9" style="291"/>
    <col min="27" max="27" width="7.6640625" style="291" customWidth="1"/>
    <col min="28" max="37" width="9" style="291"/>
    <col min="38" max="38" width="7.6640625" style="291" customWidth="1"/>
    <col min="39" max="48" width="9" style="291"/>
    <col min="49" max="49" width="7.21875" style="291" customWidth="1"/>
    <col min="50" max="59" width="9" style="291"/>
    <col min="60" max="60" width="7.21875" style="291" customWidth="1"/>
    <col min="61" max="70" width="9" style="291"/>
    <col min="71" max="71" width="7.33203125" style="291" customWidth="1"/>
    <col min="72" max="81" width="9" style="291"/>
    <col min="82" max="82" width="7.44140625" style="291" customWidth="1"/>
    <col min="83" max="92" width="9" style="291"/>
    <col min="93" max="93" width="7.6640625" style="291" customWidth="1"/>
    <col min="94" max="103" width="9" style="291"/>
    <col min="104" max="104" width="7.44140625" style="291" customWidth="1"/>
    <col min="105" max="114" width="9" style="291"/>
    <col min="115" max="115" width="7.44140625" style="291" customWidth="1"/>
    <col min="116" max="125" width="9" style="291"/>
    <col min="126" max="126" width="7.44140625" style="291" customWidth="1"/>
    <col min="127" max="136" width="9" style="291"/>
    <col min="137" max="137" width="7.33203125" style="291" customWidth="1"/>
    <col min="138" max="147" width="9" style="291"/>
    <col min="148" max="148" width="7.77734375" style="291" customWidth="1"/>
    <col min="149" max="16384" width="9" style="291"/>
  </cols>
  <sheetData>
    <row r="1" spans="1:155" ht="24" customHeight="1" x14ac:dyDescent="0.2">
      <c r="A1" s="322" t="s">
        <v>122</v>
      </c>
      <c r="H1" s="470">
        <f>第１表!F2</f>
        <v>4</v>
      </c>
      <c r="I1" s="470"/>
      <c r="J1" s="283">
        <f>第１表!G2</f>
        <v>2</v>
      </c>
      <c r="K1" s="471">
        <f>IF(J1&lt;3,J1+12-2,J1-2)</f>
        <v>12</v>
      </c>
      <c r="L1" s="471"/>
    </row>
    <row r="2" spans="1:155" ht="21" customHeight="1" thickBot="1" x14ac:dyDescent="0.25">
      <c r="A2" s="322" t="s">
        <v>154</v>
      </c>
      <c r="F2" s="282"/>
      <c r="G2" s="283"/>
      <c r="I2" s="389"/>
      <c r="J2" s="389"/>
    </row>
    <row r="3" spans="1:155" ht="23.25" customHeight="1" thickBot="1" x14ac:dyDescent="0.25">
      <c r="A3" s="484"/>
      <c r="B3" s="475" t="s">
        <v>70</v>
      </c>
      <c r="C3" s="476"/>
      <c r="D3" s="476"/>
      <c r="E3" s="476"/>
      <c r="F3" s="476"/>
      <c r="G3" s="476"/>
      <c r="H3" s="476"/>
      <c r="I3" s="476"/>
      <c r="J3" s="476"/>
      <c r="K3" s="476"/>
      <c r="L3" s="477"/>
      <c r="M3" s="475" t="s">
        <v>71</v>
      </c>
      <c r="N3" s="476"/>
      <c r="O3" s="476"/>
      <c r="P3" s="476"/>
      <c r="Q3" s="476"/>
      <c r="R3" s="476"/>
      <c r="S3" s="476"/>
      <c r="T3" s="476"/>
      <c r="U3" s="476"/>
      <c r="V3" s="476"/>
      <c r="W3" s="477"/>
      <c r="X3" s="475" t="s">
        <v>72</v>
      </c>
      <c r="Y3" s="476"/>
      <c r="Z3" s="476"/>
      <c r="AA3" s="476"/>
      <c r="AB3" s="476"/>
      <c r="AC3" s="476"/>
      <c r="AD3" s="476"/>
      <c r="AE3" s="476"/>
      <c r="AF3" s="476"/>
      <c r="AG3" s="476"/>
      <c r="AH3" s="477"/>
      <c r="AI3" s="475" t="s">
        <v>73</v>
      </c>
      <c r="AJ3" s="476"/>
      <c r="AK3" s="476"/>
      <c r="AL3" s="476"/>
      <c r="AM3" s="476"/>
      <c r="AN3" s="476"/>
      <c r="AO3" s="476"/>
      <c r="AP3" s="476"/>
      <c r="AQ3" s="476"/>
      <c r="AR3" s="476"/>
      <c r="AS3" s="477"/>
      <c r="AT3" s="475" t="s">
        <v>74</v>
      </c>
      <c r="AU3" s="476"/>
      <c r="AV3" s="476"/>
      <c r="AW3" s="476"/>
      <c r="AX3" s="476"/>
      <c r="AY3" s="476"/>
      <c r="AZ3" s="476"/>
      <c r="BA3" s="476"/>
      <c r="BB3" s="476"/>
      <c r="BC3" s="476"/>
      <c r="BD3" s="477"/>
      <c r="BE3" s="475" t="s">
        <v>75</v>
      </c>
      <c r="BF3" s="476"/>
      <c r="BG3" s="476"/>
      <c r="BH3" s="476"/>
      <c r="BI3" s="476"/>
      <c r="BJ3" s="476"/>
      <c r="BK3" s="476"/>
      <c r="BL3" s="476"/>
      <c r="BM3" s="476"/>
      <c r="BN3" s="476"/>
      <c r="BO3" s="477"/>
      <c r="BP3" s="475" t="s">
        <v>76</v>
      </c>
      <c r="BQ3" s="476"/>
      <c r="BR3" s="476"/>
      <c r="BS3" s="476"/>
      <c r="BT3" s="476"/>
      <c r="BU3" s="476"/>
      <c r="BV3" s="476"/>
      <c r="BW3" s="476"/>
      <c r="BX3" s="476"/>
      <c r="BY3" s="476"/>
      <c r="BZ3" s="477"/>
      <c r="CA3" s="475" t="s">
        <v>77</v>
      </c>
      <c r="CB3" s="476"/>
      <c r="CC3" s="476"/>
      <c r="CD3" s="476"/>
      <c r="CE3" s="476"/>
      <c r="CF3" s="476"/>
      <c r="CG3" s="476"/>
      <c r="CH3" s="476"/>
      <c r="CI3" s="476"/>
      <c r="CJ3" s="476"/>
      <c r="CK3" s="477"/>
      <c r="CL3" s="475" t="s">
        <v>78</v>
      </c>
      <c r="CM3" s="476"/>
      <c r="CN3" s="476"/>
      <c r="CO3" s="476"/>
      <c r="CP3" s="476"/>
      <c r="CQ3" s="476"/>
      <c r="CR3" s="476"/>
      <c r="CS3" s="476"/>
      <c r="CT3" s="476"/>
      <c r="CU3" s="476"/>
      <c r="CV3" s="477"/>
      <c r="CW3" s="475" t="s">
        <v>79</v>
      </c>
      <c r="CX3" s="476"/>
      <c r="CY3" s="476"/>
      <c r="CZ3" s="476"/>
      <c r="DA3" s="476"/>
      <c r="DB3" s="476"/>
      <c r="DC3" s="476"/>
      <c r="DD3" s="476"/>
      <c r="DE3" s="476"/>
      <c r="DF3" s="476"/>
      <c r="DG3" s="477"/>
      <c r="DH3" s="475" t="s">
        <v>152</v>
      </c>
      <c r="DI3" s="476"/>
      <c r="DJ3" s="476"/>
      <c r="DK3" s="476"/>
      <c r="DL3" s="476"/>
      <c r="DM3" s="476"/>
      <c r="DN3" s="476"/>
      <c r="DO3" s="476"/>
      <c r="DP3" s="476"/>
      <c r="DQ3" s="476"/>
      <c r="DR3" s="477"/>
      <c r="DS3" s="475" t="s">
        <v>80</v>
      </c>
      <c r="DT3" s="476"/>
      <c r="DU3" s="476"/>
      <c r="DV3" s="476"/>
      <c r="DW3" s="476"/>
      <c r="DX3" s="476"/>
      <c r="DY3" s="476"/>
      <c r="DZ3" s="476"/>
      <c r="EA3" s="476"/>
      <c r="EB3" s="476"/>
      <c r="EC3" s="477"/>
      <c r="ED3" s="475" t="s">
        <v>68</v>
      </c>
      <c r="EE3" s="476"/>
      <c r="EF3" s="476"/>
      <c r="EG3" s="476"/>
      <c r="EH3" s="476"/>
      <c r="EI3" s="476"/>
      <c r="EJ3" s="476"/>
      <c r="EK3" s="476"/>
      <c r="EL3" s="476"/>
      <c r="EM3" s="476"/>
      <c r="EN3" s="477"/>
      <c r="EO3" s="472" t="s">
        <v>69</v>
      </c>
      <c r="EP3" s="473"/>
      <c r="EQ3" s="473"/>
      <c r="ER3" s="473"/>
      <c r="ES3" s="473"/>
      <c r="ET3" s="473"/>
      <c r="EU3" s="473"/>
      <c r="EV3" s="473"/>
      <c r="EW3" s="473"/>
      <c r="EX3" s="473"/>
      <c r="EY3" s="474"/>
    </row>
    <row r="4" spans="1:155" ht="22.5" customHeight="1" x14ac:dyDescent="0.2">
      <c r="A4" s="485"/>
      <c r="B4" s="483" t="s">
        <v>61</v>
      </c>
      <c r="C4" s="479"/>
      <c r="D4" s="480"/>
      <c r="E4" s="478" t="s">
        <v>62</v>
      </c>
      <c r="F4" s="479"/>
      <c r="G4" s="479"/>
      <c r="H4" s="479"/>
      <c r="I4" s="479"/>
      <c r="J4" s="479"/>
      <c r="K4" s="487"/>
      <c r="L4" s="481" t="s">
        <v>52</v>
      </c>
      <c r="M4" s="483" t="s">
        <v>61</v>
      </c>
      <c r="N4" s="479"/>
      <c r="O4" s="480"/>
      <c r="P4" s="478" t="s">
        <v>62</v>
      </c>
      <c r="Q4" s="479"/>
      <c r="R4" s="479"/>
      <c r="S4" s="479"/>
      <c r="T4" s="479"/>
      <c r="U4" s="479"/>
      <c r="V4" s="480"/>
      <c r="W4" s="481" t="s">
        <v>52</v>
      </c>
      <c r="X4" s="483" t="s">
        <v>61</v>
      </c>
      <c r="Y4" s="479"/>
      <c r="Z4" s="480"/>
      <c r="AA4" s="478" t="s">
        <v>62</v>
      </c>
      <c r="AB4" s="479"/>
      <c r="AC4" s="479"/>
      <c r="AD4" s="479"/>
      <c r="AE4" s="479"/>
      <c r="AF4" s="479"/>
      <c r="AG4" s="480"/>
      <c r="AH4" s="481" t="s">
        <v>52</v>
      </c>
      <c r="AI4" s="483" t="s">
        <v>61</v>
      </c>
      <c r="AJ4" s="479"/>
      <c r="AK4" s="480"/>
      <c r="AL4" s="478" t="s">
        <v>62</v>
      </c>
      <c r="AM4" s="479"/>
      <c r="AN4" s="479"/>
      <c r="AO4" s="479"/>
      <c r="AP4" s="479"/>
      <c r="AQ4" s="479"/>
      <c r="AR4" s="480"/>
      <c r="AS4" s="481" t="s">
        <v>52</v>
      </c>
      <c r="AT4" s="483" t="s">
        <v>61</v>
      </c>
      <c r="AU4" s="479"/>
      <c r="AV4" s="480"/>
      <c r="AW4" s="478" t="s">
        <v>62</v>
      </c>
      <c r="AX4" s="479"/>
      <c r="AY4" s="479"/>
      <c r="AZ4" s="479"/>
      <c r="BA4" s="479"/>
      <c r="BB4" s="479"/>
      <c r="BC4" s="487"/>
      <c r="BD4" s="481" t="s">
        <v>52</v>
      </c>
      <c r="BE4" s="483" t="s">
        <v>61</v>
      </c>
      <c r="BF4" s="479"/>
      <c r="BG4" s="480"/>
      <c r="BH4" s="478" t="s">
        <v>62</v>
      </c>
      <c r="BI4" s="479"/>
      <c r="BJ4" s="479"/>
      <c r="BK4" s="479"/>
      <c r="BL4" s="479"/>
      <c r="BM4" s="479"/>
      <c r="BN4" s="480"/>
      <c r="BO4" s="481" t="s">
        <v>52</v>
      </c>
      <c r="BP4" s="483" t="s">
        <v>61</v>
      </c>
      <c r="BQ4" s="479"/>
      <c r="BR4" s="480"/>
      <c r="BS4" s="478" t="s">
        <v>62</v>
      </c>
      <c r="BT4" s="479"/>
      <c r="BU4" s="479"/>
      <c r="BV4" s="479"/>
      <c r="BW4" s="479"/>
      <c r="BX4" s="479"/>
      <c r="BY4" s="480"/>
      <c r="BZ4" s="481" t="s">
        <v>52</v>
      </c>
      <c r="CA4" s="483" t="s">
        <v>61</v>
      </c>
      <c r="CB4" s="479"/>
      <c r="CC4" s="480"/>
      <c r="CD4" s="478" t="s">
        <v>62</v>
      </c>
      <c r="CE4" s="479"/>
      <c r="CF4" s="479"/>
      <c r="CG4" s="479"/>
      <c r="CH4" s="479"/>
      <c r="CI4" s="479"/>
      <c r="CJ4" s="480"/>
      <c r="CK4" s="481" t="s">
        <v>52</v>
      </c>
      <c r="CL4" s="483" t="s">
        <v>61</v>
      </c>
      <c r="CM4" s="479"/>
      <c r="CN4" s="480"/>
      <c r="CO4" s="478" t="s">
        <v>62</v>
      </c>
      <c r="CP4" s="479"/>
      <c r="CQ4" s="479"/>
      <c r="CR4" s="479"/>
      <c r="CS4" s="479"/>
      <c r="CT4" s="479"/>
      <c r="CU4" s="480"/>
      <c r="CV4" s="481" t="s">
        <v>52</v>
      </c>
      <c r="CW4" s="483" t="s">
        <v>61</v>
      </c>
      <c r="CX4" s="479"/>
      <c r="CY4" s="480"/>
      <c r="CZ4" s="478" t="s">
        <v>62</v>
      </c>
      <c r="DA4" s="479"/>
      <c r="DB4" s="479"/>
      <c r="DC4" s="479"/>
      <c r="DD4" s="479"/>
      <c r="DE4" s="479"/>
      <c r="DF4" s="480"/>
      <c r="DG4" s="481" t="s">
        <v>52</v>
      </c>
      <c r="DH4" s="483" t="s">
        <v>61</v>
      </c>
      <c r="DI4" s="479"/>
      <c r="DJ4" s="480"/>
      <c r="DK4" s="478" t="s">
        <v>62</v>
      </c>
      <c r="DL4" s="479"/>
      <c r="DM4" s="479"/>
      <c r="DN4" s="479"/>
      <c r="DO4" s="479"/>
      <c r="DP4" s="479"/>
      <c r="DQ4" s="480"/>
      <c r="DR4" s="481" t="s">
        <v>52</v>
      </c>
      <c r="DS4" s="483" t="s">
        <v>61</v>
      </c>
      <c r="DT4" s="479"/>
      <c r="DU4" s="480"/>
      <c r="DV4" s="478" t="s">
        <v>62</v>
      </c>
      <c r="DW4" s="479"/>
      <c r="DX4" s="479"/>
      <c r="DY4" s="479"/>
      <c r="DZ4" s="479"/>
      <c r="EA4" s="479"/>
      <c r="EB4" s="480"/>
      <c r="EC4" s="481" t="s">
        <v>52</v>
      </c>
      <c r="ED4" s="483" t="s">
        <v>61</v>
      </c>
      <c r="EE4" s="479"/>
      <c r="EF4" s="480"/>
      <c r="EG4" s="478" t="s">
        <v>62</v>
      </c>
      <c r="EH4" s="479"/>
      <c r="EI4" s="479"/>
      <c r="EJ4" s="479"/>
      <c r="EK4" s="479"/>
      <c r="EL4" s="479"/>
      <c r="EM4" s="480"/>
      <c r="EN4" s="481" t="s">
        <v>52</v>
      </c>
      <c r="EO4" s="483" t="s">
        <v>61</v>
      </c>
      <c r="EP4" s="479"/>
      <c r="EQ4" s="480"/>
      <c r="ER4" s="478" t="s">
        <v>62</v>
      </c>
      <c r="ES4" s="479"/>
      <c r="ET4" s="479"/>
      <c r="EU4" s="479"/>
      <c r="EV4" s="479"/>
      <c r="EW4" s="479"/>
      <c r="EX4" s="480"/>
      <c r="EY4" s="481" t="s">
        <v>52</v>
      </c>
    </row>
    <row r="5" spans="1:155" ht="34.5" customHeight="1" thickBot="1" x14ac:dyDescent="0.25">
      <c r="A5" s="486"/>
      <c r="B5" s="390" t="s">
        <v>43</v>
      </c>
      <c r="C5" s="295" t="s">
        <v>44</v>
      </c>
      <c r="D5" s="439" t="s">
        <v>45</v>
      </c>
      <c r="E5" s="302" t="s">
        <v>83</v>
      </c>
      <c r="F5" s="295" t="s">
        <v>47</v>
      </c>
      <c r="G5" s="295" t="s">
        <v>48</v>
      </c>
      <c r="H5" s="295" t="s">
        <v>49</v>
      </c>
      <c r="I5" s="295" t="s">
        <v>50</v>
      </c>
      <c r="J5" s="295" t="s">
        <v>51</v>
      </c>
      <c r="K5" s="303" t="s">
        <v>45</v>
      </c>
      <c r="L5" s="482"/>
      <c r="M5" s="390" t="s">
        <v>43</v>
      </c>
      <c r="N5" s="295" t="s">
        <v>44</v>
      </c>
      <c r="O5" s="301" t="s">
        <v>45</v>
      </c>
      <c r="P5" s="302" t="s">
        <v>83</v>
      </c>
      <c r="Q5" s="295" t="s">
        <v>47</v>
      </c>
      <c r="R5" s="295" t="s">
        <v>48</v>
      </c>
      <c r="S5" s="295" t="s">
        <v>49</v>
      </c>
      <c r="T5" s="295" t="s">
        <v>50</v>
      </c>
      <c r="U5" s="295" t="s">
        <v>51</v>
      </c>
      <c r="V5" s="301" t="s">
        <v>45</v>
      </c>
      <c r="W5" s="482"/>
      <c r="X5" s="390" t="s">
        <v>43</v>
      </c>
      <c r="Y5" s="295" t="s">
        <v>44</v>
      </c>
      <c r="Z5" s="301" t="s">
        <v>45</v>
      </c>
      <c r="AA5" s="302" t="s">
        <v>83</v>
      </c>
      <c r="AB5" s="295" t="s">
        <v>47</v>
      </c>
      <c r="AC5" s="295" t="s">
        <v>48</v>
      </c>
      <c r="AD5" s="295" t="s">
        <v>49</v>
      </c>
      <c r="AE5" s="295" t="s">
        <v>50</v>
      </c>
      <c r="AF5" s="295" t="s">
        <v>51</v>
      </c>
      <c r="AG5" s="301" t="s">
        <v>45</v>
      </c>
      <c r="AH5" s="482"/>
      <c r="AI5" s="390" t="s">
        <v>43</v>
      </c>
      <c r="AJ5" s="295" t="s">
        <v>44</v>
      </c>
      <c r="AK5" s="301" t="s">
        <v>45</v>
      </c>
      <c r="AL5" s="302" t="s">
        <v>83</v>
      </c>
      <c r="AM5" s="295" t="s">
        <v>47</v>
      </c>
      <c r="AN5" s="295" t="s">
        <v>48</v>
      </c>
      <c r="AO5" s="295" t="s">
        <v>49</v>
      </c>
      <c r="AP5" s="295" t="s">
        <v>50</v>
      </c>
      <c r="AQ5" s="295" t="s">
        <v>51</v>
      </c>
      <c r="AR5" s="301" t="s">
        <v>45</v>
      </c>
      <c r="AS5" s="482"/>
      <c r="AT5" s="390" t="s">
        <v>43</v>
      </c>
      <c r="AU5" s="295" t="s">
        <v>44</v>
      </c>
      <c r="AV5" s="301" t="s">
        <v>45</v>
      </c>
      <c r="AW5" s="302" t="s">
        <v>83</v>
      </c>
      <c r="AX5" s="295" t="s">
        <v>47</v>
      </c>
      <c r="AY5" s="295" t="s">
        <v>48</v>
      </c>
      <c r="AZ5" s="295" t="s">
        <v>49</v>
      </c>
      <c r="BA5" s="295" t="s">
        <v>50</v>
      </c>
      <c r="BB5" s="295" t="s">
        <v>51</v>
      </c>
      <c r="BC5" s="303" t="s">
        <v>45</v>
      </c>
      <c r="BD5" s="482"/>
      <c r="BE5" s="390" t="s">
        <v>43</v>
      </c>
      <c r="BF5" s="295" t="s">
        <v>44</v>
      </c>
      <c r="BG5" s="301" t="s">
        <v>45</v>
      </c>
      <c r="BH5" s="302" t="s">
        <v>83</v>
      </c>
      <c r="BI5" s="295" t="s">
        <v>47</v>
      </c>
      <c r="BJ5" s="295" t="s">
        <v>48</v>
      </c>
      <c r="BK5" s="295" t="s">
        <v>49</v>
      </c>
      <c r="BL5" s="295" t="s">
        <v>50</v>
      </c>
      <c r="BM5" s="295" t="s">
        <v>51</v>
      </c>
      <c r="BN5" s="301" t="s">
        <v>45</v>
      </c>
      <c r="BO5" s="482"/>
      <c r="BP5" s="390" t="s">
        <v>43</v>
      </c>
      <c r="BQ5" s="295" t="s">
        <v>44</v>
      </c>
      <c r="BR5" s="301" t="s">
        <v>45</v>
      </c>
      <c r="BS5" s="302" t="s">
        <v>83</v>
      </c>
      <c r="BT5" s="295" t="s">
        <v>47</v>
      </c>
      <c r="BU5" s="295" t="s">
        <v>48</v>
      </c>
      <c r="BV5" s="295" t="s">
        <v>49</v>
      </c>
      <c r="BW5" s="295" t="s">
        <v>50</v>
      </c>
      <c r="BX5" s="295" t="s">
        <v>51</v>
      </c>
      <c r="BY5" s="301" t="s">
        <v>45</v>
      </c>
      <c r="BZ5" s="482"/>
      <c r="CA5" s="390" t="s">
        <v>43</v>
      </c>
      <c r="CB5" s="295" t="s">
        <v>44</v>
      </c>
      <c r="CC5" s="301" t="s">
        <v>45</v>
      </c>
      <c r="CD5" s="302" t="s">
        <v>83</v>
      </c>
      <c r="CE5" s="295" t="s">
        <v>47</v>
      </c>
      <c r="CF5" s="295" t="s">
        <v>48</v>
      </c>
      <c r="CG5" s="295" t="s">
        <v>49</v>
      </c>
      <c r="CH5" s="295" t="s">
        <v>50</v>
      </c>
      <c r="CI5" s="295" t="s">
        <v>51</v>
      </c>
      <c r="CJ5" s="301" t="s">
        <v>45</v>
      </c>
      <c r="CK5" s="482"/>
      <c r="CL5" s="390" t="s">
        <v>43</v>
      </c>
      <c r="CM5" s="295" t="s">
        <v>44</v>
      </c>
      <c r="CN5" s="301" t="s">
        <v>45</v>
      </c>
      <c r="CO5" s="302" t="s">
        <v>83</v>
      </c>
      <c r="CP5" s="295" t="s">
        <v>47</v>
      </c>
      <c r="CQ5" s="295" t="s">
        <v>48</v>
      </c>
      <c r="CR5" s="295" t="s">
        <v>49</v>
      </c>
      <c r="CS5" s="295" t="s">
        <v>50</v>
      </c>
      <c r="CT5" s="295" t="s">
        <v>51</v>
      </c>
      <c r="CU5" s="301" t="s">
        <v>45</v>
      </c>
      <c r="CV5" s="482"/>
      <c r="CW5" s="390" t="s">
        <v>43</v>
      </c>
      <c r="CX5" s="295" t="s">
        <v>44</v>
      </c>
      <c r="CY5" s="301" t="s">
        <v>45</v>
      </c>
      <c r="CZ5" s="302" t="s">
        <v>83</v>
      </c>
      <c r="DA5" s="295" t="s">
        <v>47</v>
      </c>
      <c r="DB5" s="295" t="s">
        <v>48</v>
      </c>
      <c r="DC5" s="295" t="s">
        <v>49</v>
      </c>
      <c r="DD5" s="295" t="s">
        <v>50</v>
      </c>
      <c r="DE5" s="295" t="s">
        <v>51</v>
      </c>
      <c r="DF5" s="301" t="s">
        <v>45</v>
      </c>
      <c r="DG5" s="482"/>
      <c r="DH5" s="390" t="s">
        <v>43</v>
      </c>
      <c r="DI5" s="295" t="s">
        <v>44</v>
      </c>
      <c r="DJ5" s="301" t="s">
        <v>45</v>
      </c>
      <c r="DK5" s="302" t="s">
        <v>83</v>
      </c>
      <c r="DL5" s="295" t="s">
        <v>47</v>
      </c>
      <c r="DM5" s="295" t="s">
        <v>48</v>
      </c>
      <c r="DN5" s="295" t="s">
        <v>49</v>
      </c>
      <c r="DO5" s="295" t="s">
        <v>50</v>
      </c>
      <c r="DP5" s="295" t="s">
        <v>51</v>
      </c>
      <c r="DQ5" s="301" t="s">
        <v>45</v>
      </c>
      <c r="DR5" s="482"/>
      <c r="DS5" s="390" t="s">
        <v>43</v>
      </c>
      <c r="DT5" s="295" t="s">
        <v>44</v>
      </c>
      <c r="DU5" s="301" t="s">
        <v>45</v>
      </c>
      <c r="DV5" s="302" t="s">
        <v>83</v>
      </c>
      <c r="DW5" s="295" t="s">
        <v>47</v>
      </c>
      <c r="DX5" s="295" t="s">
        <v>48</v>
      </c>
      <c r="DY5" s="295" t="s">
        <v>49</v>
      </c>
      <c r="DZ5" s="295" t="s">
        <v>50</v>
      </c>
      <c r="EA5" s="295" t="s">
        <v>51</v>
      </c>
      <c r="EB5" s="301" t="s">
        <v>45</v>
      </c>
      <c r="EC5" s="482"/>
      <c r="ED5" s="390" t="s">
        <v>43</v>
      </c>
      <c r="EE5" s="295" t="s">
        <v>44</v>
      </c>
      <c r="EF5" s="301" t="s">
        <v>45</v>
      </c>
      <c r="EG5" s="302" t="s">
        <v>83</v>
      </c>
      <c r="EH5" s="295" t="s">
        <v>47</v>
      </c>
      <c r="EI5" s="295" t="s">
        <v>48</v>
      </c>
      <c r="EJ5" s="295" t="s">
        <v>49</v>
      </c>
      <c r="EK5" s="295" t="s">
        <v>50</v>
      </c>
      <c r="EL5" s="295" t="s">
        <v>51</v>
      </c>
      <c r="EM5" s="301" t="s">
        <v>45</v>
      </c>
      <c r="EN5" s="482"/>
      <c r="EO5" s="390" t="s">
        <v>43</v>
      </c>
      <c r="EP5" s="295" t="s">
        <v>44</v>
      </c>
      <c r="EQ5" s="301" t="s">
        <v>45</v>
      </c>
      <c r="ER5" s="302" t="s">
        <v>83</v>
      </c>
      <c r="ES5" s="295" t="s">
        <v>47</v>
      </c>
      <c r="ET5" s="295" t="s">
        <v>48</v>
      </c>
      <c r="EU5" s="295" t="s">
        <v>49</v>
      </c>
      <c r="EV5" s="295" t="s">
        <v>50</v>
      </c>
      <c r="EW5" s="295" t="s">
        <v>51</v>
      </c>
      <c r="EX5" s="301" t="s">
        <v>45</v>
      </c>
      <c r="EY5" s="482"/>
    </row>
    <row r="6" spans="1:155" ht="19.5" customHeight="1" x14ac:dyDescent="0.2">
      <c r="A6" s="296" t="s">
        <v>4</v>
      </c>
      <c r="B6" s="304">
        <v>0</v>
      </c>
      <c r="C6" s="307">
        <v>0</v>
      </c>
      <c r="D6" s="440">
        <v>0</v>
      </c>
      <c r="E6" s="306">
        <v>0</v>
      </c>
      <c r="F6" s="307">
        <v>1146</v>
      </c>
      <c r="G6" s="307">
        <v>1222</v>
      </c>
      <c r="H6" s="307">
        <v>657</v>
      </c>
      <c r="I6" s="307">
        <v>574</v>
      </c>
      <c r="J6" s="307">
        <v>421</v>
      </c>
      <c r="K6" s="308">
        <v>4020</v>
      </c>
      <c r="L6" s="309">
        <v>4020</v>
      </c>
      <c r="M6" s="304">
        <v>0</v>
      </c>
      <c r="N6" s="307">
        <v>4</v>
      </c>
      <c r="O6" s="305">
        <v>4</v>
      </c>
      <c r="P6" s="306">
        <v>0</v>
      </c>
      <c r="Q6" s="307">
        <v>12</v>
      </c>
      <c r="R6" s="307">
        <v>34</v>
      </c>
      <c r="S6" s="307">
        <v>57</v>
      </c>
      <c r="T6" s="307">
        <v>139</v>
      </c>
      <c r="U6" s="307">
        <v>212</v>
      </c>
      <c r="V6" s="305">
        <v>454</v>
      </c>
      <c r="W6" s="309">
        <v>458</v>
      </c>
      <c r="X6" s="304">
        <v>195</v>
      </c>
      <c r="Y6" s="307">
        <v>421</v>
      </c>
      <c r="Z6" s="305">
        <v>616</v>
      </c>
      <c r="AA6" s="306">
        <v>0</v>
      </c>
      <c r="AB6" s="307">
        <v>815</v>
      </c>
      <c r="AC6" s="307">
        <v>1115</v>
      </c>
      <c r="AD6" s="307">
        <v>647</v>
      </c>
      <c r="AE6" s="307">
        <v>566</v>
      </c>
      <c r="AF6" s="307">
        <v>420</v>
      </c>
      <c r="AG6" s="305">
        <v>3563</v>
      </c>
      <c r="AH6" s="309">
        <v>4179</v>
      </c>
      <c r="AI6" s="304">
        <v>16</v>
      </c>
      <c r="AJ6" s="307">
        <v>51</v>
      </c>
      <c r="AK6" s="305">
        <v>67</v>
      </c>
      <c r="AL6" s="306">
        <v>0</v>
      </c>
      <c r="AM6" s="307">
        <v>80</v>
      </c>
      <c r="AN6" s="307">
        <v>151</v>
      </c>
      <c r="AO6" s="307">
        <v>104</v>
      </c>
      <c r="AP6" s="307">
        <v>76</v>
      </c>
      <c r="AQ6" s="307">
        <v>54</v>
      </c>
      <c r="AR6" s="305">
        <v>465</v>
      </c>
      <c r="AS6" s="309">
        <v>532</v>
      </c>
      <c r="AT6" s="304">
        <v>295</v>
      </c>
      <c r="AU6" s="307">
        <v>327</v>
      </c>
      <c r="AV6" s="305">
        <v>622</v>
      </c>
      <c r="AW6" s="306">
        <v>0</v>
      </c>
      <c r="AX6" s="307">
        <v>1164</v>
      </c>
      <c r="AY6" s="307">
        <v>1531</v>
      </c>
      <c r="AZ6" s="307">
        <v>1231</v>
      </c>
      <c r="BA6" s="307">
        <v>1330</v>
      </c>
      <c r="BB6" s="307">
        <v>987</v>
      </c>
      <c r="BC6" s="308">
        <v>6243</v>
      </c>
      <c r="BD6" s="309">
        <v>6865</v>
      </c>
      <c r="BE6" s="304">
        <v>0</v>
      </c>
      <c r="BF6" s="307">
        <v>0</v>
      </c>
      <c r="BG6" s="305">
        <v>0</v>
      </c>
      <c r="BH6" s="306">
        <v>0</v>
      </c>
      <c r="BI6" s="307">
        <v>1320</v>
      </c>
      <c r="BJ6" s="307">
        <v>1168</v>
      </c>
      <c r="BK6" s="307">
        <v>550</v>
      </c>
      <c r="BL6" s="307">
        <v>339</v>
      </c>
      <c r="BM6" s="307">
        <v>141</v>
      </c>
      <c r="BN6" s="305">
        <v>3518</v>
      </c>
      <c r="BO6" s="309">
        <v>3518</v>
      </c>
      <c r="BP6" s="304">
        <v>119</v>
      </c>
      <c r="BQ6" s="307">
        <v>155</v>
      </c>
      <c r="BR6" s="305">
        <v>274</v>
      </c>
      <c r="BS6" s="306">
        <v>0</v>
      </c>
      <c r="BT6" s="307">
        <v>319</v>
      </c>
      <c r="BU6" s="307">
        <v>474</v>
      </c>
      <c r="BV6" s="307">
        <v>278</v>
      </c>
      <c r="BW6" s="307">
        <v>183</v>
      </c>
      <c r="BX6" s="307">
        <v>69</v>
      </c>
      <c r="BY6" s="305">
        <v>1323</v>
      </c>
      <c r="BZ6" s="309">
        <v>1597</v>
      </c>
      <c r="CA6" s="304">
        <v>8</v>
      </c>
      <c r="CB6" s="307">
        <v>18</v>
      </c>
      <c r="CC6" s="305">
        <v>26</v>
      </c>
      <c r="CD6" s="306">
        <v>0</v>
      </c>
      <c r="CE6" s="307">
        <v>128</v>
      </c>
      <c r="CF6" s="307">
        <v>184</v>
      </c>
      <c r="CG6" s="307">
        <v>237</v>
      </c>
      <c r="CH6" s="307">
        <v>177</v>
      </c>
      <c r="CI6" s="307">
        <v>89</v>
      </c>
      <c r="CJ6" s="305">
        <v>815</v>
      </c>
      <c r="CK6" s="309">
        <v>841</v>
      </c>
      <c r="CL6" s="304">
        <v>0</v>
      </c>
      <c r="CM6" s="307">
        <v>4</v>
      </c>
      <c r="CN6" s="305">
        <v>4</v>
      </c>
      <c r="CO6" s="306">
        <v>0</v>
      </c>
      <c r="CP6" s="307">
        <v>19</v>
      </c>
      <c r="CQ6" s="307">
        <v>45</v>
      </c>
      <c r="CR6" s="307">
        <v>59</v>
      </c>
      <c r="CS6" s="307">
        <v>47</v>
      </c>
      <c r="CT6" s="307">
        <v>36</v>
      </c>
      <c r="CU6" s="305">
        <v>206</v>
      </c>
      <c r="CV6" s="309">
        <v>210</v>
      </c>
      <c r="CW6" s="304">
        <v>0</v>
      </c>
      <c r="CX6" s="307">
        <v>0</v>
      </c>
      <c r="CY6" s="305">
        <v>0</v>
      </c>
      <c r="CZ6" s="306">
        <v>0</v>
      </c>
      <c r="DA6" s="307">
        <v>0</v>
      </c>
      <c r="DB6" s="307">
        <v>0</v>
      </c>
      <c r="DC6" s="307">
        <v>0</v>
      </c>
      <c r="DD6" s="307">
        <v>0</v>
      </c>
      <c r="DE6" s="307">
        <v>0</v>
      </c>
      <c r="DF6" s="305">
        <v>0</v>
      </c>
      <c r="DG6" s="309">
        <v>0</v>
      </c>
      <c r="DH6" s="304">
        <v>0</v>
      </c>
      <c r="DI6" s="307">
        <v>0</v>
      </c>
      <c r="DJ6" s="305">
        <v>0</v>
      </c>
      <c r="DK6" s="306">
        <v>0</v>
      </c>
      <c r="DL6" s="307">
        <v>0</v>
      </c>
      <c r="DM6" s="307">
        <v>0</v>
      </c>
      <c r="DN6" s="307">
        <v>0</v>
      </c>
      <c r="DO6" s="307">
        <v>0</v>
      </c>
      <c r="DP6" s="307">
        <v>0</v>
      </c>
      <c r="DQ6" s="305">
        <v>0</v>
      </c>
      <c r="DR6" s="309">
        <v>0</v>
      </c>
      <c r="DS6" s="304">
        <v>541</v>
      </c>
      <c r="DT6" s="307">
        <v>1156</v>
      </c>
      <c r="DU6" s="305">
        <v>1697</v>
      </c>
      <c r="DV6" s="306">
        <v>0</v>
      </c>
      <c r="DW6" s="307">
        <v>1535</v>
      </c>
      <c r="DX6" s="307">
        <v>2675</v>
      </c>
      <c r="DY6" s="307">
        <v>1523</v>
      </c>
      <c r="DZ6" s="307">
        <v>1238</v>
      </c>
      <c r="EA6" s="307">
        <v>747</v>
      </c>
      <c r="EB6" s="305">
        <v>7718</v>
      </c>
      <c r="EC6" s="309">
        <v>9415</v>
      </c>
      <c r="ED6" s="304">
        <v>215</v>
      </c>
      <c r="EE6" s="307">
        <v>182</v>
      </c>
      <c r="EF6" s="305">
        <v>397</v>
      </c>
      <c r="EG6" s="306">
        <v>0</v>
      </c>
      <c r="EH6" s="307">
        <v>577</v>
      </c>
      <c r="EI6" s="307">
        <v>608</v>
      </c>
      <c r="EJ6" s="307">
        <v>532</v>
      </c>
      <c r="EK6" s="307">
        <v>596</v>
      </c>
      <c r="EL6" s="307">
        <v>403</v>
      </c>
      <c r="EM6" s="305">
        <v>2716</v>
      </c>
      <c r="EN6" s="309">
        <v>3113</v>
      </c>
      <c r="EO6" s="304">
        <v>793</v>
      </c>
      <c r="EP6" s="307">
        <v>1498</v>
      </c>
      <c r="EQ6" s="305">
        <v>2291</v>
      </c>
      <c r="ER6" s="306">
        <v>0</v>
      </c>
      <c r="ES6" s="307">
        <v>3594</v>
      </c>
      <c r="ET6" s="307">
        <v>3800</v>
      </c>
      <c r="EU6" s="307">
        <v>1855</v>
      </c>
      <c r="EV6" s="307">
        <v>1333</v>
      </c>
      <c r="EW6" s="307">
        <v>797</v>
      </c>
      <c r="EX6" s="305">
        <v>11379</v>
      </c>
      <c r="EY6" s="309">
        <v>13670</v>
      </c>
    </row>
    <row r="7" spans="1:155" ht="19.5" customHeight="1" x14ac:dyDescent="0.2">
      <c r="A7" s="297" t="s">
        <v>5</v>
      </c>
      <c r="B7" s="310">
        <v>0</v>
      </c>
      <c r="C7" s="313">
        <v>0</v>
      </c>
      <c r="D7" s="441">
        <v>0</v>
      </c>
      <c r="E7" s="312">
        <v>0</v>
      </c>
      <c r="F7" s="313">
        <v>458</v>
      </c>
      <c r="G7" s="313">
        <v>668</v>
      </c>
      <c r="H7" s="313">
        <v>287</v>
      </c>
      <c r="I7" s="313">
        <v>247</v>
      </c>
      <c r="J7" s="313">
        <v>194</v>
      </c>
      <c r="K7" s="314">
        <v>1854</v>
      </c>
      <c r="L7" s="315">
        <v>1854</v>
      </c>
      <c r="M7" s="310">
        <v>0</v>
      </c>
      <c r="N7" s="313">
        <v>3</v>
      </c>
      <c r="O7" s="311">
        <v>3</v>
      </c>
      <c r="P7" s="312">
        <v>0</v>
      </c>
      <c r="Q7" s="313">
        <v>1</v>
      </c>
      <c r="R7" s="313">
        <v>17</v>
      </c>
      <c r="S7" s="313">
        <v>22</v>
      </c>
      <c r="T7" s="313">
        <v>67</v>
      </c>
      <c r="U7" s="313">
        <v>88</v>
      </c>
      <c r="V7" s="311">
        <v>195</v>
      </c>
      <c r="W7" s="315">
        <v>198</v>
      </c>
      <c r="X7" s="310">
        <v>93</v>
      </c>
      <c r="Y7" s="313">
        <v>230</v>
      </c>
      <c r="Z7" s="311">
        <v>323</v>
      </c>
      <c r="AA7" s="312">
        <v>0</v>
      </c>
      <c r="AB7" s="313">
        <v>314</v>
      </c>
      <c r="AC7" s="313">
        <v>620</v>
      </c>
      <c r="AD7" s="313">
        <v>309</v>
      </c>
      <c r="AE7" s="313">
        <v>258</v>
      </c>
      <c r="AF7" s="313">
        <v>195</v>
      </c>
      <c r="AG7" s="311">
        <v>1696</v>
      </c>
      <c r="AH7" s="315">
        <v>2019</v>
      </c>
      <c r="AI7" s="310">
        <v>7</v>
      </c>
      <c r="AJ7" s="313">
        <v>29</v>
      </c>
      <c r="AK7" s="311">
        <v>36</v>
      </c>
      <c r="AL7" s="312">
        <v>0</v>
      </c>
      <c r="AM7" s="313">
        <v>26</v>
      </c>
      <c r="AN7" s="313">
        <v>76</v>
      </c>
      <c r="AO7" s="313">
        <v>40</v>
      </c>
      <c r="AP7" s="313">
        <v>34</v>
      </c>
      <c r="AQ7" s="313">
        <v>23</v>
      </c>
      <c r="AR7" s="311">
        <v>199</v>
      </c>
      <c r="AS7" s="315">
        <v>235</v>
      </c>
      <c r="AT7" s="310">
        <v>128</v>
      </c>
      <c r="AU7" s="313">
        <v>173</v>
      </c>
      <c r="AV7" s="311">
        <v>301</v>
      </c>
      <c r="AW7" s="312">
        <v>0</v>
      </c>
      <c r="AX7" s="313">
        <v>470</v>
      </c>
      <c r="AY7" s="313">
        <v>754</v>
      </c>
      <c r="AZ7" s="313">
        <v>555</v>
      </c>
      <c r="BA7" s="313">
        <v>565</v>
      </c>
      <c r="BB7" s="313">
        <v>432</v>
      </c>
      <c r="BC7" s="314">
        <v>2776</v>
      </c>
      <c r="BD7" s="315">
        <v>3077</v>
      </c>
      <c r="BE7" s="310">
        <v>0</v>
      </c>
      <c r="BF7" s="313">
        <v>0</v>
      </c>
      <c r="BG7" s="311">
        <v>0</v>
      </c>
      <c r="BH7" s="312">
        <v>0</v>
      </c>
      <c r="BI7" s="313">
        <v>442</v>
      </c>
      <c r="BJ7" s="313">
        <v>527</v>
      </c>
      <c r="BK7" s="313">
        <v>230</v>
      </c>
      <c r="BL7" s="313">
        <v>124</v>
      </c>
      <c r="BM7" s="313">
        <v>66</v>
      </c>
      <c r="BN7" s="311">
        <v>1389</v>
      </c>
      <c r="BO7" s="315">
        <v>1389</v>
      </c>
      <c r="BP7" s="310">
        <v>69</v>
      </c>
      <c r="BQ7" s="313">
        <v>83</v>
      </c>
      <c r="BR7" s="311">
        <v>152</v>
      </c>
      <c r="BS7" s="312">
        <v>0</v>
      </c>
      <c r="BT7" s="313">
        <v>112</v>
      </c>
      <c r="BU7" s="313">
        <v>261</v>
      </c>
      <c r="BV7" s="313">
        <v>132</v>
      </c>
      <c r="BW7" s="313">
        <v>82</v>
      </c>
      <c r="BX7" s="313">
        <v>30</v>
      </c>
      <c r="BY7" s="311">
        <v>617</v>
      </c>
      <c r="BZ7" s="315">
        <v>769</v>
      </c>
      <c r="CA7" s="310">
        <v>2</v>
      </c>
      <c r="CB7" s="313">
        <v>7</v>
      </c>
      <c r="CC7" s="311">
        <v>9</v>
      </c>
      <c r="CD7" s="312">
        <v>0</v>
      </c>
      <c r="CE7" s="313">
        <v>45</v>
      </c>
      <c r="CF7" s="313">
        <v>84</v>
      </c>
      <c r="CG7" s="313">
        <v>91</v>
      </c>
      <c r="CH7" s="313">
        <v>69</v>
      </c>
      <c r="CI7" s="313">
        <v>38</v>
      </c>
      <c r="CJ7" s="311">
        <v>327</v>
      </c>
      <c r="CK7" s="315">
        <v>336</v>
      </c>
      <c r="CL7" s="310">
        <v>0</v>
      </c>
      <c r="CM7" s="313">
        <v>4</v>
      </c>
      <c r="CN7" s="311">
        <v>4</v>
      </c>
      <c r="CO7" s="312">
        <v>0</v>
      </c>
      <c r="CP7" s="313">
        <v>11</v>
      </c>
      <c r="CQ7" s="313">
        <v>25</v>
      </c>
      <c r="CR7" s="313">
        <v>34</v>
      </c>
      <c r="CS7" s="313">
        <v>31</v>
      </c>
      <c r="CT7" s="313">
        <v>22</v>
      </c>
      <c r="CU7" s="311">
        <v>123</v>
      </c>
      <c r="CV7" s="315">
        <v>127</v>
      </c>
      <c r="CW7" s="310">
        <v>0</v>
      </c>
      <c r="CX7" s="313">
        <v>0</v>
      </c>
      <c r="CY7" s="311">
        <v>0</v>
      </c>
      <c r="CZ7" s="312">
        <v>0</v>
      </c>
      <c r="DA7" s="313">
        <v>0</v>
      </c>
      <c r="DB7" s="313">
        <v>0</v>
      </c>
      <c r="DC7" s="313">
        <v>0</v>
      </c>
      <c r="DD7" s="313">
        <v>0</v>
      </c>
      <c r="DE7" s="313">
        <v>0</v>
      </c>
      <c r="DF7" s="311">
        <v>0</v>
      </c>
      <c r="DG7" s="315">
        <v>0</v>
      </c>
      <c r="DH7" s="310">
        <v>0</v>
      </c>
      <c r="DI7" s="313">
        <v>0</v>
      </c>
      <c r="DJ7" s="311">
        <v>0</v>
      </c>
      <c r="DK7" s="312">
        <v>0</v>
      </c>
      <c r="DL7" s="313">
        <v>0</v>
      </c>
      <c r="DM7" s="313">
        <v>0</v>
      </c>
      <c r="DN7" s="313">
        <v>0</v>
      </c>
      <c r="DO7" s="313">
        <v>0</v>
      </c>
      <c r="DP7" s="313">
        <v>0</v>
      </c>
      <c r="DQ7" s="311">
        <v>0</v>
      </c>
      <c r="DR7" s="315">
        <v>0</v>
      </c>
      <c r="DS7" s="310">
        <v>194</v>
      </c>
      <c r="DT7" s="313">
        <v>524</v>
      </c>
      <c r="DU7" s="311">
        <v>718</v>
      </c>
      <c r="DV7" s="312">
        <v>0</v>
      </c>
      <c r="DW7" s="313">
        <v>464</v>
      </c>
      <c r="DX7" s="313">
        <v>1275</v>
      </c>
      <c r="DY7" s="313">
        <v>643</v>
      </c>
      <c r="DZ7" s="313">
        <v>527</v>
      </c>
      <c r="EA7" s="313">
        <v>328</v>
      </c>
      <c r="EB7" s="311">
        <v>3237</v>
      </c>
      <c r="EC7" s="315">
        <v>3955</v>
      </c>
      <c r="ED7" s="310">
        <v>91</v>
      </c>
      <c r="EE7" s="313">
        <v>85</v>
      </c>
      <c r="EF7" s="311">
        <v>176</v>
      </c>
      <c r="EG7" s="312">
        <v>0</v>
      </c>
      <c r="EH7" s="313">
        <v>248</v>
      </c>
      <c r="EI7" s="313">
        <v>322</v>
      </c>
      <c r="EJ7" s="313">
        <v>255</v>
      </c>
      <c r="EK7" s="313">
        <v>256</v>
      </c>
      <c r="EL7" s="313">
        <v>181</v>
      </c>
      <c r="EM7" s="311">
        <v>1262</v>
      </c>
      <c r="EN7" s="315">
        <v>1438</v>
      </c>
      <c r="EO7" s="310">
        <v>330</v>
      </c>
      <c r="EP7" s="313">
        <v>724</v>
      </c>
      <c r="EQ7" s="311">
        <v>1054</v>
      </c>
      <c r="ER7" s="312">
        <v>0</v>
      </c>
      <c r="ES7" s="313">
        <v>1275</v>
      </c>
      <c r="ET7" s="313">
        <v>1876</v>
      </c>
      <c r="EU7" s="313">
        <v>796</v>
      </c>
      <c r="EV7" s="313">
        <v>570</v>
      </c>
      <c r="EW7" s="313">
        <v>361</v>
      </c>
      <c r="EX7" s="311">
        <v>4878</v>
      </c>
      <c r="EY7" s="315">
        <v>5932</v>
      </c>
    </row>
    <row r="8" spans="1:155" ht="19.5" customHeight="1" x14ac:dyDescent="0.2">
      <c r="A8" s="297" t="s">
        <v>6</v>
      </c>
      <c r="B8" s="310">
        <v>0</v>
      </c>
      <c r="C8" s="313">
        <v>0</v>
      </c>
      <c r="D8" s="441">
        <v>0</v>
      </c>
      <c r="E8" s="312">
        <v>0</v>
      </c>
      <c r="F8" s="313">
        <v>222</v>
      </c>
      <c r="G8" s="313">
        <v>173</v>
      </c>
      <c r="H8" s="313">
        <v>113</v>
      </c>
      <c r="I8" s="313">
        <v>101</v>
      </c>
      <c r="J8" s="313">
        <v>62</v>
      </c>
      <c r="K8" s="314">
        <v>671</v>
      </c>
      <c r="L8" s="315">
        <v>671</v>
      </c>
      <c r="M8" s="310">
        <v>0</v>
      </c>
      <c r="N8" s="313">
        <v>1</v>
      </c>
      <c r="O8" s="311">
        <v>1</v>
      </c>
      <c r="P8" s="312">
        <v>0</v>
      </c>
      <c r="Q8" s="313">
        <v>1</v>
      </c>
      <c r="R8" s="313">
        <v>2</v>
      </c>
      <c r="S8" s="313">
        <v>16</v>
      </c>
      <c r="T8" s="313">
        <v>25</v>
      </c>
      <c r="U8" s="313">
        <v>32</v>
      </c>
      <c r="V8" s="311">
        <v>76</v>
      </c>
      <c r="W8" s="315">
        <v>77</v>
      </c>
      <c r="X8" s="310">
        <v>31</v>
      </c>
      <c r="Y8" s="313">
        <v>67</v>
      </c>
      <c r="Z8" s="311">
        <v>98</v>
      </c>
      <c r="AA8" s="312">
        <v>0</v>
      </c>
      <c r="AB8" s="313">
        <v>176</v>
      </c>
      <c r="AC8" s="313">
        <v>165</v>
      </c>
      <c r="AD8" s="313">
        <v>109</v>
      </c>
      <c r="AE8" s="313">
        <v>93</v>
      </c>
      <c r="AF8" s="313">
        <v>69</v>
      </c>
      <c r="AG8" s="311">
        <v>612</v>
      </c>
      <c r="AH8" s="315">
        <v>710</v>
      </c>
      <c r="AI8" s="310">
        <v>3</v>
      </c>
      <c r="AJ8" s="313">
        <v>4</v>
      </c>
      <c r="AK8" s="311">
        <v>7</v>
      </c>
      <c r="AL8" s="312">
        <v>0</v>
      </c>
      <c r="AM8" s="313">
        <v>17</v>
      </c>
      <c r="AN8" s="313">
        <v>19</v>
      </c>
      <c r="AO8" s="313">
        <v>11</v>
      </c>
      <c r="AP8" s="313">
        <v>11</v>
      </c>
      <c r="AQ8" s="313">
        <v>5</v>
      </c>
      <c r="AR8" s="311">
        <v>63</v>
      </c>
      <c r="AS8" s="315">
        <v>70</v>
      </c>
      <c r="AT8" s="310">
        <v>46</v>
      </c>
      <c r="AU8" s="313">
        <v>52</v>
      </c>
      <c r="AV8" s="311">
        <v>98</v>
      </c>
      <c r="AW8" s="312">
        <v>0</v>
      </c>
      <c r="AX8" s="313">
        <v>228</v>
      </c>
      <c r="AY8" s="313">
        <v>263</v>
      </c>
      <c r="AZ8" s="313">
        <v>234</v>
      </c>
      <c r="BA8" s="313">
        <v>242</v>
      </c>
      <c r="BB8" s="313">
        <v>184</v>
      </c>
      <c r="BC8" s="314">
        <v>1151</v>
      </c>
      <c r="BD8" s="315">
        <v>1249</v>
      </c>
      <c r="BE8" s="310">
        <v>0</v>
      </c>
      <c r="BF8" s="313">
        <v>0</v>
      </c>
      <c r="BG8" s="311">
        <v>0</v>
      </c>
      <c r="BH8" s="312">
        <v>0</v>
      </c>
      <c r="BI8" s="313">
        <v>257</v>
      </c>
      <c r="BJ8" s="313">
        <v>159</v>
      </c>
      <c r="BK8" s="313">
        <v>90</v>
      </c>
      <c r="BL8" s="313">
        <v>58</v>
      </c>
      <c r="BM8" s="313">
        <v>22</v>
      </c>
      <c r="BN8" s="311">
        <v>586</v>
      </c>
      <c r="BO8" s="315">
        <v>586</v>
      </c>
      <c r="BP8" s="310">
        <v>7</v>
      </c>
      <c r="BQ8" s="313">
        <v>8</v>
      </c>
      <c r="BR8" s="311">
        <v>15</v>
      </c>
      <c r="BS8" s="312">
        <v>0</v>
      </c>
      <c r="BT8" s="313">
        <v>46</v>
      </c>
      <c r="BU8" s="313">
        <v>53</v>
      </c>
      <c r="BV8" s="313">
        <v>28</v>
      </c>
      <c r="BW8" s="313">
        <v>36</v>
      </c>
      <c r="BX8" s="313">
        <v>10</v>
      </c>
      <c r="BY8" s="311">
        <v>173</v>
      </c>
      <c r="BZ8" s="315">
        <v>188</v>
      </c>
      <c r="CA8" s="310">
        <v>1</v>
      </c>
      <c r="CB8" s="313">
        <v>0</v>
      </c>
      <c r="CC8" s="311">
        <v>1</v>
      </c>
      <c r="CD8" s="312">
        <v>0</v>
      </c>
      <c r="CE8" s="313">
        <v>16</v>
      </c>
      <c r="CF8" s="313">
        <v>19</v>
      </c>
      <c r="CG8" s="313">
        <v>35</v>
      </c>
      <c r="CH8" s="313">
        <v>25</v>
      </c>
      <c r="CI8" s="313">
        <v>14</v>
      </c>
      <c r="CJ8" s="311">
        <v>109</v>
      </c>
      <c r="CK8" s="315">
        <v>110</v>
      </c>
      <c r="CL8" s="310">
        <v>0</v>
      </c>
      <c r="CM8" s="313">
        <v>0</v>
      </c>
      <c r="CN8" s="311">
        <v>0</v>
      </c>
      <c r="CO8" s="312">
        <v>0</v>
      </c>
      <c r="CP8" s="313">
        <v>4</v>
      </c>
      <c r="CQ8" s="313">
        <v>5</v>
      </c>
      <c r="CR8" s="313">
        <v>7</v>
      </c>
      <c r="CS8" s="313">
        <v>7</v>
      </c>
      <c r="CT8" s="313">
        <v>6</v>
      </c>
      <c r="CU8" s="311">
        <v>29</v>
      </c>
      <c r="CV8" s="315">
        <v>29</v>
      </c>
      <c r="CW8" s="310">
        <v>0</v>
      </c>
      <c r="CX8" s="313">
        <v>0</v>
      </c>
      <c r="CY8" s="311">
        <v>0</v>
      </c>
      <c r="CZ8" s="312">
        <v>0</v>
      </c>
      <c r="DA8" s="313">
        <v>0</v>
      </c>
      <c r="DB8" s="313">
        <v>0</v>
      </c>
      <c r="DC8" s="313">
        <v>0</v>
      </c>
      <c r="DD8" s="313">
        <v>0</v>
      </c>
      <c r="DE8" s="313">
        <v>0</v>
      </c>
      <c r="DF8" s="311">
        <v>0</v>
      </c>
      <c r="DG8" s="315">
        <v>0</v>
      </c>
      <c r="DH8" s="310">
        <v>0</v>
      </c>
      <c r="DI8" s="313">
        <v>0</v>
      </c>
      <c r="DJ8" s="311">
        <v>0</v>
      </c>
      <c r="DK8" s="312">
        <v>0</v>
      </c>
      <c r="DL8" s="313">
        <v>0</v>
      </c>
      <c r="DM8" s="313">
        <v>0</v>
      </c>
      <c r="DN8" s="313">
        <v>0</v>
      </c>
      <c r="DO8" s="313">
        <v>0</v>
      </c>
      <c r="DP8" s="313">
        <v>0</v>
      </c>
      <c r="DQ8" s="311">
        <v>0</v>
      </c>
      <c r="DR8" s="315">
        <v>0</v>
      </c>
      <c r="DS8" s="310">
        <v>91</v>
      </c>
      <c r="DT8" s="313">
        <v>155</v>
      </c>
      <c r="DU8" s="311">
        <v>246</v>
      </c>
      <c r="DV8" s="312">
        <v>0</v>
      </c>
      <c r="DW8" s="313">
        <v>328</v>
      </c>
      <c r="DX8" s="313">
        <v>402</v>
      </c>
      <c r="DY8" s="313">
        <v>260</v>
      </c>
      <c r="DZ8" s="313">
        <v>213</v>
      </c>
      <c r="EA8" s="313">
        <v>116</v>
      </c>
      <c r="EB8" s="311">
        <v>1319</v>
      </c>
      <c r="EC8" s="315">
        <v>1565</v>
      </c>
      <c r="ED8" s="310">
        <v>31</v>
      </c>
      <c r="EE8" s="313">
        <v>23</v>
      </c>
      <c r="EF8" s="311">
        <v>54</v>
      </c>
      <c r="EG8" s="312">
        <v>0</v>
      </c>
      <c r="EH8" s="313">
        <v>87</v>
      </c>
      <c r="EI8" s="313">
        <v>86</v>
      </c>
      <c r="EJ8" s="313">
        <v>89</v>
      </c>
      <c r="EK8" s="313">
        <v>106</v>
      </c>
      <c r="EL8" s="313">
        <v>81</v>
      </c>
      <c r="EM8" s="311">
        <v>449</v>
      </c>
      <c r="EN8" s="315">
        <v>503</v>
      </c>
      <c r="EO8" s="310">
        <v>120</v>
      </c>
      <c r="EP8" s="313">
        <v>196</v>
      </c>
      <c r="EQ8" s="311">
        <v>316</v>
      </c>
      <c r="ER8" s="312">
        <v>0</v>
      </c>
      <c r="ES8" s="313">
        <v>707</v>
      </c>
      <c r="ET8" s="313">
        <v>545</v>
      </c>
      <c r="EU8" s="313">
        <v>303</v>
      </c>
      <c r="EV8" s="313">
        <v>233</v>
      </c>
      <c r="EW8" s="313">
        <v>127</v>
      </c>
      <c r="EX8" s="311">
        <v>1915</v>
      </c>
      <c r="EY8" s="315">
        <v>2231</v>
      </c>
    </row>
    <row r="9" spans="1:155" ht="19.5" customHeight="1" x14ac:dyDescent="0.2">
      <c r="A9" s="297" t="s">
        <v>14</v>
      </c>
      <c r="B9" s="310">
        <v>0</v>
      </c>
      <c r="C9" s="313">
        <v>0</v>
      </c>
      <c r="D9" s="441">
        <v>0</v>
      </c>
      <c r="E9" s="312">
        <v>0</v>
      </c>
      <c r="F9" s="313">
        <v>58</v>
      </c>
      <c r="G9" s="313">
        <v>51</v>
      </c>
      <c r="H9" s="313">
        <v>42</v>
      </c>
      <c r="I9" s="313">
        <v>35</v>
      </c>
      <c r="J9" s="313">
        <v>23</v>
      </c>
      <c r="K9" s="314">
        <v>209</v>
      </c>
      <c r="L9" s="315">
        <v>209</v>
      </c>
      <c r="M9" s="310">
        <v>0</v>
      </c>
      <c r="N9" s="313">
        <v>0</v>
      </c>
      <c r="O9" s="311">
        <v>0</v>
      </c>
      <c r="P9" s="312">
        <v>0</v>
      </c>
      <c r="Q9" s="313">
        <v>0</v>
      </c>
      <c r="R9" s="313">
        <v>0</v>
      </c>
      <c r="S9" s="313">
        <v>3</v>
      </c>
      <c r="T9" s="313">
        <v>12</v>
      </c>
      <c r="U9" s="313">
        <v>14</v>
      </c>
      <c r="V9" s="311">
        <v>29</v>
      </c>
      <c r="W9" s="315">
        <v>29</v>
      </c>
      <c r="X9" s="310">
        <v>5</v>
      </c>
      <c r="Y9" s="313">
        <v>23</v>
      </c>
      <c r="Z9" s="311">
        <v>28</v>
      </c>
      <c r="AA9" s="312">
        <v>0</v>
      </c>
      <c r="AB9" s="313">
        <v>38</v>
      </c>
      <c r="AC9" s="313">
        <v>53</v>
      </c>
      <c r="AD9" s="313">
        <v>38</v>
      </c>
      <c r="AE9" s="313">
        <v>40</v>
      </c>
      <c r="AF9" s="313">
        <v>23</v>
      </c>
      <c r="AG9" s="311">
        <v>192</v>
      </c>
      <c r="AH9" s="315">
        <v>220</v>
      </c>
      <c r="AI9" s="310">
        <v>0</v>
      </c>
      <c r="AJ9" s="313">
        <v>3</v>
      </c>
      <c r="AK9" s="311">
        <v>3</v>
      </c>
      <c r="AL9" s="312">
        <v>0</v>
      </c>
      <c r="AM9" s="313">
        <v>1</v>
      </c>
      <c r="AN9" s="313">
        <v>3</v>
      </c>
      <c r="AO9" s="313">
        <v>7</v>
      </c>
      <c r="AP9" s="313">
        <v>3</v>
      </c>
      <c r="AQ9" s="313">
        <v>1</v>
      </c>
      <c r="AR9" s="311">
        <v>15</v>
      </c>
      <c r="AS9" s="315">
        <v>18</v>
      </c>
      <c r="AT9" s="310">
        <v>15</v>
      </c>
      <c r="AU9" s="313">
        <v>23</v>
      </c>
      <c r="AV9" s="311">
        <v>38</v>
      </c>
      <c r="AW9" s="312">
        <v>0</v>
      </c>
      <c r="AX9" s="313">
        <v>64</v>
      </c>
      <c r="AY9" s="313">
        <v>66</v>
      </c>
      <c r="AZ9" s="313">
        <v>69</v>
      </c>
      <c r="BA9" s="313">
        <v>87</v>
      </c>
      <c r="BB9" s="313">
        <v>49</v>
      </c>
      <c r="BC9" s="314">
        <v>335</v>
      </c>
      <c r="BD9" s="315">
        <v>373</v>
      </c>
      <c r="BE9" s="310">
        <v>0</v>
      </c>
      <c r="BF9" s="313">
        <v>0</v>
      </c>
      <c r="BG9" s="311">
        <v>0</v>
      </c>
      <c r="BH9" s="312">
        <v>0</v>
      </c>
      <c r="BI9" s="313">
        <v>89</v>
      </c>
      <c r="BJ9" s="313">
        <v>71</v>
      </c>
      <c r="BK9" s="313">
        <v>49</v>
      </c>
      <c r="BL9" s="313">
        <v>27</v>
      </c>
      <c r="BM9" s="313">
        <v>12</v>
      </c>
      <c r="BN9" s="311">
        <v>248</v>
      </c>
      <c r="BO9" s="315">
        <v>248</v>
      </c>
      <c r="BP9" s="310">
        <v>3</v>
      </c>
      <c r="BQ9" s="313">
        <v>5</v>
      </c>
      <c r="BR9" s="311">
        <v>8</v>
      </c>
      <c r="BS9" s="312">
        <v>0</v>
      </c>
      <c r="BT9" s="313">
        <v>9</v>
      </c>
      <c r="BU9" s="313">
        <v>17</v>
      </c>
      <c r="BV9" s="313">
        <v>9</v>
      </c>
      <c r="BW9" s="313">
        <v>10</v>
      </c>
      <c r="BX9" s="313">
        <v>2</v>
      </c>
      <c r="BY9" s="311">
        <v>47</v>
      </c>
      <c r="BZ9" s="315">
        <v>55</v>
      </c>
      <c r="CA9" s="310">
        <v>1</v>
      </c>
      <c r="CB9" s="313">
        <v>0</v>
      </c>
      <c r="CC9" s="311">
        <v>1</v>
      </c>
      <c r="CD9" s="312">
        <v>0</v>
      </c>
      <c r="CE9" s="313">
        <v>9</v>
      </c>
      <c r="CF9" s="313">
        <v>18</v>
      </c>
      <c r="CG9" s="313">
        <v>16</v>
      </c>
      <c r="CH9" s="313">
        <v>16</v>
      </c>
      <c r="CI9" s="313">
        <v>7</v>
      </c>
      <c r="CJ9" s="311">
        <v>66</v>
      </c>
      <c r="CK9" s="315">
        <v>67</v>
      </c>
      <c r="CL9" s="310">
        <v>0</v>
      </c>
      <c r="CM9" s="313">
        <v>0</v>
      </c>
      <c r="CN9" s="311">
        <v>0</v>
      </c>
      <c r="CO9" s="312">
        <v>0</v>
      </c>
      <c r="CP9" s="313">
        <v>0</v>
      </c>
      <c r="CQ9" s="313">
        <v>1</v>
      </c>
      <c r="CR9" s="313">
        <v>1</v>
      </c>
      <c r="CS9" s="313">
        <v>1</v>
      </c>
      <c r="CT9" s="313">
        <v>1</v>
      </c>
      <c r="CU9" s="311">
        <v>4</v>
      </c>
      <c r="CV9" s="315">
        <v>4</v>
      </c>
      <c r="CW9" s="310">
        <v>0</v>
      </c>
      <c r="CX9" s="313">
        <v>0</v>
      </c>
      <c r="CY9" s="311">
        <v>0</v>
      </c>
      <c r="CZ9" s="312">
        <v>0</v>
      </c>
      <c r="DA9" s="313">
        <v>0</v>
      </c>
      <c r="DB9" s="313">
        <v>0</v>
      </c>
      <c r="DC9" s="313">
        <v>0</v>
      </c>
      <c r="DD9" s="313">
        <v>0</v>
      </c>
      <c r="DE9" s="313">
        <v>0</v>
      </c>
      <c r="DF9" s="311">
        <v>0</v>
      </c>
      <c r="DG9" s="315">
        <v>0</v>
      </c>
      <c r="DH9" s="310">
        <v>0</v>
      </c>
      <c r="DI9" s="313">
        <v>0</v>
      </c>
      <c r="DJ9" s="311">
        <v>0</v>
      </c>
      <c r="DK9" s="312">
        <v>0</v>
      </c>
      <c r="DL9" s="313">
        <v>0</v>
      </c>
      <c r="DM9" s="313">
        <v>0</v>
      </c>
      <c r="DN9" s="313">
        <v>0</v>
      </c>
      <c r="DO9" s="313">
        <v>0</v>
      </c>
      <c r="DP9" s="313">
        <v>0</v>
      </c>
      <c r="DQ9" s="311">
        <v>0</v>
      </c>
      <c r="DR9" s="315">
        <v>0</v>
      </c>
      <c r="DS9" s="310">
        <v>26</v>
      </c>
      <c r="DT9" s="313">
        <v>79</v>
      </c>
      <c r="DU9" s="311">
        <v>105</v>
      </c>
      <c r="DV9" s="312">
        <v>0</v>
      </c>
      <c r="DW9" s="313">
        <v>75</v>
      </c>
      <c r="DX9" s="313">
        <v>150</v>
      </c>
      <c r="DY9" s="313">
        <v>111</v>
      </c>
      <c r="DZ9" s="313">
        <v>93</v>
      </c>
      <c r="EA9" s="313">
        <v>46</v>
      </c>
      <c r="EB9" s="311">
        <v>475</v>
      </c>
      <c r="EC9" s="315">
        <v>580</v>
      </c>
      <c r="ED9" s="310">
        <v>10</v>
      </c>
      <c r="EE9" s="313">
        <v>16</v>
      </c>
      <c r="EF9" s="311">
        <v>26</v>
      </c>
      <c r="EG9" s="312">
        <v>0</v>
      </c>
      <c r="EH9" s="313">
        <v>25</v>
      </c>
      <c r="EI9" s="313">
        <v>29</v>
      </c>
      <c r="EJ9" s="313">
        <v>28</v>
      </c>
      <c r="EK9" s="313">
        <v>30</v>
      </c>
      <c r="EL9" s="313">
        <v>13</v>
      </c>
      <c r="EM9" s="311">
        <v>125</v>
      </c>
      <c r="EN9" s="315">
        <v>151</v>
      </c>
      <c r="EO9" s="310">
        <v>35</v>
      </c>
      <c r="EP9" s="313">
        <v>87</v>
      </c>
      <c r="EQ9" s="311">
        <v>122</v>
      </c>
      <c r="ER9" s="312">
        <v>0</v>
      </c>
      <c r="ES9" s="313">
        <v>199</v>
      </c>
      <c r="ET9" s="313">
        <v>209</v>
      </c>
      <c r="EU9" s="313">
        <v>126</v>
      </c>
      <c r="EV9" s="313">
        <v>102</v>
      </c>
      <c r="EW9" s="313">
        <v>50</v>
      </c>
      <c r="EX9" s="311">
        <v>686</v>
      </c>
      <c r="EY9" s="315">
        <v>808</v>
      </c>
    </row>
    <row r="10" spans="1:155" ht="19.5" customHeight="1" x14ac:dyDescent="0.2">
      <c r="A10" s="297" t="s">
        <v>7</v>
      </c>
      <c r="B10" s="310">
        <v>0</v>
      </c>
      <c r="C10" s="313">
        <v>0</v>
      </c>
      <c r="D10" s="441">
        <v>0</v>
      </c>
      <c r="E10" s="312">
        <v>0</v>
      </c>
      <c r="F10" s="313">
        <v>51</v>
      </c>
      <c r="G10" s="313">
        <v>38</v>
      </c>
      <c r="H10" s="313">
        <v>22</v>
      </c>
      <c r="I10" s="313">
        <v>8</v>
      </c>
      <c r="J10" s="313">
        <v>10</v>
      </c>
      <c r="K10" s="314">
        <v>129</v>
      </c>
      <c r="L10" s="315">
        <v>129</v>
      </c>
      <c r="M10" s="310">
        <v>0</v>
      </c>
      <c r="N10" s="313">
        <v>0</v>
      </c>
      <c r="O10" s="311">
        <v>0</v>
      </c>
      <c r="P10" s="312">
        <v>0</v>
      </c>
      <c r="Q10" s="313">
        <v>3</v>
      </c>
      <c r="R10" s="313">
        <v>2</v>
      </c>
      <c r="S10" s="313">
        <v>1</v>
      </c>
      <c r="T10" s="313">
        <v>1</v>
      </c>
      <c r="U10" s="313">
        <v>7</v>
      </c>
      <c r="V10" s="311">
        <v>14</v>
      </c>
      <c r="W10" s="315">
        <v>14</v>
      </c>
      <c r="X10" s="310">
        <v>0</v>
      </c>
      <c r="Y10" s="313">
        <v>2</v>
      </c>
      <c r="Z10" s="311">
        <v>2</v>
      </c>
      <c r="AA10" s="312">
        <v>0</v>
      </c>
      <c r="AB10" s="313">
        <v>29</v>
      </c>
      <c r="AC10" s="313">
        <v>36</v>
      </c>
      <c r="AD10" s="313">
        <v>10</v>
      </c>
      <c r="AE10" s="313">
        <v>8</v>
      </c>
      <c r="AF10" s="313">
        <v>11</v>
      </c>
      <c r="AG10" s="311">
        <v>94</v>
      </c>
      <c r="AH10" s="315">
        <v>96</v>
      </c>
      <c r="AI10" s="310">
        <v>0</v>
      </c>
      <c r="AJ10" s="313">
        <v>0</v>
      </c>
      <c r="AK10" s="311">
        <v>0</v>
      </c>
      <c r="AL10" s="312">
        <v>0</v>
      </c>
      <c r="AM10" s="313">
        <v>4</v>
      </c>
      <c r="AN10" s="313">
        <v>7</v>
      </c>
      <c r="AO10" s="313">
        <v>2</v>
      </c>
      <c r="AP10" s="313">
        <v>2</v>
      </c>
      <c r="AQ10" s="313">
        <v>1</v>
      </c>
      <c r="AR10" s="311">
        <v>16</v>
      </c>
      <c r="AS10" s="315">
        <v>16</v>
      </c>
      <c r="AT10" s="310">
        <v>14</v>
      </c>
      <c r="AU10" s="313">
        <v>4</v>
      </c>
      <c r="AV10" s="311">
        <v>18</v>
      </c>
      <c r="AW10" s="312">
        <v>0</v>
      </c>
      <c r="AX10" s="313">
        <v>57</v>
      </c>
      <c r="AY10" s="313">
        <v>57</v>
      </c>
      <c r="AZ10" s="313">
        <v>34</v>
      </c>
      <c r="BA10" s="313">
        <v>33</v>
      </c>
      <c r="BB10" s="313">
        <v>25</v>
      </c>
      <c r="BC10" s="314">
        <v>206</v>
      </c>
      <c r="BD10" s="315">
        <v>224</v>
      </c>
      <c r="BE10" s="310">
        <v>0</v>
      </c>
      <c r="BF10" s="313">
        <v>0</v>
      </c>
      <c r="BG10" s="311">
        <v>0</v>
      </c>
      <c r="BH10" s="312">
        <v>0</v>
      </c>
      <c r="BI10" s="313">
        <v>72</v>
      </c>
      <c r="BJ10" s="313">
        <v>43</v>
      </c>
      <c r="BK10" s="313">
        <v>13</v>
      </c>
      <c r="BL10" s="313">
        <v>6</v>
      </c>
      <c r="BM10" s="313">
        <v>4</v>
      </c>
      <c r="BN10" s="311">
        <v>138</v>
      </c>
      <c r="BO10" s="315">
        <v>138</v>
      </c>
      <c r="BP10" s="310">
        <v>1</v>
      </c>
      <c r="BQ10" s="313">
        <v>3</v>
      </c>
      <c r="BR10" s="311">
        <v>4</v>
      </c>
      <c r="BS10" s="312">
        <v>0</v>
      </c>
      <c r="BT10" s="313">
        <v>16</v>
      </c>
      <c r="BU10" s="313">
        <v>11</v>
      </c>
      <c r="BV10" s="313">
        <v>9</v>
      </c>
      <c r="BW10" s="313">
        <v>2</v>
      </c>
      <c r="BX10" s="313">
        <v>2</v>
      </c>
      <c r="BY10" s="311">
        <v>40</v>
      </c>
      <c r="BZ10" s="315">
        <v>44</v>
      </c>
      <c r="CA10" s="310">
        <v>0</v>
      </c>
      <c r="CB10" s="313">
        <v>0</v>
      </c>
      <c r="CC10" s="311">
        <v>0</v>
      </c>
      <c r="CD10" s="312">
        <v>0</v>
      </c>
      <c r="CE10" s="313">
        <v>9</v>
      </c>
      <c r="CF10" s="313">
        <v>5</v>
      </c>
      <c r="CG10" s="313">
        <v>12</v>
      </c>
      <c r="CH10" s="313">
        <v>6</v>
      </c>
      <c r="CI10" s="313">
        <v>2</v>
      </c>
      <c r="CJ10" s="311">
        <v>34</v>
      </c>
      <c r="CK10" s="315">
        <v>34</v>
      </c>
      <c r="CL10" s="310">
        <v>0</v>
      </c>
      <c r="CM10" s="313">
        <v>0</v>
      </c>
      <c r="CN10" s="311">
        <v>0</v>
      </c>
      <c r="CO10" s="312">
        <v>0</v>
      </c>
      <c r="CP10" s="313">
        <v>1</v>
      </c>
      <c r="CQ10" s="313">
        <v>1</v>
      </c>
      <c r="CR10" s="313">
        <v>0</v>
      </c>
      <c r="CS10" s="313">
        <v>0</v>
      </c>
      <c r="CT10" s="313">
        <v>1</v>
      </c>
      <c r="CU10" s="311">
        <v>3</v>
      </c>
      <c r="CV10" s="315">
        <v>3</v>
      </c>
      <c r="CW10" s="310">
        <v>0</v>
      </c>
      <c r="CX10" s="313">
        <v>0</v>
      </c>
      <c r="CY10" s="311">
        <v>0</v>
      </c>
      <c r="CZ10" s="312">
        <v>0</v>
      </c>
      <c r="DA10" s="313">
        <v>0</v>
      </c>
      <c r="DB10" s="313">
        <v>0</v>
      </c>
      <c r="DC10" s="313">
        <v>0</v>
      </c>
      <c r="DD10" s="313">
        <v>0</v>
      </c>
      <c r="DE10" s="313">
        <v>0</v>
      </c>
      <c r="DF10" s="311">
        <v>0</v>
      </c>
      <c r="DG10" s="315">
        <v>0</v>
      </c>
      <c r="DH10" s="310">
        <v>0</v>
      </c>
      <c r="DI10" s="313">
        <v>0</v>
      </c>
      <c r="DJ10" s="311">
        <v>0</v>
      </c>
      <c r="DK10" s="312">
        <v>0</v>
      </c>
      <c r="DL10" s="313">
        <v>0</v>
      </c>
      <c r="DM10" s="313">
        <v>0</v>
      </c>
      <c r="DN10" s="313">
        <v>0</v>
      </c>
      <c r="DO10" s="313">
        <v>0</v>
      </c>
      <c r="DP10" s="313">
        <v>0</v>
      </c>
      <c r="DQ10" s="311">
        <v>0</v>
      </c>
      <c r="DR10" s="315">
        <v>0</v>
      </c>
      <c r="DS10" s="310">
        <v>16</v>
      </c>
      <c r="DT10" s="313">
        <v>24</v>
      </c>
      <c r="DU10" s="311">
        <v>40</v>
      </c>
      <c r="DV10" s="312">
        <v>0</v>
      </c>
      <c r="DW10" s="313">
        <v>79</v>
      </c>
      <c r="DX10" s="313">
        <v>99</v>
      </c>
      <c r="DY10" s="313">
        <v>52</v>
      </c>
      <c r="DZ10" s="313">
        <v>27</v>
      </c>
      <c r="EA10" s="313">
        <v>18</v>
      </c>
      <c r="EB10" s="311">
        <v>275</v>
      </c>
      <c r="EC10" s="315">
        <v>315</v>
      </c>
      <c r="ED10" s="310">
        <v>12</v>
      </c>
      <c r="EE10" s="313">
        <v>5</v>
      </c>
      <c r="EF10" s="311">
        <v>17</v>
      </c>
      <c r="EG10" s="312">
        <v>0</v>
      </c>
      <c r="EH10" s="313">
        <v>29</v>
      </c>
      <c r="EI10" s="313">
        <v>22</v>
      </c>
      <c r="EJ10" s="313">
        <v>23</v>
      </c>
      <c r="EK10" s="313">
        <v>22</v>
      </c>
      <c r="EL10" s="313">
        <v>10</v>
      </c>
      <c r="EM10" s="311">
        <v>106</v>
      </c>
      <c r="EN10" s="315">
        <v>123</v>
      </c>
      <c r="EO10" s="310">
        <v>16</v>
      </c>
      <c r="EP10" s="313">
        <v>27</v>
      </c>
      <c r="EQ10" s="311">
        <v>43</v>
      </c>
      <c r="ER10" s="312">
        <v>0</v>
      </c>
      <c r="ES10" s="313">
        <v>167</v>
      </c>
      <c r="ET10" s="313">
        <v>138</v>
      </c>
      <c r="EU10" s="313">
        <v>60</v>
      </c>
      <c r="EV10" s="313">
        <v>29</v>
      </c>
      <c r="EW10" s="313">
        <v>19</v>
      </c>
      <c r="EX10" s="311">
        <v>413</v>
      </c>
      <c r="EY10" s="315">
        <v>456</v>
      </c>
    </row>
    <row r="11" spans="1:155" ht="19.5" customHeight="1" x14ac:dyDescent="0.2">
      <c r="A11" s="297" t="s">
        <v>8</v>
      </c>
      <c r="B11" s="310">
        <v>0</v>
      </c>
      <c r="C11" s="313">
        <v>0</v>
      </c>
      <c r="D11" s="441">
        <v>0</v>
      </c>
      <c r="E11" s="312">
        <v>0</v>
      </c>
      <c r="F11" s="313">
        <v>16</v>
      </c>
      <c r="G11" s="313">
        <v>29</v>
      </c>
      <c r="H11" s="313">
        <v>8</v>
      </c>
      <c r="I11" s="313">
        <v>10</v>
      </c>
      <c r="J11" s="313">
        <v>7</v>
      </c>
      <c r="K11" s="314">
        <v>70</v>
      </c>
      <c r="L11" s="315">
        <v>70</v>
      </c>
      <c r="M11" s="310">
        <v>0</v>
      </c>
      <c r="N11" s="313">
        <v>0</v>
      </c>
      <c r="O11" s="311">
        <v>0</v>
      </c>
      <c r="P11" s="312">
        <v>0</v>
      </c>
      <c r="Q11" s="313">
        <v>0</v>
      </c>
      <c r="R11" s="313">
        <v>1</v>
      </c>
      <c r="S11" s="313">
        <v>1</v>
      </c>
      <c r="T11" s="313">
        <v>8</v>
      </c>
      <c r="U11" s="313">
        <v>2</v>
      </c>
      <c r="V11" s="311">
        <v>12</v>
      </c>
      <c r="W11" s="315">
        <v>12</v>
      </c>
      <c r="X11" s="310">
        <v>2</v>
      </c>
      <c r="Y11" s="313">
        <v>2</v>
      </c>
      <c r="Z11" s="311">
        <v>4</v>
      </c>
      <c r="AA11" s="312">
        <v>0</v>
      </c>
      <c r="AB11" s="313">
        <v>9</v>
      </c>
      <c r="AC11" s="313">
        <v>12</v>
      </c>
      <c r="AD11" s="313">
        <v>7</v>
      </c>
      <c r="AE11" s="313">
        <v>14</v>
      </c>
      <c r="AF11" s="313">
        <v>4</v>
      </c>
      <c r="AG11" s="311">
        <v>46</v>
      </c>
      <c r="AH11" s="315">
        <v>50</v>
      </c>
      <c r="AI11" s="310">
        <v>0</v>
      </c>
      <c r="AJ11" s="313">
        <v>1</v>
      </c>
      <c r="AK11" s="311">
        <v>1</v>
      </c>
      <c r="AL11" s="312">
        <v>0</v>
      </c>
      <c r="AM11" s="313">
        <v>0</v>
      </c>
      <c r="AN11" s="313">
        <v>3</v>
      </c>
      <c r="AO11" s="313">
        <v>6</v>
      </c>
      <c r="AP11" s="313">
        <v>4</v>
      </c>
      <c r="AQ11" s="313">
        <v>2</v>
      </c>
      <c r="AR11" s="311">
        <v>15</v>
      </c>
      <c r="AS11" s="315">
        <v>16</v>
      </c>
      <c r="AT11" s="310">
        <v>5</v>
      </c>
      <c r="AU11" s="313">
        <v>2</v>
      </c>
      <c r="AV11" s="311">
        <v>7</v>
      </c>
      <c r="AW11" s="312">
        <v>0</v>
      </c>
      <c r="AX11" s="313">
        <v>8</v>
      </c>
      <c r="AY11" s="313">
        <v>24</v>
      </c>
      <c r="AZ11" s="313">
        <v>20</v>
      </c>
      <c r="BA11" s="313">
        <v>29</v>
      </c>
      <c r="BB11" s="313">
        <v>14</v>
      </c>
      <c r="BC11" s="314">
        <v>95</v>
      </c>
      <c r="BD11" s="315">
        <v>102</v>
      </c>
      <c r="BE11" s="310">
        <v>0</v>
      </c>
      <c r="BF11" s="313">
        <v>0</v>
      </c>
      <c r="BG11" s="311">
        <v>0</v>
      </c>
      <c r="BH11" s="312">
        <v>0</v>
      </c>
      <c r="BI11" s="313">
        <v>23</v>
      </c>
      <c r="BJ11" s="313">
        <v>28</v>
      </c>
      <c r="BK11" s="313">
        <v>7</v>
      </c>
      <c r="BL11" s="313">
        <v>11</v>
      </c>
      <c r="BM11" s="313">
        <v>2</v>
      </c>
      <c r="BN11" s="311">
        <v>71</v>
      </c>
      <c r="BO11" s="315">
        <v>71</v>
      </c>
      <c r="BP11" s="310">
        <v>1</v>
      </c>
      <c r="BQ11" s="313">
        <v>4</v>
      </c>
      <c r="BR11" s="311">
        <v>5</v>
      </c>
      <c r="BS11" s="312">
        <v>0</v>
      </c>
      <c r="BT11" s="313">
        <v>15</v>
      </c>
      <c r="BU11" s="313">
        <v>10</v>
      </c>
      <c r="BV11" s="313">
        <v>4</v>
      </c>
      <c r="BW11" s="313">
        <v>4</v>
      </c>
      <c r="BX11" s="313">
        <v>2</v>
      </c>
      <c r="BY11" s="311">
        <v>35</v>
      </c>
      <c r="BZ11" s="315">
        <v>40</v>
      </c>
      <c r="CA11" s="310">
        <v>0</v>
      </c>
      <c r="CB11" s="313">
        <v>0</v>
      </c>
      <c r="CC11" s="311">
        <v>0</v>
      </c>
      <c r="CD11" s="312">
        <v>0</v>
      </c>
      <c r="CE11" s="313">
        <v>3</v>
      </c>
      <c r="CF11" s="313">
        <v>6</v>
      </c>
      <c r="CG11" s="313">
        <v>3</v>
      </c>
      <c r="CH11" s="313">
        <v>6</v>
      </c>
      <c r="CI11" s="313">
        <v>3</v>
      </c>
      <c r="CJ11" s="311">
        <v>21</v>
      </c>
      <c r="CK11" s="315">
        <v>21</v>
      </c>
      <c r="CL11" s="310">
        <v>0</v>
      </c>
      <c r="CM11" s="313">
        <v>0</v>
      </c>
      <c r="CN11" s="311">
        <v>0</v>
      </c>
      <c r="CO11" s="312">
        <v>0</v>
      </c>
      <c r="CP11" s="313">
        <v>0</v>
      </c>
      <c r="CQ11" s="313">
        <v>1</v>
      </c>
      <c r="CR11" s="313">
        <v>1</v>
      </c>
      <c r="CS11" s="313">
        <v>0</v>
      </c>
      <c r="CT11" s="313">
        <v>0</v>
      </c>
      <c r="CU11" s="311">
        <v>2</v>
      </c>
      <c r="CV11" s="315">
        <v>2</v>
      </c>
      <c r="CW11" s="310">
        <v>0</v>
      </c>
      <c r="CX11" s="313">
        <v>0</v>
      </c>
      <c r="CY11" s="311">
        <v>0</v>
      </c>
      <c r="CZ11" s="312">
        <v>0</v>
      </c>
      <c r="DA11" s="313">
        <v>0</v>
      </c>
      <c r="DB11" s="313">
        <v>0</v>
      </c>
      <c r="DC11" s="313">
        <v>0</v>
      </c>
      <c r="DD11" s="313">
        <v>0</v>
      </c>
      <c r="DE11" s="313">
        <v>0</v>
      </c>
      <c r="DF11" s="311">
        <v>0</v>
      </c>
      <c r="DG11" s="315">
        <v>0</v>
      </c>
      <c r="DH11" s="310">
        <v>0</v>
      </c>
      <c r="DI11" s="313">
        <v>0</v>
      </c>
      <c r="DJ11" s="311">
        <v>0</v>
      </c>
      <c r="DK11" s="312">
        <v>0</v>
      </c>
      <c r="DL11" s="313">
        <v>0</v>
      </c>
      <c r="DM11" s="313">
        <v>0</v>
      </c>
      <c r="DN11" s="313">
        <v>0</v>
      </c>
      <c r="DO11" s="313">
        <v>0</v>
      </c>
      <c r="DP11" s="313">
        <v>0</v>
      </c>
      <c r="DQ11" s="311">
        <v>0</v>
      </c>
      <c r="DR11" s="315">
        <v>0</v>
      </c>
      <c r="DS11" s="310">
        <v>12</v>
      </c>
      <c r="DT11" s="313">
        <v>15</v>
      </c>
      <c r="DU11" s="311">
        <v>27</v>
      </c>
      <c r="DV11" s="312">
        <v>0</v>
      </c>
      <c r="DW11" s="313">
        <v>47</v>
      </c>
      <c r="DX11" s="313">
        <v>60</v>
      </c>
      <c r="DY11" s="313">
        <v>25</v>
      </c>
      <c r="DZ11" s="313">
        <v>29</v>
      </c>
      <c r="EA11" s="313">
        <v>10</v>
      </c>
      <c r="EB11" s="311">
        <v>171</v>
      </c>
      <c r="EC11" s="315">
        <v>198</v>
      </c>
      <c r="ED11" s="310">
        <v>5</v>
      </c>
      <c r="EE11" s="313">
        <v>0</v>
      </c>
      <c r="EF11" s="311">
        <v>5</v>
      </c>
      <c r="EG11" s="312">
        <v>0</v>
      </c>
      <c r="EH11" s="313">
        <v>9</v>
      </c>
      <c r="EI11" s="313">
        <v>11</v>
      </c>
      <c r="EJ11" s="313">
        <v>10</v>
      </c>
      <c r="EK11" s="313">
        <v>8</v>
      </c>
      <c r="EL11" s="313">
        <v>9</v>
      </c>
      <c r="EM11" s="311">
        <v>47</v>
      </c>
      <c r="EN11" s="315">
        <v>52</v>
      </c>
      <c r="EO11" s="310">
        <v>13</v>
      </c>
      <c r="EP11" s="313">
        <v>19</v>
      </c>
      <c r="EQ11" s="311">
        <v>32</v>
      </c>
      <c r="ER11" s="312">
        <v>0</v>
      </c>
      <c r="ES11" s="313">
        <v>88</v>
      </c>
      <c r="ET11" s="313">
        <v>86</v>
      </c>
      <c r="EU11" s="313">
        <v>29</v>
      </c>
      <c r="EV11" s="313">
        <v>33</v>
      </c>
      <c r="EW11" s="313">
        <v>10</v>
      </c>
      <c r="EX11" s="311">
        <v>246</v>
      </c>
      <c r="EY11" s="315">
        <v>278</v>
      </c>
    </row>
    <row r="12" spans="1:155" ht="19.5" customHeight="1" x14ac:dyDescent="0.2">
      <c r="A12" s="297" t="s">
        <v>9</v>
      </c>
      <c r="B12" s="310">
        <v>0</v>
      </c>
      <c r="C12" s="313">
        <v>0</v>
      </c>
      <c r="D12" s="441">
        <v>0</v>
      </c>
      <c r="E12" s="312">
        <v>0</v>
      </c>
      <c r="F12" s="313">
        <v>79</v>
      </c>
      <c r="G12" s="313">
        <v>48</v>
      </c>
      <c r="H12" s="313">
        <v>43</v>
      </c>
      <c r="I12" s="313">
        <v>44</v>
      </c>
      <c r="J12" s="313">
        <v>30</v>
      </c>
      <c r="K12" s="314">
        <v>244</v>
      </c>
      <c r="L12" s="315">
        <v>244</v>
      </c>
      <c r="M12" s="310">
        <v>0</v>
      </c>
      <c r="N12" s="313">
        <v>0</v>
      </c>
      <c r="O12" s="311">
        <v>0</v>
      </c>
      <c r="P12" s="312">
        <v>0</v>
      </c>
      <c r="Q12" s="313">
        <v>4</v>
      </c>
      <c r="R12" s="313">
        <v>0</v>
      </c>
      <c r="S12" s="313">
        <v>3</v>
      </c>
      <c r="T12" s="313">
        <v>4</v>
      </c>
      <c r="U12" s="313">
        <v>15</v>
      </c>
      <c r="V12" s="311">
        <v>26</v>
      </c>
      <c r="W12" s="315">
        <v>26</v>
      </c>
      <c r="X12" s="310">
        <v>5</v>
      </c>
      <c r="Y12" s="313">
        <v>9</v>
      </c>
      <c r="Z12" s="311">
        <v>14</v>
      </c>
      <c r="AA12" s="312">
        <v>0</v>
      </c>
      <c r="AB12" s="313">
        <v>43</v>
      </c>
      <c r="AC12" s="313">
        <v>34</v>
      </c>
      <c r="AD12" s="313">
        <v>29</v>
      </c>
      <c r="AE12" s="313">
        <v>29</v>
      </c>
      <c r="AF12" s="313">
        <v>18</v>
      </c>
      <c r="AG12" s="311">
        <v>153</v>
      </c>
      <c r="AH12" s="315">
        <v>167</v>
      </c>
      <c r="AI12" s="310">
        <v>1</v>
      </c>
      <c r="AJ12" s="313">
        <v>0</v>
      </c>
      <c r="AK12" s="311">
        <v>1</v>
      </c>
      <c r="AL12" s="312">
        <v>0</v>
      </c>
      <c r="AM12" s="313">
        <v>9</v>
      </c>
      <c r="AN12" s="313">
        <v>9</v>
      </c>
      <c r="AO12" s="313">
        <v>10</v>
      </c>
      <c r="AP12" s="313">
        <v>7</v>
      </c>
      <c r="AQ12" s="313">
        <v>6</v>
      </c>
      <c r="AR12" s="311">
        <v>41</v>
      </c>
      <c r="AS12" s="315">
        <v>42</v>
      </c>
      <c r="AT12" s="310">
        <v>17</v>
      </c>
      <c r="AU12" s="313">
        <v>6</v>
      </c>
      <c r="AV12" s="311">
        <v>23</v>
      </c>
      <c r="AW12" s="312">
        <v>0</v>
      </c>
      <c r="AX12" s="313">
        <v>48</v>
      </c>
      <c r="AY12" s="313">
        <v>66</v>
      </c>
      <c r="AZ12" s="313">
        <v>58</v>
      </c>
      <c r="BA12" s="313">
        <v>64</v>
      </c>
      <c r="BB12" s="313">
        <v>55</v>
      </c>
      <c r="BC12" s="314">
        <v>291</v>
      </c>
      <c r="BD12" s="315">
        <v>314</v>
      </c>
      <c r="BE12" s="310">
        <v>0</v>
      </c>
      <c r="BF12" s="313">
        <v>0</v>
      </c>
      <c r="BG12" s="311">
        <v>0</v>
      </c>
      <c r="BH12" s="312">
        <v>0</v>
      </c>
      <c r="BI12" s="313">
        <v>49</v>
      </c>
      <c r="BJ12" s="313">
        <v>43</v>
      </c>
      <c r="BK12" s="313">
        <v>24</v>
      </c>
      <c r="BL12" s="313">
        <v>14</v>
      </c>
      <c r="BM12" s="313">
        <v>4</v>
      </c>
      <c r="BN12" s="311">
        <v>134</v>
      </c>
      <c r="BO12" s="315">
        <v>134</v>
      </c>
      <c r="BP12" s="310">
        <v>3</v>
      </c>
      <c r="BQ12" s="313">
        <v>6</v>
      </c>
      <c r="BR12" s="311">
        <v>9</v>
      </c>
      <c r="BS12" s="312">
        <v>0</v>
      </c>
      <c r="BT12" s="313">
        <v>11</v>
      </c>
      <c r="BU12" s="313">
        <v>18</v>
      </c>
      <c r="BV12" s="313">
        <v>10</v>
      </c>
      <c r="BW12" s="313">
        <v>8</v>
      </c>
      <c r="BX12" s="313">
        <v>2</v>
      </c>
      <c r="BY12" s="311">
        <v>49</v>
      </c>
      <c r="BZ12" s="315">
        <v>58</v>
      </c>
      <c r="CA12" s="310">
        <v>0</v>
      </c>
      <c r="CB12" s="313">
        <v>0</v>
      </c>
      <c r="CC12" s="311">
        <v>0</v>
      </c>
      <c r="CD12" s="312">
        <v>0</v>
      </c>
      <c r="CE12" s="313">
        <v>4</v>
      </c>
      <c r="CF12" s="313">
        <v>12</v>
      </c>
      <c r="CG12" s="313">
        <v>9</v>
      </c>
      <c r="CH12" s="313">
        <v>6</v>
      </c>
      <c r="CI12" s="313">
        <v>8</v>
      </c>
      <c r="CJ12" s="311">
        <v>39</v>
      </c>
      <c r="CK12" s="315">
        <v>39</v>
      </c>
      <c r="CL12" s="310">
        <v>0</v>
      </c>
      <c r="CM12" s="313">
        <v>0</v>
      </c>
      <c r="CN12" s="311">
        <v>0</v>
      </c>
      <c r="CO12" s="312">
        <v>0</v>
      </c>
      <c r="CP12" s="313">
        <v>1</v>
      </c>
      <c r="CQ12" s="313">
        <v>1</v>
      </c>
      <c r="CR12" s="313">
        <v>3</v>
      </c>
      <c r="CS12" s="313">
        <v>1</v>
      </c>
      <c r="CT12" s="313">
        <v>2</v>
      </c>
      <c r="CU12" s="311">
        <v>8</v>
      </c>
      <c r="CV12" s="315">
        <v>8</v>
      </c>
      <c r="CW12" s="310">
        <v>0</v>
      </c>
      <c r="CX12" s="313">
        <v>0</v>
      </c>
      <c r="CY12" s="311">
        <v>0</v>
      </c>
      <c r="CZ12" s="312">
        <v>0</v>
      </c>
      <c r="DA12" s="313">
        <v>0</v>
      </c>
      <c r="DB12" s="313">
        <v>0</v>
      </c>
      <c r="DC12" s="313">
        <v>0</v>
      </c>
      <c r="DD12" s="313">
        <v>0</v>
      </c>
      <c r="DE12" s="313">
        <v>0</v>
      </c>
      <c r="DF12" s="311">
        <v>0</v>
      </c>
      <c r="DG12" s="315">
        <v>0</v>
      </c>
      <c r="DH12" s="310">
        <v>0</v>
      </c>
      <c r="DI12" s="313">
        <v>0</v>
      </c>
      <c r="DJ12" s="311">
        <v>0</v>
      </c>
      <c r="DK12" s="312">
        <v>0</v>
      </c>
      <c r="DL12" s="313">
        <v>0</v>
      </c>
      <c r="DM12" s="313">
        <v>0</v>
      </c>
      <c r="DN12" s="313">
        <v>0</v>
      </c>
      <c r="DO12" s="313">
        <v>0</v>
      </c>
      <c r="DP12" s="313">
        <v>0</v>
      </c>
      <c r="DQ12" s="311">
        <v>0</v>
      </c>
      <c r="DR12" s="315">
        <v>0</v>
      </c>
      <c r="DS12" s="310">
        <v>30</v>
      </c>
      <c r="DT12" s="313">
        <v>48</v>
      </c>
      <c r="DU12" s="311">
        <v>78</v>
      </c>
      <c r="DV12" s="312">
        <v>0</v>
      </c>
      <c r="DW12" s="313">
        <v>91</v>
      </c>
      <c r="DX12" s="313">
        <v>110</v>
      </c>
      <c r="DY12" s="313">
        <v>78</v>
      </c>
      <c r="DZ12" s="313">
        <v>56</v>
      </c>
      <c r="EA12" s="313">
        <v>44</v>
      </c>
      <c r="EB12" s="311">
        <v>379</v>
      </c>
      <c r="EC12" s="315">
        <v>457</v>
      </c>
      <c r="ED12" s="310">
        <v>15</v>
      </c>
      <c r="EE12" s="313">
        <v>7</v>
      </c>
      <c r="EF12" s="311">
        <v>22</v>
      </c>
      <c r="EG12" s="312">
        <v>0</v>
      </c>
      <c r="EH12" s="313">
        <v>21</v>
      </c>
      <c r="EI12" s="313">
        <v>22</v>
      </c>
      <c r="EJ12" s="313">
        <v>17</v>
      </c>
      <c r="EK12" s="313">
        <v>25</v>
      </c>
      <c r="EL12" s="313">
        <v>19</v>
      </c>
      <c r="EM12" s="311">
        <v>104</v>
      </c>
      <c r="EN12" s="315">
        <v>126</v>
      </c>
      <c r="EO12" s="310">
        <v>35</v>
      </c>
      <c r="EP12" s="313">
        <v>51</v>
      </c>
      <c r="EQ12" s="311">
        <v>86</v>
      </c>
      <c r="ER12" s="312">
        <v>0</v>
      </c>
      <c r="ES12" s="313">
        <v>178</v>
      </c>
      <c r="ET12" s="313">
        <v>145</v>
      </c>
      <c r="EU12" s="313">
        <v>94</v>
      </c>
      <c r="EV12" s="313">
        <v>61</v>
      </c>
      <c r="EW12" s="313">
        <v>46</v>
      </c>
      <c r="EX12" s="311">
        <v>524</v>
      </c>
      <c r="EY12" s="315">
        <v>610</v>
      </c>
    </row>
    <row r="13" spans="1:155" ht="19.5" customHeight="1" x14ac:dyDescent="0.2">
      <c r="A13" s="297" t="s">
        <v>10</v>
      </c>
      <c r="B13" s="310">
        <v>0</v>
      </c>
      <c r="C13" s="313">
        <v>0</v>
      </c>
      <c r="D13" s="441">
        <v>0</v>
      </c>
      <c r="E13" s="312">
        <v>0</v>
      </c>
      <c r="F13" s="313">
        <v>89</v>
      </c>
      <c r="G13" s="313">
        <v>42</v>
      </c>
      <c r="H13" s="313">
        <v>24</v>
      </c>
      <c r="I13" s="313">
        <v>34</v>
      </c>
      <c r="J13" s="313">
        <v>25</v>
      </c>
      <c r="K13" s="314">
        <v>214</v>
      </c>
      <c r="L13" s="315">
        <v>214</v>
      </c>
      <c r="M13" s="310">
        <v>0</v>
      </c>
      <c r="N13" s="313">
        <v>0</v>
      </c>
      <c r="O13" s="311">
        <v>0</v>
      </c>
      <c r="P13" s="312">
        <v>0</v>
      </c>
      <c r="Q13" s="313">
        <v>1</v>
      </c>
      <c r="R13" s="313">
        <v>2</v>
      </c>
      <c r="S13" s="313">
        <v>1</v>
      </c>
      <c r="T13" s="313">
        <v>2</v>
      </c>
      <c r="U13" s="313">
        <v>11</v>
      </c>
      <c r="V13" s="311">
        <v>17</v>
      </c>
      <c r="W13" s="315">
        <v>17</v>
      </c>
      <c r="X13" s="310">
        <v>11</v>
      </c>
      <c r="Y13" s="313">
        <v>26</v>
      </c>
      <c r="Z13" s="311">
        <v>37</v>
      </c>
      <c r="AA13" s="312">
        <v>0</v>
      </c>
      <c r="AB13" s="313">
        <v>55</v>
      </c>
      <c r="AC13" s="313">
        <v>38</v>
      </c>
      <c r="AD13" s="313">
        <v>24</v>
      </c>
      <c r="AE13" s="313">
        <v>19</v>
      </c>
      <c r="AF13" s="313">
        <v>15</v>
      </c>
      <c r="AG13" s="311">
        <v>151</v>
      </c>
      <c r="AH13" s="315">
        <v>188</v>
      </c>
      <c r="AI13" s="310">
        <v>2</v>
      </c>
      <c r="AJ13" s="313">
        <v>5</v>
      </c>
      <c r="AK13" s="311">
        <v>7</v>
      </c>
      <c r="AL13" s="312">
        <v>0</v>
      </c>
      <c r="AM13" s="313">
        <v>6</v>
      </c>
      <c r="AN13" s="313">
        <v>8</v>
      </c>
      <c r="AO13" s="313">
        <v>6</v>
      </c>
      <c r="AP13" s="313">
        <v>5</v>
      </c>
      <c r="AQ13" s="313">
        <v>3</v>
      </c>
      <c r="AR13" s="311">
        <v>28</v>
      </c>
      <c r="AS13" s="315">
        <v>35</v>
      </c>
      <c r="AT13" s="310">
        <v>17</v>
      </c>
      <c r="AU13" s="313">
        <v>23</v>
      </c>
      <c r="AV13" s="311">
        <v>40</v>
      </c>
      <c r="AW13" s="312">
        <v>0</v>
      </c>
      <c r="AX13" s="313">
        <v>91</v>
      </c>
      <c r="AY13" s="313">
        <v>90</v>
      </c>
      <c r="AZ13" s="313">
        <v>66</v>
      </c>
      <c r="BA13" s="313">
        <v>74</v>
      </c>
      <c r="BB13" s="313">
        <v>69</v>
      </c>
      <c r="BC13" s="314">
        <v>390</v>
      </c>
      <c r="BD13" s="315">
        <v>430</v>
      </c>
      <c r="BE13" s="310">
        <v>0</v>
      </c>
      <c r="BF13" s="313">
        <v>0</v>
      </c>
      <c r="BG13" s="311">
        <v>0</v>
      </c>
      <c r="BH13" s="312">
        <v>0</v>
      </c>
      <c r="BI13" s="313">
        <v>120</v>
      </c>
      <c r="BJ13" s="313">
        <v>68</v>
      </c>
      <c r="BK13" s="313">
        <v>26</v>
      </c>
      <c r="BL13" s="313">
        <v>18</v>
      </c>
      <c r="BM13" s="313">
        <v>4</v>
      </c>
      <c r="BN13" s="311">
        <v>236</v>
      </c>
      <c r="BO13" s="315">
        <v>236</v>
      </c>
      <c r="BP13" s="310">
        <v>6</v>
      </c>
      <c r="BQ13" s="313">
        <v>2</v>
      </c>
      <c r="BR13" s="311">
        <v>8</v>
      </c>
      <c r="BS13" s="312">
        <v>0</v>
      </c>
      <c r="BT13" s="313">
        <v>18</v>
      </c>
      <c r="BU13" s="313">
        <v>8</v>
      </c>
      <c r="BV13" s="313">
        <v>7</v>
      </c>
      <c r="BW13" s="313">
        <v>4</v>
      </c>
      <c r="BX13" s="313">
        <v>2</v>
      </c>
      <c r="BY13" s="311">
        <v>39</v>
      </c>
      <c r="BZ13" s="315">
        <v>47</v>
      </c>
      <c r="CA13" s="310">
        <v>3</v>
      </c>
      <c r="CB13" s="313">
        <v>5</v>
      </c>
      <c r="CC13" s="311">
        <v>8</v>
      </c>
      <c r="CD13" s="312">
        <v>0</v>
      </c>
      <c r="CE13" s="313">
        <v>12</v>
      </c>
      <c r="CF13" s="313">
        <v>5</v>
      </c>
      <c r="CG13" s="313">
        <v>14</v>
      </c>
      <c r="CH13" s="313">
        <v>9</v>
      </c>
      <c r="CI13" s="313">
        <v>4</v>
      </c>
      <c r="CJ13" s="311">
        <v>44</v>
      </c>
      <c r="CK13" s="315">
        <v>52</v>
      </c>
      <c r="CL13" s="310">
        <v>0</v>
      </c>
      <c r="CM13" s="313">
        <v>0</v>
      </c>
      <c r="CN13" s="311">
        <v>0</v>
      </c>
      <c r="CO13" s="312">
        <v>0</v>
      </c>
      <c r="CP13" s="313">
        <v>0</v>
      </c>
      <c r="CQ13" s="313">
        <v>3</v>
      </c>
      <c r="CR13" s="313">
        <v>0</v>
      </c>
      <c r="CS13" s="313">
        <v>1</v>
      </c>
      <c r="CT13" s="313">
        <v>0</v>
      </c>
      <c r="CU13" s="311">
        <v>4</v>
      </c>
      <c r="CV13" s="315">
        <v>4</v>
      </c>
      <c r="CW13" s="310">
        <v>0</v>
      </c>
      <c r="CX13" s="313">
        <v>0</v>
      </c>
      <c r="CY13" s="311">
        <v>0</v>
      </c>
      <c r="CZ13" s="312">
        <v>0</v>
      </c>
      <c r="DA13" s="313">
        <v>0</v>
      </c>
      <c r="DB13" s="313">
        <v>0</v>
      </c>
      <c r="DC13" s="313">
        <v>0</v>
      </c>
      <c r="DD13" s="313">
        <v>0</v>
      </c>
      <c r="DE13" s="313">
        <v>0</v>
      </c>
      <c r="DF13" s="311">
        <v>0</v>
      </c>
      <c r="DG13" s="315">
        <v>0</v>
      </c>
      <c r="DH13" s="310">
        <v>0</v>
      </c>
      <c r="DI13" s="313">
        <v>0</v>
      </c>
      <c r="DJ13" s="311">
        <v>0</v>
      </c>
      <c r="DK13" s="312">
        <v>0</v>
      </c>
      <c r="DL13" s="313">
        <v>0</v>
      </c>
      <c r="DM13" s="313">
        <v>0</v>
      </c>
      <c r="DN13" s="313">
        <v>0</v>
      </c>
      <c r="DO13" s="313">
        <v>0</v>
      </c>
      <c r="DP13" s="313">
        <v>0</v>
      </c>
      <c r="DQ13" s="311">
        <v>0</v>
      </c>
      <c r="DR13" s="315">
        <v>0</v>
      </c>
      <c r="DS13" s="310">
        <v>45</v>
      </c>
      <c r="DT13" s="313">
        <v>81</v>
      </c>
      <c r="DU13" s="311">
        <v>126</v>
      </c>
      <c r="DV13" s="312">
        <v>0</v>
      </c>
      <c r="DW13" s="313">
        <v>133</v>
      </c>
      <c r="DX13" s="313">
        <v>107</v>
      </c>
      <c r="DY13" s="313">
        <v>58</v>
      </c>
      <c r="DZ13" s="313">
        <v>62</v>
      </c>
      <c r="EA13" s="313">
        <v>37</v>
      </c>
      <c r="EB13" s="311">
        <v>397</v>
      </c>
      <c r="EC13" s="315">
        <v>523</v>
      </c>
      <c r="ED13" s="310">
        <v>9</v>
      </c>
      <c r="EE13" s="313">
        <v>9</v>
      </c>
      <c r="EF13" s="311">
        <v>18</v>
      </c>
      <c r="EG13" s="312">
        <v>0</v>
      </c>
      <c r="EH13" s="313">
        <v>32</v>
      </c>
      <c r="EI13" s="313">
        <v>24</v>
      </c>
      <c r="EJ13" s="313">
        <v>22</v>
      </c>
      <c r="EK13" s="313">
        <v>29</v>
      </c>
      <c r="EL13" s="313">
        <v>23</v>
      </c>
      <c r="EM13" s="311">
        <v>130</v>
      </c>
      <c r="EN13" s="315">
        <v>148</v>
      </c>
      <c r="EO13" s="310">
        <v>61</v>
      </c>
      <c r="EP13" s="313">
        <v>100</v>
      </c>
      <c r="EQ13" s="311">
        <v>161</v>
      </c>
      <c r="ER13" s="312">
        <v>0</v>
      </c>
      <c r="ES13" s="313">
        <v>245</v>
      </c>
      <c r="ET13" s="313">
        <v>140</v>
      </c>
      <c r="EU13" s="313">
        <v>68</v>
      </c>
      <c r="EV13" s="313">
        <v>62</v>
      </c>
      <c r="EW13" s="313">
        <v>39</v>
      </c>
      <c r="EX13" s="311">
        <v>554</v>
      </c>
      <c r="EY13" s="315">
        <v>715</v>
      </c>
    </row>
    <row r="14" spans="1:155" ht="19.5" customHeight="1" x14ac:dyDescent="0.2">
      <c r="A14" s="297" t="s">
        <v>11</v>
      </c>
      <c r="B14" s="310">
        <v>0</v>
      </c>
      <c r="C14" s="313">
        <v>0</v>
      </c>
      <c r="D14" s="441">
        <v>0</v>
      </c>
      <c r="E14" s="312">
        <v>0</v>
      </c>
      <c r="F14" s="313">
        <v>19</v>
      </c>
      <c r="G14" s="313">
        <v>8</v>
      </c>
      <c r="H14" s="313">
        <v>10</v>
      </c>
      <c r="I14" s="313">
        <v>7</v>
      </c>
      <c r="J14" s="313">
        <v>8</v>
      </c>
      <c r="K14" s="314">
        <v>52</v>
      </c>
      <c r="L14" s="315">
        <v>52</v>
      </c>
      <c r="M14" s="310">
        <v>0</v>
      </c>
      <c r="N14" s="313">
        <v>0</v>
      </c>
      <c r="O14" s="311">
        <v>0</v>
      </c>
      <c r="P14" s="312">
        <v>0</v>
      </c>
      <c r="Q14" s="313">
        <v>1</v>
      </c>
      <c r="R14" s="313">
        <v>1</v>
      </c>
      <c r="S14" s="313">
        <v>0</v>
      </c>
      <c r="T14" s="313">
        <v>3</v>
      </c>
      <c r="U14" s="313">
        <v>3</v>
      </c>
      <c r="V14" s="311">
        <v>8</v>
      </c>
      <c r="W14" s="315">
        <v>8</v>
      </c>
      <c r="X14" s="310">
        <v>7</v>
      </c>
      <c r="Y14" s="313">
        <v>3</v>
      </c>
      <c r="Z14" s="311">
        <v>10</v>
      </c>
      <c r="AA14" s="312">
        <v>0</v>
      </c>
      <c r="AB14" s="313">
        <v>21</v>
      </c>
      <c r="AC14" s="313">
        <v>7</v>
      </c>
      <c r="AD14" s="313">
        <v>8</v>
      </c>
      <c r="AE14" s="313">
        <v>9</v>
      </c>
      <c r="AF14" s="313">
        <v>10</v>
      </c>
      <c r="AG14" s="311">
        <v>55</v>
      </c>
      <c r="AH14" s="315">
        <v>65</v>
      </c>
      <c r="AI14" s="310">
        <v>0</v>
      </c>
      <c r="AJ14" s="313">
        <v>1</v>
      </c>
      <c r="AK14" s="311">
        <v>1</v>
      </c>
      <c r="AL14" s="312">
        <v>0</v>
      </c>
      <c r="AM14" s="313">
        <v>4</v>
      </c>
      <c r="AN14" s="313">
        <v>1</v>
      </c>
      <c r="AO14" s="313">
        <v>2</v>
      </c>
      <c r="AP14" s="313">
        <v>0</v>
      </c>
      <c r="AQ14" s="313">
        <v>2</v>
      </c>
      <c r="AR14" s="311">
        <v>9</v>
      </c>
      <c r="AS14" s="315">
        <v>10</v>
      </c>
      <c r="AT14" s="310">
        <v>5</v>
      </c>
      <c r="AU14" s="313">
        <v>2</v>
      </c>
      <c r="AV14" s="311">
        <v>7</v>
      </c>
      <c r="AW14" s="312">
        <v>0</v>
      </c>
      <c r="AX14" s="313">
        <v>26</v>
      </c>
      <c r="AY14" s="313">
        <v>11</v>
      </c>
      <c r="AZ14" s="313">
        <v>25</v>
      </c>
      <c r="BA14" s="313">
        <v>22</v>
      </c>
      <c r="BB14" s="313">
        <v>16</v>
      </c>
      <c r="BC14" s="314">
        <v>100</v>
      </c>
      <c r="BD14" s="315">
        <v>107</v>
      </c>
      <c r="BE14" s="310">
        <v>0</v>
      </c>
      <c r="BF14" s="313">
        <v>0</v>
      </c>
      <c r="BG14" s="311">
        <v>0</v>
      </c>
      <c r="BH14" s="312">
        <v>0</v>
      </c>
      <c r="BI14" s="313">
        <v>25</v>
      </c>
      <c r="BJ14" s="313">
        <v>11</v>
      </c>
      <c r="BK14" s="313">
        <v>12</v>
      </c>
      <c r="BL14" s="313">
        <v>6</v>
      </c>
      <c r="BM14" s="313">
        <v>5</v>
      </c>
      <c r="BN14" s="311">
        <v>59</v>
      </c>
      <c r="BO14" s="315">
        <v>59</v>
      </c>
      <c r="BP14" s="310">
        <v>1</v>
      </c>
      <c r="BQ14" s="313">
        <v>4</v>
      </c>
      <c r="BR14" s="311">
        <v>5</v>
      </c>
      <c r="BS14" s="312">
        <v>0</v>
      </c>
      <c r="BT14" s="313">
        <v>12</v>
      </c>
      <c r="BU14" s="313">
        <v>4</v>
      </c>
      <c r="BV14" s="313">
        <v>8</v>
      </c>
      <c r="BW14" s="313">
        <v>4</v>
      </c>
      <c r="BX14" s="313">
        <v>3</v>
      </c>
      <c r="BY14" s="311">
        <v>31</v>
      </c>
      <c r="BZ14" s="315">
        <v>36</v>
      </c>
      <c r="CA14" s="310">
        <v>0</v>
      </c>
      <c r="CB14" s="313">
        <v>0</v>
      </c>
      <c r="CC14" s="311">
        <v>0</v>
      </c>
      <c r="CD14" s="312">
        <v>0</v>
      </c>
      <c r="CE14" s="313">
        <v>1</v>
      </c>
      <c r="CF14" s="313">
        <v>3</v>
      </c>
      <c r="CG14" s="313">
        <v>5</v>
      </c>
      <c r="CH14" s="313">
        <v>5</v>
      </c>
      <c r="CI14" s="313">
        <v>2</v>
      </c>
      <c r="CJ14" s="311">
        <v>16</v>
      </c>
      <c r="CK14" s="315">
        <v>16</v>
      </c>
      <c r="CL14" s="310">
        <v>0</v>
      </c>
      <c r="CM14" s="313">
        <v>0</v>
      </c>
      <c r="CN14" s="311">
        <v>0</v>
      </c>
      <c r="CO14" s="312">
        <v>0</v>
      </c>
      <c r="CP14" s="313">
        <v>1</v>
      </c>
      <c r="CQ14" s="313">
        <v>0</v>
      </c>
      <c r="CR14" s="313">
        <v>3</v>
      </c>
      <c r="CS14" s="313">
        <v>2</v>
      </c>
      <c r="CT14" s="313">
        <v>1</v>
      </c>
      <c r="CU14" s="311">
        <v>7</v>
      </c>
      <c r="CV14" s="315">
        <v>7</v>
      </c>
      <c r="CW14" s="310">
        <v>0</v>
      </c>
      <c r="CX14" s="313">
        <v>0</v>
      </c>
      <c r="CY14" s="311">
        <v>0</v>
      </c>
      <c r="CZ14" s="312">
        <v>0</v>
      </c>
      <c r="DA14" s="313">
        <v>0</v>
      </c>
      <c r="DB14" s="313">
        <v>0</v>
      </c>
      <c r="DC14" s="313">
        <v>0</v>
      </c>
      <c r="DD14" s="313">
        <v>0</v>
      </c>
      <c r="DE14" s="313">
        <v>0</v>
      </c>
      <c r="DF14" s="311">
        <v>0</v>
      </c>
      <c r="DG14" s="315">
        <v>0</v>
      </c>
      <c r="DH14" s="310">
        <v>0</v>
      </c>
      <c r="DI14" s="313">
        <v>0</v>
      </c>
      <c r="DJ14" s="311">
        <v>0</v>
      </c>
      <c r="DK14" s="312">
        <v>0</v>
      </c>
      <c r="DL14" s="313">
        <v>0</v>
      </c>
      <c r="DM14" s="313">
        <v>0</v>
      </c>
      <c r="DN14" s="313">
        <v>0</v>
      </c>
      <c r="DO14" s="313">
        <v>0</v>
      </c>
      <c r="DP14" s="313">
        <v>0</v>
      </c>
      <c r="DQ14" s="311">
        <v>0</v>
      </c>
      <c r="DR14" s="315">
        <v>0</v>
      </c>
      <c r="DS14" s="310">
        <v>15</v>
      </c>
      <c r="DT14" s="313">
        <v>19</v>
      </c>
      <c r="DU14" s="311">
        <v>34</v>
      </c>
      <c r="DV14" s="312">
        <v>0</v>
      </c>
      <c r="DW14" s="313">
        <v>46</v>
      </c>
      <c r="DX14" s="313">
        <v>25</v>
      </c>
      <c r="DY14" s="313">
        <v>27</v>
      </c>
      <c r="DZ14" s="313">
        <v>22</v>
      </c>
      <c r="EA14" s="313">
        <v>13</v>
      </c>
      <c r="EB14" s="311">
        <v>133</v>
      </c>
      <c r="EC14" s="315">
        <v>167</v>
      </c>
      <c r="ED14" s="310">
        <v>4</v>
      </c>
      <c r="EE14" s="313">
        <v>4</v>
      </c>
      <c r="EF14" s="311">
        <v>8</v>
      </c>
      <c r="EG14" s="312">
        <v>0</v>
      </c>
      <c r="EH14" s="313">
        <v>21</v>
      </c>
      <c r="EI14" s="313">
        <v>6</v>
      </c>
      <c r="EJ14" s="313">
        <v>13</v>
      </c>
      <c r="EK14" s="313">
        <v>16</v>
      </c>
      <c r="EL14" s="313">
        <v>8</v>
      </c>
      <c r="EM14" s="311">
        <v>64</v>
      </c>
      <c r="EN14" s="315">
        <v>72</v>
      </c>
      <c r="EO14" s="310">
        <v>19</v>
      </c>
      <c r="EP14" s="313">
        <v>23</v>
      </c>
      <c r="EQ14" s="311">
        <v>42</v>
      </c>
      <c r="ER14" s="312">
        <v>0</v>
      </c>
      <c r="ES14" s="313">
        <v>89</v>
      </c>
      <c r="ET14" s="313">
        <v>33</v>
      </c>
      <c r="EU14" s="313">
        <v>33</v>
      </c>
      <c r="EV14" s="313">
        <v>24</v>
      </c>
      <c r="EW14" s="313">
        <v>12</v>
      </c>
      <c r="EX14" s="311">
        <v>191</v>
      </c>
      <c r="EY14" s="315">
        <v>233</v>
      </c>
    </row>
    <row r="15" spans="1:155" ht="19.5" customHeight="1" x14ac:dyDescent="0.2">
      <c r="A15" s="297" t="s">
        <v>12</v>
      </c>
      <c r="B15" s="310">
        <v>0</v>
      </c>
      <c r="C15" s="313">
        <v>0</v>
      </c>
      <c r="D15" s="441">
        <v>0</v>
      </c>
      <c r="E15" s="312">
        <v>0</v>
      </c>
      <c r="F15" s="313">
        <v>28</v>
      </c>
      <c r="G15" s="313">
        <v>21</v>
      </c>
      <c r="H15" s="313">
        <v>15</v>
      </c>
      <c r="I15" s="313">
        <v>16</v>
      </c>
      <c r="J15" s="313">
        <v>11</v>
      </c>
      <c r="K15" s="314">
        <v>91</v>
      </c>
      <c r="L15" s="315">
        <v>91</v>
      </c>
      <c r="M15" s="310">
        <v>0</v>
      </c>
      <c r="N15" s="313">
        <v>0</v>
      </c>
      <c r="O15" s="311">
        <v>0</v>
      </c>
      <c r="P15" s="312">
        <v>0</v>
      </c>
      <c r="Q15" s="313">
        <v>0</v>
      </c>
      <c r="R15" s="313">
        <v>1</v>
      </c>
      <c r="S15" s="313">
        <v>1</v>
      </c>
      <c r="T15" s="313">
        <v>1</v>
      </c>
      <c r="U15" s="313">
        <v>9</v>
      </c>
      <c r="V15" s="311">
        <v>12</v>
      </c>
      <c r="W15" s="315">
        <v>12</v>
      </c>
      <c r="X15" s="310">
        <v>11</v>
      </c>
      <c r="Y15" s="313">
        <v>15</v>
      </c>
      <c r="Z15" s="311">
        <v>26</v>
      </c>
      <c r="AA15" s="312">
        <v>0</v>
      </c>
      <c r="AB15" s="313">
        <v>19</v>
      </c>
      <c r="AC15" s="313">
        <v>15</v>
      </c>
      <c r="AD15" s="313">
        <v>15</v>
      </c>
      <c r="AE15" s="313">
        <v>11</v>
      </c>
      <c r="AF15" s="313">
        <v>16</v>
      </c>
      <c r="AG15" s="311">
        <v>76</v>
      </c>
      <c r="AH15" s="315">
        <v>102</v>
      </c>
      <c r="AI15" s="310">
        <v>0</v>
      </c>
      <c r="AJ15" s="313">
        <v>0</v>
      </c>
      <c r="AK15" s="311">
        <v>0</v>
      </c>
      <c r="AL15" s="312">
        <v>0</v>
      </c>
      <c r="AM15" s="313">
        <v>0</v>
      </c>
      <c r="AN15" s="313">
        <v>2</v>
      </c>
      <c r="AO15" s="313">
        <v>1</v>
      </c>
      <c r="AP15" s="313">
        <v>0</v>
      </c>
      <c r="AQ15" s="313">
        <v>2</v>
      </c>
      <c r="AR15" s="311">
        <v>5</v>
      </c>
      <c r="AS15" s="315">
        <v>5</v>
      </c>
      <c r="AT15" s="310">
        <v>8</v>
      </c>
      <c r="AU15" s="313">
        <v>8</v>
      </c>
      <c r="AV15" s="311">
        <v>16</v>
      </c>
      <c r="AW15" s="312">
        <v>0</v>
      </c>
      <c r="AX15" s="313">
        <v>20</v>
      </c>
      <c r="AY15" s="313">
        <v>19</v>
      </c>
      <c r="AZ15" s="313">
        <v>26</v>
      </c>
      <c r="BA15" s="313">
        <v>25</v>
      </c>
      <c r="BB15" s="313">
        <v>22</v>
      </c>
      <c r="BC15" s="314">
        <v>112</v>
      </c>
      <c r="BD15" s="315">
        <v>128</v>
      </c>
      <c r="BE15" s="310">
        <v>0</v>
      </c>
      <c r="BF15" s="313">
        <v>0</v>
      </c>
      <c r="BG15" s="311">
        <v>0</v>
      </c>
      <c r="BH15" s="312">
        <v>0</v>
      </c>
      <c r="BI15" s="313">
        <v>42</v>
      </c>
      <c r="BJ15" s="313">
        <v>15</v>
      </c>
      <c r="BK15" s="313">
        <v>10</v>
      </c>
      <c r="BL15" s="313">
        <v>13</v>
      </c>
      <c r="BM15" s="313">
        <v>7</v>
      </c>
      <c r="BN15" s="311">
        <v>87</v>
      </c>
      <c r="BO15" s="315">
        <v>87</v>
      </c>
      <c r="BP15" s="310">
        <v>11</v>
      </c>
      <c r="BQ15" s="313">
        <v>10</v>
      </c>
      <c r="BR15" s="311">
        <v>21</v>
      </c>
      <c r="BS15" s="312">
        <v>0</v>
      </c>
      <c r="BT15" s="313">
        <v>12</v>
      </c>
      <c r="BU15" s="313">
        <v>10</v>
      </c>
      <c r="BV15" s="313">
        <v>11</v>
      </c>
      <c r="BW15" s="313">
        <v>4</v>
      </c>
      <c r="BX15" s="313">
        <v>3</v>
      </c>
      <c r="BY15" s="311">
        <v>40</v>
      </c>
      <c r="BZ15" s="315">
        <v>61</v>
      </c>
      <c r="CA15" s="310">
        <v>0</v>
      </c>
      <c r="CB15" s="313">
        <v>2</v>
      </c>
      <c r="CC15" s="311">
        <v>2</v>
      </c>
      <c r="CD15" s="312">
        <v>0</v>
      </c>
      <c r="CE15" s="313">
        <v>8</v>
      </c>
      <c r="CF15" s="313">
        <v>2</v>
      </c>
      <c r="CG15" s="313">
        <v>8</v>
      </c>
      <c r="CH15" s="313">
        <v>4</v>
      </c>
      <c r="CI15" s="313">
        <v>3</v>
      </c>
      <c r="CJ15" s="311">
        <v>25</v>
      </c>
      <c r="CK15" s="315">
        <v>27</v>
      </c>
      <c r="CL15" s="310">
        <v>0</v>
      </c>
      <c r="CM15" s="313">
        <v>0</v>
      </c>
      <c r="CN15" s="311">
        <v>0</v>
      </c>
      <c r="CO15" s="312">
        <v>0</v>
      </c>
      <c r="CP15" s="313">
        <v>0</v>
      </c>
      <c r="CQ15" s="313">
        <v>0</v>
      </c>
      <c r="CR15" s="313">
        <v>0</v>
      </c>
      <c r="CS15" s="313">
        <v>0</v>
      </c>
      <c r="CT15" s="313">
        <v>1</v>
      </c>
      <c r="CU15" s="311">
        <v>1</v>
      </c>
      <c r="CV15" s="315">
        <v>1</v>
      </c>
      <c r="CW15" s="310">
        <v>0</v>
      </c>
      <c r="CX15" s="313">
        <v>0</v>
      </c>
      <c r="CY15" s="311">
        <v>0</v>
      </c>
      <c r="CZ15" s="312">
        <v>0</v>
      </c>
      <c r="DA15" s="313">
        <v>0</v>
      </c>
      <c r="DB15" s="313">
        <v>0</v>
      </c>
      <c r="DC15" s="313">
        <v>0</v>
      </c>
      <c r="DD15" s="313">
        <v>0</v>
      </c>
      <c r="DE15" s="313">
        <v>0</v>
      </c>
      <c r="DF15" s="311">
        <v>0</v>
      </c>
      <c r="DG15" s="315">
        <v>0</v>
      </c>
      <c r="DH15" s="310">
        <v>0</v>
      </c>
      <c r="DI15" s="313">
        <v>0</v>
      </c>
      <c r="DJ15" s="311">
        <v>0</v>
      </c>
      <c r="DK15" s="312">
        <v>0</v>
      </c>
      <c r="DL15" s="313">
        <v>0</v>
      </c>
      <c r="DM15" s="313">
        <v>0</v>
      </c>
      <c r="DN15" s="313">
        <v>0</v>
      </c>
      <c r="DO15" s="313">
        <v>0</v>
      </c>
      <c r="DP15" s="313">
        <v>0</v>
      </c>
      <c r="DQ15" s="311">
        <v>0</v>
      </c>
      <c r="DR15" s="315">
        <v>0</v>
      </c>
      <c r="DS15" s="310">
        <v>25</v>
      </c>
      <c r="DT15" s="313">
        <v>40</v>
      </c>
      <c r="DU15" s="311">
        <v>65</v>
      </c>
      <c r="DV15" s="312">
        <v>0</v>
      </c>
      <c r="DW15" s="313">
        <v>32</v>
      </c>
      <c r="DX15" s="313">
        <v>55</v>
      </c>
      <c r="DY15" s="313">
        <v>37</v>
      </c>
      <c r="DZ15" s="313">
        <v>34</v>
      </c>
      <c r="EA15" s="313">
        <v>28</v>
      </c>
      <c r="EB15" s="311">
        <v>186</v>
      </c>
      <c r="EC15" s="315">
        <v>251</v>
      </c>
      <c r="ED15" s="310">
        <v>4</v>
      </c>
      <c r="EE15" s="313">
        <v>5</v>
      </c>
      <c r="EF15" s="311">
        <v>9</v>
      </c>
      <c r="EG15" s="312">
        <v>0</v>
      </c>
      <c r="EH15" s="313">
        <v>5</v>
      </c>
      <c r="EI15" s="313">
        <v>5</v>
      </c>
      <c r="EJ15" s="313">
        <v>13</v>
      </c>
      <c r="EK15" s="313">
        <v>12</v>
      </c>
      <c r="EL15" s="313">
        <v>10</v>
      </c>
      <c r="EM15" s="311">
        <v>45</v>
      </c>
      <c r="EN15" s="315">
        <v>54</v>
      </c>
      <c r="EO15" s="310">
        <v>42</v>
      </c>
      <c r="EP15" s="313">
        <v>53</v>
      </c>
      <c r="EQ15" s="311">
        <v>95</v>
      </c>
      <c r="ER15" s="312">
        <v>0</v>
      </c>
      <c r="ES15" s="313">
        <v>97</v>
      </c>
      <c r="ET15" s="313">
        <v>69</v>
      </c>
      <c r="EU15" s="313">
        <v>50</v>
      </c>
      <c r="EV15" s="313">
        <v>32</v>
      </c>
      <c r="EW15" s="313">
        <v>25</v>
      </c>
      <c r="EX15" s="311">
        <v>273</v>
      </c>
      <c r="EY15" s="315">
        <v>368</v>
      </c>
    </row>
    <row r="16" spans="1:155" ht="19.5" customHeight="1" x14ac:dyDescent="0.2">
      <c r="A16" s="297" t="s">
        <v>13</v>
      </c>
      <c r="B16" s="310">
        <v>0</v>
      </c>
      <c r="C16" s="313">
        <v>0</v>
      </c>
      <c r="D16" s="441">
        <v>0</v>
      </c>
      <c r="E16" s="312">
        <v>0</v>
      </c>
      <c r="F16" s="313">
        <v>10</v>
      </c>
      <c r="G16" s="313">
        <v>20</v>
      </c>
      <c r="H16" s="313">
        <v>17</v>
      </c>
      <c r="I16" s="313">
        <v>13</v>
      </c>
      <c r="J16" s="313">
        <v>10</v>
      </c>
      <c r="K16" s="314">
        <v>70</v>
      </c>
      <c r="L16" s="315">
        <v>70</v>
      </c>
      <c r="M16" s="310">
        <v>0</v>
      </c>
      <c r="N16" s="313">
        <v>0</v>
      </c>
      <c r="O16" s="311">
        <v>0</v>
      </c>
      <c r="P16" s="312">
        <v>0</v>
      </c>
      <c r="Q16" s="313">
        <v>0</v>
      </c>
      <c r="R16" s="313">
        <v>0</v>
      </c>
      <c r="S16" s="313">
        <v>1</v>
      </c>
      <c r="T16" s="313">
        <v>2</v>
      </c>
      <c r="U16" s="313">
        <v>0</v>
      </c>
      <c r="V16" s="311">
        <v>3</v>
      </c>
      <c r="W16" s="315">
        <v>3</v>
      </c>
      <c r="X16" s="310">
        <v>2</v>
      </c>
      <c r="Y16" s="313">
        <v>4</v>
      </c>
      <c r="Z16" s="311">
        <v>6</v>
      </c>
      <c r="AA16" s="312">
        <v>0</v>
      </c>
      <c r="AB16" s="313">
        <v>6</v>
      </c>
      <c r="AC16" s="313">
        <v>10</v>
      </c>
      <c r="AD16" s="313">
        <v>13</v>
      </c>
      <c r="AE16" s="313">
        <v>9</v>
      </c>
      <c r="AF16" s="313">
        <v>7</v>
      </c>
      <c r="AG16" s="311">
        <v>45</v>
      </c>
      <c r="AH16" s="315">
        <v>51</v>
      </c>
      <c r="AI16" s="310">
        <v>0</v>
      </c>
      <c r="AJ16" s="313">
        <v>0</v>
      </c>
      <c r="AK16" s="311">
        <v>0</v>
      </c>
      <c r="AL16" s="312">
        <v>0</v>
      </c>
      <c r="AM16" s="313">
        <v>1</v>
      </c>
      <c r="AN16" s="313">
        <v>4</v>
      </c>
      <c r="AO16" s="313">
        <v>4</v>
      </c>
      <c r="AP16" s="313">
        <v>1</v>
      </c>
      <c r="AQ16" s="313">
        <v>2</v>
      </c>
      <c r="AR16" s="311">
        <v>12</v>
      </c>
      <c r="AS16" s="315">
        <v>12</v>
      </c>
      <c r="AT16" s="310">
        <v>6</v>
      </c>
      <c r="AU16" s="313">
        <v>6</v>
      </c>
      <c r="AV16" s="311">
        <v>12</v>
      </c>
      <c r="AW16" s="312">
        <v>0</v>
      </c>
      <c r="AX16" s="313">
        <v>14</v>
      </c>
      <c r="AY16" s="313">
        <v>22</v>
      </c>
      <c r="AZ16" s="313">
        <v>22</v>
      </c>
      <c r="BA16" s="313">
        <v>17</v>
      </c>
      <c r="BB16" s="313">
        <v>12</v>
      </c>
      <c r="BC16" s="314">
        <v>87</v>
      </c>
      <c r="BD16" s="315">
        <v>99</v>
      </c>
      <c r="BE16" s="310">
        <v>0</v>
      </c>
      <c r="BF16" s="313">
        <v>0</v>
      </c>
      <c r="BG16" s="311">
        <v>0</v>
      </c>
      <c r="BH16" s="312">
        <v>0</v>
      </c>
      <c r="BI16" s="313">
        <v>12</v>
      </c>
      <c r="BJ16" s="313">
        <v>21</v>
      </c>
      <c r="BK16" s="313">
        <v>11</v>
      </c>
      <c r="BL16" s="313">
        <v>8</v>
      </c>
      <c r="BM16" s="313">
        <v>2</v>
      </c>
      <c r="BN16" s="311">
        <v>54</v>
      </c>
      <c r="BO16" s="315">
        <v>54</v>
      </c>
      <c r="BP16" s="310">
        <v>0</v>
      </c>
      <c r="BQ16" s="313">
        <v>1</v>
      </c>
      <c r="BR16" s="311">
        <v>1</v>
      </c>
      <c r="BS16" s="312">
        <v>0</v>
      </c>
      <c r="BT16" s="313">
        <v>2</v>
      </c>
      <c r="BU16" s="313">
        <v>3</v>
      </c>
      <c r="BV16" s="313">
        <v>5</v>
      </c>
      <c r="BW16" s="313">
        <v>2</v>
      </c>
      <c r="BX16" s="313">
        <v>0</v>
      </c>
      <c r="BY16" s="311">
        <v>12</v>
      </c>
      <c r="BZ16" s="315">
        <v>13</v>
      </c>
      <c r="CA16" s="310">
        <v>0</v>
      </c>
      <c r="CB16" s="313">
        <v>0</v>
      </c>
      <c r="CC16" s="311">
        <v>0</v>
      </c>
      <c r="CD16" s="312">
        <v>0</v>
      </c>
      <c r="CE16" s="313">
        <v>2</v>
      </c>
      <c r="CF16" s="313">
        <v>1</v>
      </c>
      <c r="CG16" s="313">
        <v>5</v>
      </c>
      <c r="CH16" s="313">
        <v>3</v>
      </c>
      <c r="CI16" s="313">
        <v>1</v>
      </c>
      <c r="CJ16" s="311">
        <v>12</v>
      </c>
      <c r="CK16" s="315">
        <v>12</v>
      </c>
      <c r="CL16" s="310">
        <v>0</v>
      </c>
      <c r="CM16" s="313">
        <v>0</v>
      </c>
      <c r="CN16" s="311">
        <v>0</v>
      </c>
      <c r="CO16" s="312">
        <v>0</v>
      </c>
      <c r="CP16" s="313">
        <v>0</v>
      </c>
      <c r="CQ16" s="313">
        <v>0</v>
      </c>
      <c r="CR16" s="313">
        <v>1</v>
      </c>
      <c r="CS16" s="313">
        <v>1</v>
      </c>
      <c r="CT16" s="313">
        <v>0</v>
      </c>
      <c r="CU16" s="311">
        <v>2</v>
      </c>
      <c r="CV16" s="315">
        <v>2</v>
      </c>
      <c r="CW16" s="310">
        <v>0</v>
      </c>
      <c r="CX16" s="313">
        <v>0</v>
      </c>
      <c r="CY16" s="311">
        <v>0</v>
      </c>
      <c r="CZ16" s="312">
        <v>0</v>
      </c>
      <c r="DA16" s="313">
        <v>0</v>
      </c>
      <c r="DB16" s="313">
        <v>0</v>
      </c>
      <c r="DC16" s="313">
        <v>0</v>
      </c>
      <c r="DD16" s="313">
        <v>0</v>
      </c>
      <c r="DE16" s="313">
        <v>0</v>
      </c>
      <c r="DF16" s="311">
        <v>0</v>
      </c>
      <c r="DG16" s="315">
        <v>0</v>
      </c>
      <c r="DH16" s="310">
        <v>0</v>
      </c>
      <c r="DI16" s="313">
        <v>0</v>
      </c>
      <c r="DJ16" s="311">
        <v>0</v>
      </c>
      <c r="DK16" s="312">
        <v>0</v>
      </c>
      <c r="DL16" s="313">
        <v>0</v>
      </c>
      <c r="DM16" s="313">
        <v>0</v>
      </c>
      <c r="DN16" s="313">
        <v>0</v>
      </c>
      <c r="DO16" s="313">
        <v>0</v>
      </c>
      <c r="DP16" s="313">
        <v>0</v>
      </c>
      <c r="DQ16" s="311">
        <v>0</v>
      </c>
      <c r="DR16" s="315">
        <v>0</v>
      </c>
      <c r="DS16" s="310">
        <v>7</v>
      </c>
      <c r="DT16" s="313">
        <v>16</v>
      </c>
      <c r="DU16" s="311">
        <v>23</v>
      </c>
      <c r="DV16" s="312">
        <v>0</v>
      </c>
      <c r="DW16" s="313">
        <v>9</v>
      </c>
      <c r="DX16" s="313">
        <v>35</v>
      </c>
      <c r="DY16" s="313">
        <v>24</v>
      </c>
      <c r="DZ16" s="313">
        <v>19</v>
      </c>
      <c r="EA16" s="313">
        <v>13</v>
      </c>
      <c r="EB16" s="311">
        <v>100</v>
      </c>
      <c r="EC16" s="315">
        <v>123</v>
      </c>
      <c r="ED16" s="310">
        <v>5</v>
      </c>
      <c r="EE16" s="313">
        <v>4</v>
      </c>
      <c r="EF16" s="311">
        <v>9</v>
      </c>
      <c r="EG16" s="312">
        <v>0</v>
      </c>
      <c r="EH16" s="313">
        <v>12</v>
      </c>
      <c r="EI16" s="313">
        <v>12</v>
      </c>
      <c r="EJ16" s="313">
        <v>10</v>
      </c>
      <c r="EK16" s="313">
        <v>4</v>
      </c>
      <c r="EL16" s="313">
        <v>6</v>
      </c>
      <c r="EM16" s="311">
        <v>44</v>
      </c>
      <c r="EN16" s="315">
        <v>53</v>
      </c>
      <c r="EO16" s="310">
        <v>9</v>
      </c>
      <c r="EP16" s="313">
        <v>19</v>
      </c>
      <c r="EQ16" s="311">
        <v>28</v>
      </c>
      <c r="ER16" s="312">
        <v>0</v>
      </c>
      <c r="ES16" s="313">
        <v>32</v>
      </c>
      <c r="ET16" s="313">
        <v>54</v>
      </c>
      <c r="EU16" s="313">
        <v>37</v>
      </c>
      <c r="EV16" s="313">
        <v>22</v>
      </c>
      <c r="EW16" s="313">
        <v>14</v>
      </c>
      <c r="EX16" s="311">
        <v>159</v>
      </c>
      <c r="EY16" s="315">
        <v>187</v>
      </c>
    </row>
    <row r="17" spans="1:155" ht="19.5" customHeight="1" x14ac:dyDescent="0.2">
      <c r="A17" s="297" t="s">
        <v>15</v>
      </c>
      <c r="B17" s="310">
        <v>0</v>
      </c>
      <c r="C17" s="313">
        <v>0</v>
      </c>
      <c r="D17" s="441">
        <v>0</v>
      </c>
      <c r="E17" s="312">
        <v>0</v>
      </c>
      <c r="F17" s="313">
        <v>5</v>
      </c>
      <c r="G17" s="313">
        <v>4</v>
      </c>
      <c r="H17" s="313">
        <v>0</v>
      </c>
      <c r="I17" s="313">
        <v>4</v>
      </c>
      <c r="J17" s="313">
        <v>3</v>
      </c>
      <c r="K17" s="314">
        <v>16</v>
      </c>
      <c r="L17" s="315">
        <v>16</v>
      </c>
      <c r="M17" s="310">
        <v>0</v>
      </c>
      <c r="N17" s="313">
        <v>0</v>
      </c>
      <c r="O17" s="311">
        <v>0</v>
      </c>
      <c r="P17" s="312">
        <v>0</v>
      </c>
      <c r="Q17" s="313">
        <v>0</v>
      </c>
      <c r="R17" s="313">
        <v>0</v>
      </c>
      <c r="S17" s="313">
        <v>0</v>
      </c>
      <c r="T17" s="313">
        <v>0</v>
      </c>
      <c r="U17" s="313">
        <v>4</v>
      </c>
      <c r="V17" s="311">
        <v>4</v>
      </c>
      <c r="W17" s="315">
        <v>4</v>
      </c>
      <c r="X17" s="310">
        <v>0</v>
      </c>
      <c r="Y17" s="313">
        <v>0</v>
      </c>
      <c r="Z17" s="311">
        <v>0</v>
      </c>
      <c r="AA17" s="312">
        <v>0</v>
      </c>
      <c r="AB17" s="313">
        <v>1</v>
      </c>
      <c r="AC17" s="313">
        <v>2</v>
      </c>
      <c r="AD17" s="313">
        <v>3</v>
      </c>
      <c r="AE17" s="313">
        <v>5</v>
      </c>
      <c r="AF17" s="313">
        <v>4</v>
      </c>
      <c r="AG17" s="311">
        <v>15</v>
      </c>
      <c r="AH17" s="315">
        <v>15</v>
      </c>
      <c r="AI17" s="310">
        <v>0</v>
      </c>
      <c r="AJ17" s="313">
        <v>0</v>
      </c>
      <c r="AK17" s="311">
        <v>0</v>
      </c>
      <c r="AL17" s="312">
        <v>0</v>
      </c>
      <c r="AM17" s="313">
        <v>1</v>
      </c>
      <c r="AN17" s="313">
        <v>0</v>
      </c>
      <c r="AO17" s="313">
        <v>0</v>
      </c>
      <c r="AP17" s="313">
        <v>2</v>
      </c>
      <c r="AQ17" s="313">
        <v>1</v>
      </c>
      <c r="AR17" s="311">
        <v>4</v>
      </c>
      <c r="AS17" s="315">
        <v>4</v>
      </c>
      <c r="AT17" s="310">
        <v>1</v>
      </c>
      <c r="AU17" s="313">
        <v>2</v>
      </c>
      <c r="AV17" s="311">
        <v>3</v>
      </c>
      <c r="AW17" s="312">
        <v>0</v>
      </c>
      <c r="AX17" s="313">
        <v>4</v>
      </c>
      <c r="AY17" s="313">
        <v>4</v>
      </c>
      <c r="AZ17" s="313">
        <v>6</v>
      </c>
      <c r="BA17" s="313">
        <v>3</v>
      </c>
      <c r="BB17" s="313">
        <v>2</v>
      </c>
      <c r="BC17" s="314">
        <v>19</v>
      </c>
      <c r="BD17" s="315">
        <v>22</v>
      </c>
      <c r="BE17" s="310">
        <v>0</v>
      </c>
      <c r="BF17" s="313">
        <v>0</v>
      </c>
      <c r="BG17" s="311">
        <v>0</v>
      </c>
      <c r="BH17" s="312">
        <v>0</v>
      </c>
      <c r="BI17" s="313">
        <v>2</v>
      </c>
      <c r="BJ17" s="313">
        <v>3</v>
      </c>
      <c r="BK17" s="313">
        <v>2</v>
      </c>
      <c r="BL17" s="313">
        <v>3</v>
      </c>
      <c r="BM17" s="313">
        <v>0</v>
      </c>
      <c r="BN17" s="311">
        <v>10</v>
      </c>
      <c r="BO17" s="315">
        <v>10</v>
      </c>
      <c r="BP17" s="310">
        <v>0</v>
      </c>
      <c r="BQ17" s="313">
        <v>1</v>
      </c>
      <c r="BR17" s="311">
        <v>1</v>
      </c>
      <c r="BS17" s="312">
        <v>0</v>
      </c>
      <c r="BT17" s="313">
        <v>2</v>
      </c>
      <c r="BU17" s="313">
        <v>1</v>
      </c>
      <c r="BV17" s="313">
        <v>2</v>
      </c>
      <c r="BW17" s="313">
        <v>1</v>
      </c>
      <c r="BX17" s="313">
        <v>2</v>
      </c>
      <c r="BY17" s="311">
        <v>8</v>
      </c>
      <c r="BZ17" s="315">
        <v>9</v>
      </c>
      <c r="CA17" s="310">
        <v>0</v>
      </c>
      <c r="CB17" s="313">
        <v>0</v>
      </c>
      <c r="CC17" s="311">
        <v>0</v>
      </c>
      <c r="CD17" s="312">
        <v>0</v>
      </c>
      <c r="CE17" s="313">
        <v>0</v>
      </c>
      <c r="CF17" s="313">
        <v>1</v>
      </c>
      <c r="CG17" s="313">
        <v>0</v>
      </c>
      <c r="CH17" s="313">
        <v>4</v>
      </c>
      <c r="CI17" s="313">
        <v>1</v>
      </c>
      <c r="CJ17" s="311">
        <v>6</v>
      </c>
      <c r="CK17" s="315">
        <v>6</v>
      </c>
      <c r="CL17" s="310">
        <v>0</v>
      </c>
      <c r="CM17" s="313">
        <v>0</v>
      </c>
      <c r="CN17" s="311">
        <v>0</v>
      </c>
      <c r="CO17" s="312">
        <v>0</v>
      </c>
      <c r="CP17" s="313">
        <v>0</v>
      </c>
      <c r="CQ17" s="313">
        <v>0</v>
      </c>
      <c r="CR17" s="313">
        <v>0</v>
      </c>
      <c r="CS17" s="313">
        <v>0</v>
      </c>
      <c r="CT17" s="313">
        <v>0</v>
      </c>
      <c r="CU17" s="311">
        <v>0</v>
      </c>
      <c r="CV17" s="315">
        <v>0</v>
      </c>
      <c r="CW17" s="310">
        <v>0</v>
      </c>
      <c r="CX17" s="313">
        <v>0</v>
      </c>
      <c r="CY17" s="311">
        <v>0</v>
      </c>
      <c r="CZ17" s="312">
        <v>0</v>
      </c>
      <c r="DA17" s="313">
        <v>0</v>
      </c>
      <c r="DB17" s="313">
        <v>0</v>
      </c>
      <c r="DC17" s="313">
        <v>0</v>
      </c>
      <c r="DD17" s="313">
        <v>0</v>
      </c>
      <c r="DE17" s="313">
        <v>0</v>
      </c>
      <c r="DF17" s="311">
        <v>0</v>
      </c>
      <c r="DG17" s="315">
        <v>0</v>
      </c>
      <c r="DH17" s="310">
        <v>0</v>
      </c>
      <c r="DI17" s="313">
        <v>0</v>
      </c>
      <c r="DJ17" s="311">
        <v>0</v>
      </c>
      <c r="DK17" s="312">
        <v>0</v>
      </c>
      <c r="DL17" s="313">
        <v>0</v>
      </c>
      <c r="DM17" s="313">
        <v>0</v>
      </c>
      <c r="DN17" s="313">
        <v>0</v>
      </c>
      <c r="DO17" s="313">
        <v>0</v>
      </c>
      <c r="DP17" s="313">
        <v>0</v>
      </c>
      <c r="DQ17" s="311">
        <v>0</v>
      </c>
      <c r="DR17" s="315">
        <v>0</v>
      </c>
      <c r="DS17" s="310">
        <v>0</v>
      </c>
      <c r="DT17" s="313">
        <v>4</v>
      </c>
      <c r="DU17" s="311">
        <v>4</v>
      </c>
      <c r="DV17" s="312">
        <v>0</v>
      </c>
      <c r="DW17" s="313">
        <v>7</v>
      </c>
      <c r="DX17" s="313">
        <v>12</v>
      </c>
      <c r="DY17" s="313">
        <v>6</v>
      </c>
      <c r="DZ17" s="313">
        <v>10</v>
      </c>
      <c r="EA17" s="313">
        <v>7</v>
      </c>
      <c r="EB17" s="311">
        <v>42</v>
      </c>
      <c r="EC17" s="315">
        <v>46</v>
      </c>
      <c r="ED17" s="310">
        <v>1</v>
      </c>
      <c r="EE17" s="313">
        <v>3</v>
      </c>
      <c r="EF17" s="311">
        <v>4</v>
      </c>
      <c r="EG17" s="312">
        <v>0</v>
      </c>
      <c r="EH17" s="313">
        <v>6</v>
      </c>
      <c r="EI17" s="313">
        <v>2</v>
      </c>
      <c r="EJ17" s="313">
        <v>3</v>
      </c>
      <c r="EK17" s="313">
        <v>0</v>
      </c>
      <c r="EL17" s="313">
        <v>0</v>
      </c>
      <c r="EM17" s="311">
        <v>11</v>
      </c>
      <c r="EN17" s="315">
        <v>15</v>
      </c>
      <c r="EO17" s="310">
        <v>0</v>
      </c>
      <c r="EP17" s="313">
        <v>4</v>
      </c>
      <c r="EQ17" s="311">
        <v>4</v>
      </c>
      <c r="ER17" s="312">
        <v>0</v>
      </c>
      <c r="ES17" s="313">
        <v>14</v>
      </c>
      <c r="ET17" s="313">
        <v>16</v>
      </c>
      <c r="EU17" s="313">
        <v>7</v>
      </c>
      <c r="EV17" s="313">
        <v>11</v>
      </c>
      <c r="EW17" s="313">
        <v>6</v>
      </c>
      <c r="EX17" s="311">
        <v>54</v>
      </c>
      <c r="EY17" s="315">
        <v>58</v>
      </c>
    </row>
    <row r="18" spans="1:155" ht="19.5" customHeight="1" x14ac:dyDescent="0.2">
      <c r="A18" s="297" t="s">
        <v>16</v>
      </c>
      <c r="B18" s="310">
        <v>0</v>
      </c>
      <c r="C18" s="313">
        <v>0</v>
      </c>
      <c r="D18" s="441">
        <v>0</v>
      </c>
      <c r="E18" s="312">
        <v>0</v>
      </c>
      <c r="F18" s="313">
        <v>10</v>
      </c>
      <c r="G18" s="313">
        <v>14</v>
      </c>
      <c r="H18" s="313">
        <v>6</v>
      </c>
      <c r="I18" s="313">
        <v>5</v>
      </c>
      <c r="J18" s="313">
        <v>4</v>
      </c>
      <c r="K18" s="314">
        <v>39</v>
      </c>
      <c r="L18" s="315">
        <v>39</v>
      </c>
      <c r="M18" s="310">
        <v>0</v>
      </c>
      <c r="N18" s="313">
        <v>0</v>
      </c>
      <c r="O18" s="311">
        <v>0</v>
      </c>
      <c r="P18" s="312">
        <v>0</v>
      </c>
      <c r="Q18" s="313">
        <v>0</v>
      </c>
      <c r="R18" s="313">
        <v>1</v>
      </c>
      <c r="S18" s="313">
        <v>1</v>
      </c>
      <c r="T18" s="313">
        <v>0</v>
      </c>
      <c r="U18" s="313">
        <v>2</v>
      </c>
      <c r="V18" s="311">
        <v>4</v>
      </c>
      <c r="W18" s="315">
        <v>4</v>
      </c>
      <c r="X18" s="310">
        <v>3</v>
      </c>
      <c r="Y18" s="313">
        <v>2</v>
      </c>
      <c r="Z18" s="311">
        <v>5</v>
      </c>
      <c r="AA18" s="312">
        <v>0</v>
      </c>
      <c r="AB18" s="313">
        <v>8</v>
      </c>
      <c r="AC18" s="313">
        <v>14</v>
      </c>
      <c r="AD18" s="313">
        <v>10</v>
      </c>
      <c r="AE18" s="313">
        <v>4</v>
      </c>
      <c r="AF18" s="313">
        <v>2</v>
      </c>
      <c r="AG18" s="311">
        <v>38</v>
      </c>
      <c r="AH18" s="315">
        <v>43</v>
      </c>
      <c r="AI18" s="310">
        <v>0</v>
      </c>
      <c r="AJ18" s="313">
        <v>1</v>
      </c>
      <c r="AK18" s="311">
        <v>1</v>
      </c>
      <c r="AL18" s="312">
        <v>0</v>
      </c>
      <c r="AM18" s="313">
        <v>0</v>
      </c>
      <c r="AN18" s="313">
        <v>0</v>
      </c>
      <c r="AO18" s="313">
        <v>2</v>
      </c>
      <c r="AP18" s="313">
        <v>0</v>
      </c>
      <c r="AQ18" s="313">
        <v>0</v>
      </c>
      <c r="AR18" s="311">
        <v>2</v>
      </c>
      <c r="AS18" s="315">
        <v>3</v>
      </c>
      <c r="AT18" s="310">
        <v>5</v>
      </c>
      <c r="AU18" s="313">
        <v>0</v>
      </c>
      <c r="AV18" s="311">
        <v>5</v>
      </c>
      <c r="AW18" s="312">
        <v>0</v>
      </c>
      <c r="AX18" s="313">
        <v>13</v>
      </c>
      <c r="AY18" s="313">
        <v>13</v>
      </c>
      <c r="AZ18" s="313">
        <v>7</v>
      </c>
      <c r="BA18" s="313">
        <v>13</v>
      </c>
      <c r="BB18" s="313">
        <v>10</v>
      </c>
      <c r="BC18" s="314">
        <v>56</v>
      </c>
      <c r="BD18" s="315">
        <v>61</v>
      </c>
      <c r="BE18" s="310">
        <v>0</v>
      </c>
      <c r="BF18" s="313">
        <v>0</v>
      </c>
      <c r="BG18" s="311">
        <v>0</v>
      </c>
      <c r="BH18" s="312">
        <v>0</v>
      </c>
      <c r="BI18" s="313">
        <v>18</v>
      </c>
      <c r="BJ18" s="313">
        <v>22</v>
      </c>
      <c r="BK18" s="313">
        <v>7</v>
      </c>
      <c r="BL18" s="313">
        <v>5</v>
      </c>
      <c r="BM18" s="313">
        <v>2</v>
      </c>
      <c r="BN18" s="311">
        <v>54</v>
      </c>
      <c r="BO18" s="315">
        <v>54</v>
      </c>
      <c r="BP18" s="310">
        <v>5</v>
      </c>
      <c r="BQ18" s="313">
        <v>4</v>
      </c>
      <c r="BR18" s="311">
        <v>9</v>
      </c>
      <c r="BS18" s="312">
        <v>0</v>
      </c>
      <c r="BT18" s="313">
        <v>11</v>
      </c>
      <c r="BU18" s="313">
        <v>16</v>
      </c>
      <c r="BV18" s="313">
        <v>6</v>
      </c>
      <c r="BW18" s="313">
        <v>0</v>
      </c>
      <c r="BX18" s="313">
        <v>0</v>
      </c>
      <c r="BY18" s="311">
        <v>33</v>
      </c>
      <c r="BZ18" s="315">
        <v>42</v>
      </c>
      <c r="CA18" s="310">
        <v>0</v>
      </c>
      <c r="CB18" s="313">
        <v>0</v>
      </c>
      <c r="CC18" s="311">
        <v>0</v>
      </c>
      <c r="CD18" s="312">
        <v>0</v>
      </c>
      <c r="CE18" s="313">
        <v>2</v>
      </c>
      <c r="CF18" s="313">
        <v>4</v>
      </c>
      <c r="CG18" s="313">
        <v>2</v>
      </c>
      <c r="CH18" s="313">
        <v>0</v>
      </c>
      <c r="CI18" s="313">
        <v>1</v>
      </c>
      <c r="CJ18" s="311">
        <v>9</v>
      </c>
      <c r="CK18" s="315">
        <v>9</v>
      </c>
      <c r="CL18" s="310">
        <v>0</v>
      </c>
      <c r="CM18" s="313">
        <v>0</v>
      </c>
      <c r="CN18" s="311">
        <v>0</v>
      </c>
      <c r="CO18" s="312">
        <v>0</v>
      </c>
      <c r="CP18" s="313">
        <v>0</v>
      </c>
      <c r="CQ18" s="313">
        <v>1</v>
      </c>
      <c r="CR18" s="313">
        <v>1</v>
      </c>
      <c r="CS18" s="313">
        <v>0</v>
      </c>
      <c r="CT18" s="313">
        <v>0</v>
      </c>
      <c r="CU18" s="311">
        <v>2</v>
      </c>
      <c r="CV18" s="315">
        <v>2</v>
      </c>
      <c r="CW18" s="310">
        <v>0</v>
      </c>
      <c r="CX18" s="313">
        <v>0</v>
      </c>
      <c r="CY18" s="311">
        <v>0</v>
      </c>
      <c r="CZ18" s="312">
        <v>0</v>
      </c>
      <c r="DA18" s="313">
        <v>0</v>
      </c>
      <c r="DB18" s="313">
        <v>0</v>
      </c>
      <c r="DC18" s="313">
        <v>0</v>
      </c>
      <c r="DD18" s="313">
        <v>0</v>
      </c>
      <c r="DE18" s="313">
        <v>0</v>
      </c>
      <c r="DF18" s="311">
        <v>0</v>
      </c>
      <c r="DG18" s="315">
        <v>0</v>
      </c>
      <c r="DH18" s="310">
        <v>0</v>
      </c>
      <c r="DI18" s="313">
        <v>0</v>
      </c>
      <c r="DJ18" s="311">
        <v>0</v>
      </c>
      <c r="DK18" s="312">
        <v>0</v>
      </c>
      <c r="DL18" s="313">
        <v>0</v>
      </c>
      <c r="DM18" s="313">
        <v>0</v>
      </c>
      <c r="DN18" s="313">
        <v>0</v>
      </c>
      <c r="DO18" s="313">
        <v>0</v>
      </c>
      <c r="DP18" s="313">
        <v>0</v>
      </c>
      <c r="DQ18" s="311">
        <v>0</v>
      </c>
      <c r="DR18" s="315">
        <v>0</v>
      </c>
      <c r="DS18" s="310">
        <v>7</v>
      </c>
      <c r="DT18" s="313">
        <v>14</v>
      </c>
      <c r="DU18" s="311">
        <v>21</v>
      </c>
      <c r="DV18" s="312">
        <v>0</v>
      </c>
      <c r="DW18" s="313">
        <v>23</v>
      </c>
      <c r="DX18" s="313">
        <v>45</v>
      </c>
      <c r="DY18" s="313">
        <v>21</v>
      </c>
      <c r="DZ18" s="313">
        <v>7</v>
      </c>
      <c r="EA18" s="313">
        <v>8</v>
      </c>
      <c r="EB18" s="311">
        <v>104</v>
      </c>
      <c r="EC18" s="315">
        <v>125</v>
      </c>
      <c r="ED18" s="310">
        <v>6</v>
      </c>
      <c r="EE18" s="313">
        <v>0</v>
      </c>
      <c r="EF18" s="311">
        <v>6</v>
      </c>
      <c r="EG18" s="312">
        <v>0</v>
      </c>
      <c r="EH18" s="313">
        <v>12</v>
      </c>
      <c r="EI18" s="313">
        <v>9</v>
      </c>
      <c r="EJ18" s="313">
        <v>1</v>
      </c>
      <c r="EK18" s="313">
        <v>12</v>
      </c>
      <c r="EL18" s="313">
        <v>6</v>
      </c>
      <c r="EM18" s="311">
        <v>40</v>
      </c>
      <c r="EN18" s="315">
        <v>46</v>
      </c>
      <c r="EO18" s="310">
        <v>12</v>
      </c>
      <c r="EP18" s="313">
        <v>20</v>
      </c>
      <c r="EQ18" s="311">
        <v>32</v>
      </c>
      <c r="ER18" s="312">
        <v>0</v>
      </c>
      <c r="ES18" s="313">
        <v>50</v>
      </c>
      <c r="ET18" s="313">
        <v>63</v>
      </c>
      <c r="EU18" s="313">
        <v>27</v>
      </c>
      <c r="EV18" s="313">
        <v>10</v>
      </c>
      <c r="EW18" s="313">
        <v>8</v>
      </c>
      <c r="EX18" s="311">
        <v>158</v>
      </c>
      <c r="EY18" s="315">
        <v>190</v>
      </c>
    </row>
    <row r="19" spans="1:155" ht="19.5" customHeight="1" x14ac:dyDescent="0.2">
      <c r="A19" s="297" t="s">
        <v>17</v>
      </c>
      <c r="B19" s="310">
        <v>0</v>
      </c>
      <c r="C19" s="313">
        <v>0</v>
      </c>
      <c r="D19" s="441">
        <v>0</v>
      </c>
      <c r="E19" s="312">
        <v>0</v>
      </c>
      <c r="F19" s="313">
        <v>7</v>
      </c>
      <c r="G19" s="313">
        <v>18</v>
      </c>
      <c r="H19" s="313">
        <v>17</v>
      </c>
      <c r="I19" s="313">
        <v>5</v>
      </c>
      <c r="J19" s="313">
        <v>3</v>
      </c>
      <c r="K19" s="314">
        <v>50</v>
      </c>
      <c r="L19" s="315">
        <v>50</v>
      </c>
      <c r="M19" s="310">
        <v>0</v>
      </c>
      <c r="N19" s="313">
        <v>0</v>
      </c>
      <c r="O19" s="311">
        <v>0</v>
      </c>
      <c r="P19" s="312">
        <v>0</v>
      </c>
      <c r="Q19" s="313">
        <v>0</v>
      </c>
      <c r="R19" s="313">
        <v>4</v>
      </c>
      <c r="S19" s="313">
        <v>0</v>
      </c>
      <c r="T19" s="313">
        <v>4</v>
      </c>
      <c r="U19" s="313">
        <v>5</v>
      </c>
      <c r="V19" s="311">
        <v>13</v>
      </c>
      <c r="W19" s="315">
        <v>13</v>
      </c>
      <c r="X19" s="310">
        <v>5</v>
      </c>
      <c r="Y19" s="313">
        <v>7</v>
      </c>
      <c r="Z19" s="311">
        <v>12</v>
      </c>
      <c r="AA19" s="312">
        <v>0</v>
      </c>
      <c r="AB19" s="313">
        <v>12</v>
      </c>
      <c r="AC19" s="313">
        <v>18</v>
      </c>
      <c r="AD19" s="313">
        <v>14</v>
      </c>
      <c r="AE19" s="313">
        <v>9</v>
      </c>
      <c r="AF19" s="313">
        <v>7</v>
      </c>
      <c r="AG19" s="311">
        <v>60</v>
      </c>
      <c r="AH19" s="315">
        <v>72</v>
      </c>
      <c r="AI19" s="310">
        <v>0</v>
      </c>
      <c r="AJ19" s="313">
        <v>0</v>
      </c>
      <c r="AK19" s="311">
        <v>0</v>
      </c>
      <c r="AL19" s="312">
        <v>0</v>
      </c>
      <c r="AM19" s="313">
        <v>0</v>
      </c>
      <c r="AN19" s="313">
        <v>2</v>
      </c>
      <c r="AO19" s="313">
        <v>3</v>
      </c>
      <c r="AP19" s="313">
        <v>2</v>
      </c>
      <c r="AQ19" s="313">
        <v>0</v>
      </c>
      <c r="AR19" s="311">
        <v>7</v>
      </c>
      <c r="AS19" s="315">
        <v>7</v>
      </c>
      <c r="AT19" s="310">
        <v>2</v>
      </c>
      <c r="AU19" s="313">
        <v>7</v>
      </c>
      <c r="AV19" s="311">
        <v>9</v>
      </c>
      <c r="AW19" s="312">
        <v>0</v>
      </c>
      <c r="AX19" s="313">
        <v>19</v>
      </c>
      <c r="AY19" s="313">
        <v>28</v>
      </c>
      <c r="AZ19" s="313">
        <v>18</v>
      </c>
      <c r="BA19" s="313">
        <v>29</v>
      </c>
      <c r="BB19" s="313">
        <v>16</v>
      </c>
      <c r="BC19" s="314">
        <v>110</v>
      </c>
      <c r="BD19" s="315">
        <v>119</v>
      </c>
      <c r="BE19" s="310">
        <v>0</v>
      </c>
      <c r="BF19" s="313">
        <v>0</v>
      </c>
      <c r="BG19" s="311">
        <v>0</v>
      </c>
      <c r="BH19" s="312">
        <v>0</v>
      </c>
      <c r="BI19" s="313">
        <v>21</v>
      </c>
      <c r="BJ19" s="313">
        <v>38</v>
      </c>
      <c r="BK19" s="313">
        <v>18</v>
      </c>
      <c r="BL19" s="313">
        <v>8</v>
      </c>
      <c r="BM19" s="313">
        <v>1</v>
      </c>
      <c r="BN19" s="311">
        <v>86</v>
      </c>
      <c r="BO19" s="315">
        <v>86</v>
      </c>
      <c r="BP19" s="310">
        <v>1</v>
      </c>
      <c r="BQ19" s="313">
        <v>7</v>
      </c>
      <c r="BR19" s="311">
        <v>8</v>
      </c>
      <c r="BS19" s="312">
        <v>0</v>
      </c>
      <c r="BT19" s="313">
        <v>8</v>
      </c>
      <c r="BU19" s="313">
        <v>4</v>
      </c>
      <c r="BV19" s="313">
        <v>8</v>
      </c>
      <c r="BW19" s="313">
        <v>2</v>
      </c>
      <c r="BX19" s="313">
        <v>0</v>
      </c>
      <c r="BY19" s="311">
        <v>22</v>
      </c>
      <c r="BZ19" s="315">
        <v>30</v>
      </c>
      <c r="CA19" s="310">
        <v>0</v>
      </c>
      <c r="CB19" s="313">
        <v>0</v>
      </c>
      <c r="CC19" s="311">
        <v>0</v>
      </c>
      <c r="CD19" s="312">
        <v>0</v>
      </c>
      <c r="CE19" s="313">
        <v>3</v>
      </c>
      <c r="CF19" s="313">
        <v>4</v>
      </c>
      <c r="CG19" s="313">
        <v>6</v>
      </c>
      <c r="CH19" s="313">
        <v>5</v>
      </c>
      <c r="CI19" s="313">
        <v>0</v>
      </c>
      <c r="CJ19" s="311">
        <v>18</v>
      </c>
      <c r="CK19" s="315">
        <v>18</v>
      </c>
      <c r="CL19" s="310">
        <v>0</v>
      </c>
      <c r="CM19" s="313">
        <v>0</v>
      </c>
      <c r="CN19" s="311">
        <v>0</v>
      </c>
      <c r="CO19" s="312">
        <v>0</v>
      </c>
      <c r="CP19" s="313">
        <v>0</v>
      </c>
      <c r="CQ19" s="313">
        <v>1</v>
      </c>
      <c r="CR19" s="313">
        <v>2</v>
      </c>
      <c r="CS19" s="313">
        <v>0</v>
      </c>
      <c r="CT19" s="313">
        <v>0</v>
      </c>
      <c r="CU19" s="311">
        <v>3</v>
      </c>
      <c r="CV19" s="315">
        <v>3</v>
      </c>
      <c r="CW19" s="310">
        <v>0</v>
      </c>
      <c r="CX19" s="313">
        <v>0</v>
      </c>
      <c r="CY19" s="311">
        <v>0</v>
      </c>
      <c r="CZ19" s="312">
        <v>0</v>
      </c>
      <c r="DA19" s="313">
        <v>0</v>
      </c>
      <c r="DB19" s="313">
        <v>0</v>
      </c>
      <c r="DC19" s="313">
        <v>0</v>
      </c>
      <c r="DD19" s="313">
        <v>0</v>
      </c>
      <c r="DE19" s="313">
        <v>0</v>
      </c>
      <c r="DF19" s="311">
        <v>0</v>
      </c>
      <c r="DG19" s="315">
        <v>0</v>
      </c>
      <c r="DH19" s="310">
        <v>0</v>
      </c>
      <c r="DI19" s="313">
        <v>0</v>
      </c>
      <c r="DJ19" s="311">
        <v>0</v>
      </c>
      <c r="DK19" s="312">
        <v>0</v>
      </c>
      <c r="DL19" s="313">
        <v>0</v>
      </c>
      <c r="DM19" s="313">
        <v>0</v>
      </c>
      <c r="DN19" s="313">
        <v>0</v>
      </c>
      <c r="DO19" s="313">
        <v>0</v>
      </c>
      <c r="DP19" s="313">
        <v>0</v>
      </c>
      <c r="DQ19" s="311">
        <v>0</v>
      </c>
      <c r="DR19" s="315">
        <v>0</v>
      </c>
      <c r="DS19" s="310">
        <v>16</v>
      </c>
      <c r="DT19" s="313">
        <v>22</v>
      </c>
      <c r="DU19" s="311">
        <v>38</v>
      </c>
      <c r="DV19" s="312">
        <v>0</v>
      </c>
      <c r="DW19" s="313">
        <v>24</v>
      </c>
      <c r="DX19" s="313">
        <v>66</v>
      </c>
      <c r="DY19" s="313">
        <v>42</v>
      </c>
      <c r="DZ19" s="313">
        <v>27</v>
      </c>
      <c r="EA19" s="313">
        <v>12</v>
      </c>
      <c r="EB19" s="311">
        <v>171</v>
      </c>
      <c r="EC19" s="315">
        <v>209</v>
      </c>
      <c r="ED19" s="310">
        <v>2</v>
      </c>
      <c r="EE19" s="313">
        <v>4</v>
      </c>
      <c r="EF19" s="311">
        <v>6</v>
      </c>
      <c r="EG19" s="312">
        <v>0</v>
      </c>
      <c r="EH19" s="313">
        <v>10</v>
      </c>
      <c r="EI19" s="313">
        <v>7</v>
      </c>
      <c r="EJ19" s="313">
        <v>5</v>
      </c>
      <c r="EK19" s="313">
        <v>16</v>
      </c>
      <c r="EL19" s="313">
        <v>6</v>
      </c>
      <c r="EM19" s="311">
        <v>44</v>
      </c>
      <c r="EN19" s="315">
        <v>50</v>
      </c>
      <c r="EO19" s="310">
        <v>20</v>
      </c>
      <c r="EP19" s="313">
        <v>28</v>
      </c>
      <c r="EQ19" s="311">
        <v>48</v>
      </c>
      <c r="ER19" s="312">
        <v>0</v>
      </c>
      <c r="ES19" s="313">
        <v>59</v>
      </c>
      <c r="ET19" s="313">
        <v>84</v>
      </c>
      <c r="EU19" s="313">
        <v>51</v>
      </c>
      <c r="EV19" s="313">
        <v>28</v>
      </c>
      <c r="EW19" s="313">
        <v>14</v>
      </c>
      <c r="EX19" s="311">
        <v>236</v>
      </c>
      <c r="EY19" s="315">
        <v>284</v>
      </c>
    </row>
    <row r="20" spans="1:155" ht="19.5" customHeight="1" x14ac:dyDescent="0.2">
      <c r="A20" s="297" t="s">
        <v>18</v>
      </c>
      <c r="B20" s="310">
        <v>0</v>
      </c>
      <c r="C20" s="313">
        <v>0</v>
      </c>
      <c r="D20" s="441">
        <v>0</v>
      </c>
      <c r="E20" s="312">
        <v>0</v>
      </c>
      <c r="F20" s="313">
        <v>21</v>
      </c>
      <c r="G20" s="313">
        <v>35</v>
      </c>
      <c r="H20" s="313">
        <v>18</v>
      </c>
      <c r="I20" s="313">
        <v>12</v>
      </c>
      <c r="J20" s="313">
        <v>10</v>
      </c>
      <c r="K20" s="314">
        <v>96</v>
      </c>
      <c r="L20" s="315">
        <v>96</v>
      </c>
      <c r="M20" s="310">
        <v>0</v>
      </c>
      <c r="N20" s="313">
        <v>0</v>
      </c>
      <c r="O20" s="311">
        <v>0</v>
      </c>
      <c r="P20" s="312">
        <v>0</v>
      </c>
      <c r="Q20" s="313">
        <v>0</v>
      </c>
      <c r="R20" s="313">
        <v>2</v>
      </c>
      <c r="S20" s="313">
        <v>1</v>
      </c>
      <c r="T20" s="313">
        <v>5</v>
      </c>
      <c r="U20" s="313">
        <v>4</v>
      </c>
      <c r="V20" s="311">
        <v>12</v>
      </c>
      <c r="W20" s="315">
        <v>12</v>
      </c>
      <c r="X20" s="310">
        <v>6</v>
      </c>
      <c r="Y20" s="313">
        <v>6</v>
      </c>
      <c r="Z20" s="311">
        <v>12</v>
      </c>
      <c r="AA20" s="312">
        <v>0</v>
      </c>
      <c r="AB20" s="313">
        <v>15</v>
      </c>
      <c r="AC20" s="313">
        <v>33</v>
      </c>
      <c r="AD20" s="313">
        <v>15</v>
      </c>
      <c r="AE20" s="313">
        <v>22</v>
      </c>
      <c r="AF20" s="313">
        <v>7</v>
      </c>
      <c r="AG20" s="311">
        <v>92</v>
      </c>
      <c r="AH20" s="315">
        <v>104</v>
      </c>
      <c r="AI20" s="310">
        <v>0</v>
      </c>
      <c r="AJ20" s="313">
        <v>1</v>
      </c>
      <c r="AK20" s="311">
        <v>1</v>
      </c>
      <c r="AL20" s="312">
        <v>0</v>
      </c>
      <c r="AM20" s="313">
        <v>3</v>
      </c>
      <c r="AN20" s="313">
        <v>4</v>
      </c>
      <c r="AO20" s="313">
        <v>1</v>
      </c>
      <c r="AP20" s="313">
        <v>1</v>
      </c>
      <c r="AQ20" s="313">
        <v>1</v>
      </c>
      <c r="AR20" s="311">
        <v>10</v>
      </c>
      <c r="AS20" s="315">
        <v>11</v>
      </c>
      <c r="AT20" s="310">
        <v>6</v>
      </c>
      <c r="AU20" s="313">
        <v>4</v>
      </c>
      <c r="AV20" s="311">
        <v>10</v>
      </c>
      <c r="AW20" s="312">
        <v>0</v>
      </c>
      <c r="AX20" s="313">
        <v>23</v>
      </c>
      <c r="AY20" s="313">
        <v>33</v>
      </c>
      <c r="AZ20" s="313">
        <v>23</v>
      </c>
      <c r="BA20" s="313">
        <v>31</v>
      </c>
      <c r="BB20" s="313">
        <v>29</v>
      </c>
      <c r="BC20" s="314">
        <v>139</v>
      </c>
      <c r="BD20" s="315">
        <v>149</v>
      </c>
      <c r="BE20" s="310">
        <v>0</v>
      </c>
      <c r="BF20" s="313">
        <v>0</v>
      </c>
      <c r="BG20" s="311">
        <v>0</v>
      </c>
      <c r="BH20" s="312">
        <v>0</v>
      </c>
      <c r="BI20" s="313">
        <v>28</v>
      </c>
      <c r="BJ20" s="313">
        <v>47</v>
      </c>
      <c r="BK20" s="313">
        <v>16</v>
      </c>
      <c r="BL20" s="313">
        <v>11</v>
      </c>
      <c r="BM20" s="313">
        <v>2</v>
      </c>
      <c r="BN20" s="311">
        <v>104</v>
      </c>
      <c r="BO20" s="315">
        <v>104</v>
      </c>
      <c r="BP20" s="310">
        <v>4</v>
      </c>
      <c r="BQ20" s="313">
        <v>3</v>
      </c>
      <c r="BR20" s="311">
        <v>7</v>
      </c>
      <c r="BS20" s="312">
        <v>0</v>
      </c>
      <c r="BT20" s="313">
        <v>6</v>
      </c>
      <c r="BU20" s="313">
        <v>15</v>
      </c>
      <c r="BV20" s="313">
        <v>9</v>
      </c>
      <c r="BW20" s="313">
        <v>5</v>
      </c>
      <c r="BX20" s="313">
        <v>2</v>
      </c>
      <c r="BY20" s="311">
        <v>37</v>
      </c>
      <c r="BZ20" s="315">
        <v>44</v>
      </c>
      <c r="CA20" s="310">
        <v>0</v>
      </c>
      <c r="CB20" s="313">
        <v>0</v>
      </c>
      <c r="CC20" s="311">
        <v>0</v>
      </c>
      <c r="CD20" s="312">
        <v>0</v>
      </c>
      <c r="CE20" s="313">
        <v>4</v>
      </c>
      <c r="CF20" s="313">
        <v>9</v>
      </c>
      <c r="CG20" s="313">
        <v>7</v>
      </c>
      <c r="CH20" s="313">
        <v>9</v>
      </c>
      <c r="CI20" s="313">
        <v>3</v>
      </c>
      <c r="CJ20" s="311">
        <v>32</v>
      </c>
      <c r="CK20" s="315">
        <v>32</v>
      </c>
      <c r="CL20" s="310">
        <v>0</v>
      </c>
      <c r="CM20" s="313">
        <v>0</v>
      </c>
      <c r="CN20" s="311">
        <v>0</v>
      </c>
      <c r="CO20" s="312">
        <v>0</v>
      </c>
      <c r="CP20" s="313">
        <v>0</v>
      </c>
      <c r="CQ20" s="313">
        <v>0</v>
      </c>
      <c r="CR20" s="313">
        <v>1</v>
      </c>
      <c r="CS20" s="313">
        <v>0</v>
      </c>
      <c r="CT20" s="313">
        <v>0</v>
      </c>
      <c r="CU20" s="311">
        <v>1</v>
      </c>
      <c r="CV20" s="315">
        <v>1</v>
      </c>
      <c r="CW20" s="310">
        <v>0</v>
      </c>
      <c r="CX20" s="313">
        <v>0</v>
      </c>
      <c r="CY20" s="311">
        <v>0</v>
      </c>
      <c r="CZ20" s="312">
        <v>0</v>
      </c>
      <c r="DA20" s="313">
        <v>0</v>
      </c>
      <c r="DB20" s="313">
        <v>0</v>
      </c>
      <c r="DC20" s="313">
        <v>0</v>
      </c>
      <c r="DD20" s="313">
        <v>0</v>
      </c>
      <c r="DE20" s="313">
        <v>0</v>
      </c>
      <c r="DF20" s="311">
        <v>0</v>
      </c>
      <c r="DG20" s="315">
        <v>0</v>
      </c>
      <c r="DH20" s="310">
        <v>0</v>
      </c>
      <c r="DI20" s="313">
        <v>0</v>
      </c>
      <c r="DJ20" s="311">
        <v>0</v>
      </c>
      <c r="DK20" s="312">
        <v>0</v>
      </c>
      <c r="DL20" s="313">
        <v>0</v>
      </c>
      <c r="DM20" s="313">
        <v>0</v>
      </c>
      <c r="DN20" s="313">
        <v>0</v>
      </c>
      <c r="DO20" s="313">
        <v>0</v>
      </c>
      <c r="DP20" s="313">
        <v>0</v>
      </c>
      <c r="DQ20" s="311">
        <v>0</v>
      </c>
      <c r="DR20" s="315">
        <v>0</v>
      </c>
      <c r="DS20" s="310">
        <v>10</v>
      </c>
      <c r="DT20" s="313">
        <v>25</v>
      </c>
      <c r="DU20" s="311">
        <v>35</v>
      </c>
      <c r="DV20" s="312">
        <v>0</v>
      </c>
      <c r="DW20" s="313">
        <v>36</v>
      </c>
      <c r="DX20" s="313">
        <v>72</v>
      </c>
      <c r="DY20" s="313">
        <v>28</v>
      </c>
      <c r="DZ20" s="313">
        <v>32</v>
      </c>
      <c r="EA20" s="313">
        <v>18</v>
      </c>
      <c r="EB20" s="311">
        <v>186</v>
      </c>
      <c r="EC20" s="315">
        <v>221</v>
      </c>
      <c r="ED20" s="310">
        <v>3</v>
      </c>
      <c r="EE20" s="313">
        <v>0</v>
      </c>
      <c r="EF20" s="311">
        <v>3</v>
      </c>
      <c r="EG20" s="312">
        <v>0</v>
      </c>
      <c r="EH20" s="313">
        <v>13</v>
      </c>
      <c r="EI20" s="313">
        <v>11</v>
      </c>
      <c r="EJ20" s="313">
        <v>10</v>
      </c>
      <c r="EK20" s="313">
        <v>12</v>
      </c>
      <c r="EL20" s="313">
        <v>13</v>
      </c>
      <c r="EM20" s="311">
        <v>59</v>
      </c>
      <c r="EN20" s="315">
        <v>62</v>
      </c>
      <c r="EO20" s="310">
        <v>17</v>
      </c>
      <c r="EP20" s="313">
        <v>31</v>
      </c>
      <c r="EQ20" s="311">
        <v>48</v>
      </c>
      <c r="ER20" s="312">
        <v>0</v>
      </c>
      <c r="ES20" s="313">
        <v>87</v>
      </c>
      <c r="ET20" s="313">
        <v>114</v>
      </c>
      <c r="EU20" s="313">
        <v>42</v>
      </c>
      <c r="EV20" s="313">
        <v>33</v>
      </c>
      <c r="EW20" s="313">
        <v>16</v>
      </c>
      <c r="EX20" s="311">
        <v>292</v>
      </c>
      <c r="EY20" s="315">
        <v>340</v>
      </c>
    </row>
    <row r="21" spans="1:155" ht="19.5" customHeight="1" x14ac:dyDescent="0.2">
      <c r="A21" s="297" t="s">
        <v>19</v>
      </c>
      <c r="B21" s="310">
        <v>0</v>
      </c>
      <c r="C21" s="313">
        <v>0</v>
      </c>
      <c r="D21" s="441">
        <v>0</v>
      </c>
      <c r="E21" s="312">
        <v>0</v>
      </c>
      <c r="F21" s="313">
        <v>5</v>
      </c>
      <c r="G21" s="313">
        <v>10</v>
      </c>
      <c r="H21" s="313">
        <v>5</v>
      </c>
      <c r="I21" s="313">
        <v>3</v>
      </c>
      <c r="J21" s="313">
        <v>2</v>
      </c>
      <c r="K21" s="314">
        <v>25</v>
      </c>
      <c r="L21" s="315">
        <v>25</v>
      </c>
      <c r="M21" s="310">
        <v>0</v>
      </c>
      <c r="N21" s="313">
        <v>0</v>
      </c>
      <c r="O21" s="311">
        <v>0</v>
      </c>
      <c r="P21" s="312">
        <v>0</v>
      </c>
      <c r="Q21" s="313">
        <v>0</v>
      </c>
      <c r="R21" s="313">
        <v>0</v>
      </c>
      <c r="S21" s="313">
        <v>1</v>
      </c>
      <c r="T21" s="313">
        <v>1</v>
      </c>
      <c r="U21" s="313">
        <v>1</v>
      </c>
      <c r="V21" s="311">
        <v>3</v>
      </c>
      <c r="W21" s="315">
        <v>3</v>
      </c>
      <c r="X21" s="310">
        <v>2</v>
      </c>
      <c r="Y21" s="313">
        <v>3</v>
      </c>
      <c r="Z21" s="311">
        <v>5</v>
      </c>
      <c r="AA21" s="312">
        <v>0</v>
      </c>
      <c r="AB21" s="313">
        <v>12</v>
      </c>
      <c r="AC21" s="313">
        <v>11</v>
      </c>
      <c r="AD21" s="313">
        <v>6</v>
      </c>
      <c r="AE21" s="313">
        <v>5</v>
      </c>
      <c r="AF21" s="313">
        <v>4</v>
      </c>
      <c r="AG21" s="311">
        <v>38</v>
      </c>
      <c r="AH21" s="315">
        <v>43</v>
      </c>
      <c r="AI21" s="310">
        <v>0</v>
      </c>
      <c r="AJ21" s="313">
        <v>1</v>
      </c>
      <c r="AK21" s="311">
        <v>1</v>
      </c>
      <c r="AL21" s="312">
        <v>0</v>
      </c>
      <c r="AM21" s="313">
        <v>1</v>
      </c>
      <c r="AN21" s="313">
        <v>1</v>
      </c>
      <c r="AO21" s="313">
        <v>2</v>
      </c>
      <c r="AP21" s="313">
        <v>0</v>
      </c>
      <c r="AQ21" s="313">
        <v>0</v>
      </c>
      <c r="AR21" s="311">
        <v>4</v>
      </c>
      <c r="AS21" s="315">
        <v>5</v>
      </c>
      <c r="AT21" s="310">
        <v>2</v>
      </c>
      <c r="AU21" s="313">
        <v>4</v>
      </c>
      <c r="AV21" s="311">
        <v>6</v>
      </c>
      <c r="AW21" s="312">
        <v>0</v>
      </c>
      <c r="AX21" s="313">
        <v>8</v>
      </c>
      <c r="AY21" s="313">
        <v>9</v>
      </c>
      <c r="AZ21" s="313">
        <v>15</v>
      </c>
      <c r="BA21" s="313">
        <v>7</v>
      </c>
      <c r="BB21" s="313">
        <v>7</v>
      </c>
      <c r="BC21" s="314">
        <v>46</v>
      </c>
      <c r="BD21" s="315">
        <v>52</v>
      </c>
      <c r="BE21" s="310">
        <v>0</v>
      </c>
      <c r="BF21" s="313">
        <v>0</v>
      </c>
      <c r="BG21" s="311">
        <v>0</v>
      </c>
      <c r="BH21" s="312">
        <v>0</v>
      </c>
      <c r="BI21" s="313">
        <v>17</v>
      </c>
      <c r="BJ21" s="313">
        <v>6</v>
      </c>
      <c r="BK21" s="313">
        <v>5</v>
      </c>
      <c r="BL21" s="313">
        <v>1</v>
      </c>
      <c r="BM21" s="313">
        <v>3</v>
      </c>
      <c r="BN21" s="311">
        <v>32</v>
      </c>
      <c r="BO21" s="315">
        <v>32</v>
      </c>
      <c r="BP21" s="310">
        <v>0</v>
      </c>
      <c r="BQ21" s="313">
        <v>3</v>
      </c>
      <c r="BR21" s="311">
        <v>3</v>
      </c>
      <c r="BS21" s="312">
        <v>0</v>
      </c>
      <c r="BT21" s="313">
        <v>6</v>
      </c>
      <c r="BU21" s="313">
        <v>3</v>
      </c>
      <c r="BV21" s="313">
        <v>5</v>
      </c>
      <c r="BW21" s="313">
        <v>5</v>
      </c>
      <c r="BX21" s="313">
        <v>1</v>
      </c>
      <c r="BY21" s="311">
        <v>20</v>
      </c>
      <c r="BZ21" s="315">
        <v>23</v>
      </c>
      <c r="CA21" s="310">
        <v>0</v>
      </c>
      <c r="CB21" s="313">
        <v>1</v>
      </c>
      <c r="CC21" s="311">
        <v>1</v>
      </c>
      <c r="CD21" s="312">
        <v>0</v>
      </c>
      <c r="CE21" s="313">
        <v>0</v>
      </c>
      <c r="CF21" s="313">
        <v>2</v>
      </c>
      <c r="CG21" s="313">
        <v>3</v>
      </c>
      <c r="CH21" s="313">
        <v>0</v>
      </c>
      <c r="CI21" s="313">
        <v>0</v>
      </c>
      <c r="CJ21" s="311">
        <v>5</v>
      </c>
      <c r="CK21" s="315">
        <v>6</v>
      </c>
      <c r="CL21" s="310">
        <v>0</v>
      </c>
      <c r="CM21" s="313">
        <v>0</v>
      </c>
      <c r="CN21" s="311">
        <v>0</v>
      </c>
      <c r="CO21" s="312">
        <v>0</v>
      </c>
      <c r="CP21" s="313">
        <v>0</v>
      </c>
      <c r="CQ21" s="313">
        <v>0</v>
      </c>
      <c r="CR21" s="313">
        <v>0</v>
      </c>
      <c r="CS21" s="313">
        <v>2</v>
      </c>
      <c r="CT21" s="313">
        <v>1</v>
      </c>
      <c r="CU21" s="311">
        <v>3</v>
      </c>
      <c r="CV21" s="315">
        <v>3</v>
      </c>
      <c r="CW21" s="310">
        <v>0</v>
      </c>
      <c r="CX21" s="313">
        <v>0</v>
      </c>
      <c r="CY21" s="311">
        <v>0</v>
      </c>
      <c r="CZ21" s="312">
        <v>0</v>
      </c>
      <c r="DA21" s="313">
        <v>0</v>
      </c>
      <c r="DB21" s="313">
        <v>0</v>
      </c>
      <c r="DC21" s="313">
        <v>0</v>
      </c>
      <c r="DD21" s="313">
        <v>0</v>
      </c>
      <c r="DE21" s="313">
        <v>0</v>
      </c>
      <c r="DF21" s="311">
        <v>0</v>
      </c>
      <c r="DG21" s="315">
        <v>0</v>
      </c>
      <c r="DH21" s="310">
        <v>0</v>
      </c>
      <c r="DI21" s="313">
        <v>0</v>
      </c>
      <c r="DJ21" s="311">
        <v>0</v>
      </c>
      <c r="DK21" s="312">
        <v>0</v>
      </c>
      <c r="DL21" s="313">
        <v>0</v>
      </c>
      <c r="DM21" s="313">
        <v>0</v>
      </c>
      <c r="DN21" s="313">
        <v>0</v>
      </c>
      <c r="DO21" s="313">
        <v>0</v>
      </c>
      <c r="DP21" s="313">
        <v>0</v>
      </c>
      <c r="DQ21" s="311">
        <v>0</v>
      </c>
      <c r="DR21" s="315">
        <v>0</v>
      </c>
      <c r="DS21" s="310">
        <v>5</v>
      </c>
      <c r="DT21" s="313">
        <v>10</v>
      </c>
      <c r="DU21" s="311">
        <v>15</v>
      </c>
      <c r="DV21" s="312">
        <v>0</v>
      </c>
      <c r="DW21" s="313">
        <v>16</v>
      </c>
      <c r="DX21" s="313">
        <v>22</v>
      </c>
      <c r="DY21" s="313">
        <v>18</v>
      </c>
      <c r="DZ21" s="313">
        <v>10</v>
      </c>
      <c r="EA21" s="313">
        <v>7</v>
      </c>
      <c r="EB21" s="311">
        <v>73</v>
      </c>
      <c r="EC21" s="315">
        <v>88</v>
      </c>
      <c r="ED21" s="310">
        <v>1</v>
      </c>
      <c r="EE21" s="313">
        <v>4</v>
      </c>
      <c r="EF21" s="311">
        <v>5</v>
      </c>
      <c r="EG21" s="312">
        <v>0</v>
      </c>
      <c r="EH21" s="313">
        <v>8</v>
      </c>
      <c r="EI21" s="313">
        <v>3</v>
      </c>
      <c r="EJ21" s="313">
        <v>8</v>
      </c>
      <c r="EK21" s="313">
        <v>1</v>
      </c>
      <c r="EL21" s="313">
        <v>3</v>
      </c>
      <c r="EM21" s="311">
        <v>23</v>
      </c>
      <c r="EN21" s="315">
        <v>28</v>
      </c>
      <c r="EO21" s="310">
        <v>7</v>
      </c>
      <c r="EP21" s="313">
        <v>14</v>
      </c>
      <c r="EQ21" s="311">
        <v>21</v>
      </c>
      <c r="ER21" s="312">
        <v>0</v>
      </c>
      <c r="ES21" s="313">
        <v>36</v>
      </c>
      <c r="ET21" s="313">
        <v>29</v>
      </c>
      <c r="EU21" s="313">
        <v>20</v>
      </c>
      <c r="EV21" s="313">
        <v>9</v>
      </c>
      <c r="EW21" s="313">
        <v>6</v>
      </c>
      <c r="EX21" s="311">
        <v>100</v>
      </c>
      <c r="EY21" s="315">
        <v>121</v>
      </c>
    </row>
    <row r="22" spans="1:155" ht="19.5" customHeight="1" x14ac:dyDescent="0.2">
      <c r="A22" s="297" t="s">
        <v>20</v>
      </c>
      <c r="B22" s="310">
        <v>0</v>
      </c>
      <c r="C22" s="313">
        <v>0</v>
      </c>
      <c r="D22" s="441">
        <v>0</v>
      </c>
      <c r="E22" s="312">
        <v>0</v>
      </c>
      <c r="F22" s="313">
        <v>17</v>
      </c>
      <c r="G22" s="313">
        <v>8</v>
      </c>
      <c r="H22" s="313">
        <v>3</v>
      </c>
      <c r="I22" s="313">
        <v>6</v>
      </c>
      <c r="J22" s="313">
        <v>4</v>
      </c>
      <c r="K22" s="314">
        <v>38</v>
      </c>
      <c r="L22" s="315">
        <v>38</v>
      </c>
      <c r="M22" s="310">
        <v>0</v>
      </c>
      <c r="N22" s="313">
        <v>0</v>
      </c>
      <c r="O22" s="311">
        <v>0</v>
      </c>
      <c r="P22" s="312">
        <v>0</v>
      </c>
      <c r="Q22" s="313">
        <v>1</v>
      </c>
      <c r="R22" s="313">
        <v>0</v>
      </c>
      <c r="S22" s="313">
        <v>2</v>
      </c>
      <c r="T22" s="313">
        <v>0</v>
      </c>
      <c r="U22" s="313">
        <v>2</v>
      </c>
      <c r="V22" s="311">
        <v>5</v>
      </c>
      <c r="W22" s="315">
        <v>5</v>
      </c>
      <c r="X22" s="310">
        <v>2</v>
      </c>
      <c r="Y22" s="313">
        <v>6</v>
      </c>
      <c r="Z22" s="311">
        <v>8</v>
      </c>
      <c r="AA22" s="312">
        <v>0</v>
      </c>
      <c r="AB22" s="313">
        <v>17</v>
      </c>
      <c r="AC22" s="313">
        <v>8</v>
      </c>
      <c r="AD22" s="313">
        <v>8</v>
      </c>
      <c r="AE22" s="313">
        <v>3</v>
      </c>
      <c r="AF22" s="313">
        <v>1</v>
      </c>
      <c r="AG22" s="311">
        <v>37</v>
      </c>
      <c r="AH22" s="315">
        <v>45</v>
      </c>
      <c r="AI22" s="310">
        <v>2</v>
      </c>
      <c r="AJ22" s="313">
        <v>2</v>
      </c>
      <c r="AK22" s="311">
        <v>4</v>
      </c>
      <c r="AL22" s="312">
        <v>0</v>
      </c>
      <c r="AM22" s="313">
        <v>3</v>
      </c>
      <c r="AN22" s="313">
        <v>4</v>
      </c>
      <c r="AO22" s="313">
        <v>3</v>
      </c>
      <c r="AP22" s="313">
        <v>0</v>
      </c>
      <c r="AQ22" s="313">
        <v>1</v>
      </c>
      <c r="AR22" s="311">
        <v>11</v>
      </c>
      <c r="AS22" s="315">
        <v>15</v>
      </c>
      <c r="AT22" s="310">
        <v>0</v>
      </c>
      <c r="AU22" s="313">
        <v>0</v>
      </c>
      <c r="AV22" s="311">
        <v>0</v>
      </c>
      <c r="AW22" s="312">
        <v>0</v>
      </c>
      <c r="AX22" s="313">
        <v>22</v>
      </c>
      <c r="AY22" s="313">
        <v>16</v>
      </c>
      <c r="AZ22" s="313">
        <v>7</v>
      </c>
      <c r="BA22" s="313">
        <v>16</v>
      </c>
      <c r="BB22" s="313">
        <v>6</v>
      </c>
      <c r="BC22" s="314">
        <v>67</v>
      </c>
      <c r="BD22" s="315">
        <v>67</v>
      </c>
      <c r="BE22" s="310">
        <v>0</v>
      </c>
      <c r="BF22" s="313">
        <v>0</v>
      </c>
      <c r="BG22" s="311">
        <v>0</v>
      </c>
      <c r="BH22" s="312">
        <v>0</v>
      </c>
      <c r="BI22" s="313">
        <v>11</v>
      </c>
      <c r="BJ22" s="313">
        <v>8</v>
      </c>
      <c r="BK22" s="313">
        <v>6</v>
      </c>
      <c r="BL22" s="313">
        <v>5</v>
      </c>
      <c r="BM22" s="313">
        <v>3</v>
      </c>
      <c r="BN22" s="311">
        <v>33</v>
      </c>
      <c r="BO22" s="315">
        <v>33</v>
      </c>
      <c r="BP22" s="310">
        <v>2</v>
      </c>
      <c r="BQ22" s="313">
        <v>2</v>
      </c>
      <c r="BR22" s="311">
        <v>4</v>
      </c>
      <c r="BS22" s="312">
        <v>0</v>
      </c>
      <c r="BT22" s="313">
        <v>13</v>
      </c>
      <c r="BU22" s="313">
        <v>15</v>
      </c>
      <c r="BV22" s="313">
        <v>6</v>
      </c>
      <c r="BW22" s="313">
        <v>3</v>
      </c>
      <c r="BX22" s="313">
        <v>2</v>
      </c>
      <c r="BY22" s="311">
        <v>39</v>
      </c>
      <c r="BZ22" s="315">
        <v>43</v>
      </c>
      <c r="CA22" s="310">
        <v>0</v>
      </c>
      <c r="CB22" s="313">
        <v>1</v>
      </c>
      <c r="CC22" s="311">
        <v>1</v>
      </c>
      <c r="CD22" s="312">
        <v>0</v>
      </c>
      <c r="CE22" s="313">
        <v>2</v>
      </c>
      <c r="CF22" s="313">
        <v>0</v>
      </c>
      <c r="CG22" s="313">
        <v>7</v>
      </c>
      <c r="CH22" s="313">
        <v>3</v>
      </c>
      <c r="CI22" s="313">
        <v>0</v>
      </c>
      <c r="CJ22" s="311">
        <v>12</v>
      </c>
      <c r="CK22" s="315">
        <v>13</v>
      </c>
      <c r="CL22" s="310">
        <v>0</v>
      </c>
      <c r="CM22" s="313">
        <v>0</v>
      </c>
      <c r="CN22" s="311">
        <v>0</v>
      </c>
      <c r="CO22" s="312">
        <v>0</v>
      </c>
      <c r="CP22" s="313">
        <v>0</v>
      </c>
      <c r="CQ22" s="313">
        <v>1</v>
      </c>
      <c r="CR22" s="313">
        <v>1</v>
      </c>
      <c r="CS22" s="313">
        <v>0</v>
      </c>
      <c r="CT22" s="313">
        <v>0</v>
      </c>
      <c r="CU22" s="311">
        <v>2</v>
      </c>
      <c r="CV22" s="315">
        <v>2</v>
      </c>
      <c r="CW22" s="310">
        <v>0</v>
      </c>
      <c r="CX22" s="313">
        <v>0</v>
      </c>
      <c r="CY22" s="311">
        <v>0</v>
      </c>
      <c r="CZ22" s="312">
        <v>0</v>
      </c>
      <c r="DA22" s="313">
        <v>0</v>
      </c>
      <c r="DB22" s="313">
        <v>0</v>
      </c>
      <c r="DC22" s="313">
        <v>0</v>
      </c>
      <c r="DD22" s="313">
        <v>0</v>
      </c>
      <c r="DE22" s="313">
        <v>0</v>
      </c>
      <c r="DF22" s="311">
        <v>0</v>
      </c>
      <c r="DG22" s="315">
        <v>0</v>
      </c>
      <c r="DH22" s="310">
        <v>0</v>
      </c>
      <c r="DI22" s="313">
        <v>0</v>
      </c>
      <c r="DJ22" s="311">
        <v>0</v>
      </c>
      <c r="DK22" s="312">
        <v>0</v>
      </c>
      <c r="DL22" s="313">
        <v>0</v>
      </c>
      <c r="DM22" s="313">
        <v>0</v>
      </c>
      <c r="DN22" s="313">
        <v>0</v>
      </c>
      <c r="DO22" s="313">
        <v>0</v>
      </c>
      <c r="DP22" s="313">
        <v>0</v>
      </c>
      <c r="DQ22" s="311">
        <v>0</v>
      </c>
      <c r="DR22" s="315">
        <v>0</v>
      </c>
      <c r="DS22" s="310">
        <v>6</v>
      </c>
      <c r="DT22" s="313">
        <v>19</v>
      </c>
      <c r="DU22" s="311">
        <v>25</v>
      </c>
      <c r="DV22" s="312">
        <v>0</v>
      </c>
      <c r="DW22" s="313">
        <v>30</v>
      </c>
      <c r="DX22" s="313">
        <v>27</v>
      </c>
      <c r="DY22" s="313">
        <v>15</v>
      </c>
      <c r="DZ22" s="313">
        <v>11</v>
      </c>
      <c r="EA22" s="313">
        <v>5</v>
      </c>
      <c r="EB22" s="311">
        <v>88</v>
      </c>
      <c r="EC22" s="315">
        <v>113</v>
      </c>
      <c r="ED22" s="310">
        <v>1</v>
      </c>
      <c r="EE22" s="313">
        <v>2</v>
      </c>
      <c r="EF22" s="311">
        <v>3</v>
      </c>
      <c r="EG22" s="312">
        <v>0</v>
      </c>
      <c r="EH22" s="313">
        <v>8</v>
      </c>
      <c r="EI22" s="313">
        <v>6</v>
      </c>
      <c r="EJ22" s="313">
        <v>2</v>
      </c>
      <c r="EK22" s="313">
        <v>11</v>
      </c>
      <c r="EL22" s="313">
        <v>2</v>
      </c>
      <c r="EM22" s="311">
        <v>29</v>
      </c>
      <c r="EN22" s="315">
        <v>32</v>
      </c>
      <c r="EO22" s="310">
        <v>12</v>
      </c>
      <c r="EP22" s="313">
        <v>23</v>
      </c>
      <c r="EQ22" s="311">
        <v>35</v>
      </c>
      <c r="ER22" s="312">
        <v>0</v>
      </c>
      <c r="ES22" s="313">
        <v>59</v>
      </c>
      <c r="ET22" s="313">
        <v>40</v>
      </c>
      <c r="EU22" s="313">
        <v>21</v>
      </c>
      <c r="EV22" s="313">
        <v>14</v>
      </c>
      <c r="EW22" s="313">
        <v>6</v>
      </c>
      <c r="EX22" s="311">
        <v>140</v>
      </c>
      <c r="EY22" s="315">
        <v>175</v>
      </c>
    </row>
    <row r="23" spans="1:155" ht="19.5" customHeight="1" x14ac:dyDescent="0.2">
      <c r="A23" s="297" t="s">
        <v>21</v>
      </c>
      <c r="B23" s="310">
        <v>0</v>
      </c>
      <c r="C23" s="313">
        <v>0</v>
      </c>
      <c r="D23" s="441">
        <v>0</v>
      </c>
      <c r="E23" s="312">
        <v>0</v>
      </c>
      <c r="F23" s="313">
        <v>7</v>
      </c>
      <c r="G23" s="313">
        <v>8</v>
      </c>
      <c r="H23" s="313">
        <v>5</v>
      </c>
      <c r="I23" s="313">
        <v>1</v>
      </c>
      <c r="J23" s="313">
        <v>1</v>
      </c>
      <c r="K23" s="314">
        <v>22</v>
      </c>
      <c r="L23" s="315">
        <v>22</v>
      </c>
      <c r="M23" s="310">
        <v>0</v>
      </c>
      <c r="N23" s="313">
        <v>0</v>
      </c>
      <c r="O23" s="311">
        <v>0</v>
      </c>
      <c r="P23" s="312">
        <v>0</v>
      </c>
      <c r="Q23" s="313">
        <v>0</v>
      </c>
      <c r="R23" s="313">
        <v>0</v>
      </c>
      <c r="S23" s="313">
        <v>1</v>
      </c>
      <c r="T23" s="313">
        <v>1</v>
      </c>
      <c r="U23" s="313">
        <v>3</v>
      </c>
      <c r="V23" s="311">
        <v>5</v>
      </c>
      <c r="W23" s="315">
        <v>5</v>
      </c>
      <c r="X23" s="310">
        <v>2</v>
      </c>
      <c r="Y23" s="313">
        <v>1</v>
      </c>
      <c r="Z23" s="311">
        <v>3</v>
      </c>
      <c r="AA23" s="312">
        <v>0</v>
      </c>
      <c r="AB23" s="313">
        <v>14</v>
      </c>
      <c r="AC23" s="313">
        <v>7</v>
      </c>
      <c r="AD23" s="313">
        <v>7</v>
      </c>
      <c r="AE23" s="313">
        <v>5</v>
      </c>
      <c r="AF23" s="313">
        <v>3</v>
      </c>
      <c r="AG23" s="311">
        <v>36</v>
      </c>
      <c r="AH23" s="315">
        <v>39</v>
      </c>
      <c r="AI23" s="310">
        <v>1</v>
      </c>
      <c r="AJ23" s="313">
        <v>0</v>
      </c>
      <c r="AK23" s="311">
        <v>1</v>
      </c>
      <c r="AL23" s="312">
        <v>0</v>
      </c>
      <c r="AM23" s="313">
        <v>0</v>
      </c>
      <c r="AN23" s="313">
        <v>2</v>
      </c>
      <c r="AO23" s="313">
        <v>0</v>
      </c>
      <c r="AP23" s="313">
        <v>0</v>
      </c>
      <c r="AQ23" s="313">
        <v>1</v>
      </c>
      <c r="AR23" s="311">
        <v>3</v>
      </c>
      <c r="AS23" s="315">
        <v>4</v>
      </c>
      <c r="AT23" s="310">
        <v>6</v>
      </c>
      <c r="AU23" s="313">
        <v>1</v>
      </c>
      <c r="AV23" s="311">
        <v>7</v>
      </c>
      <c r="AW23" s="312">
        <v>0</v>
      </c>
      <c r="AX23" s="313">
        <v>9</v>
      </c>
      <c r="AY23" s="313">
        <v>11</v>
      </c>
      <c r="AZ23" s="313">
        <v>9</v>
      </c>
      <c r="BA23" s="313">
        <v>10</v>
      </c>
      <c r="BB23" s="313">
        <v>8</v>
      </c>
      <c r="BC23" s="314">
        <v>47</v>
      </c>
      <c r="BD23" s="315">
        <v>54</v>
      </c>
      <c r="BE23" s="310">
        <v>0</v>
      </c>
      <c r="BF23" s="313">
        <v>0</v>
      </c>
      <c r="BG23" s="311">
        <v>0</v>
      </c>
      <c r="BH23" s="312">
        <v>0</v>
      </c>
      <c r="BI23" s="313">
        <v>19</v>
      </c>
      <c r="BJ23" s="313">
        <v>16</v>
      </c>
      <c r="BK23" s="313">
        <v>5</v>
      </c>
      <c r="BL23" s="313">
        <v>6</v>
      </c>
      <c r="BM23" s="313">
        <v>0</v>
      </c>
      <c r="BN23" s="311">
        <v>46</v>
      </c>
      <c r="BO23" s="315">
        <v>46</v>
      </c>
      <c r="BP23" s="310">
        <v>2</v>
      </c>
      <c r="BQ23" s="313">
        <v>1</v>
      </c>
      <c r="BR23" s="311">
        <v>3</v>
      </c>
      <c r="BS23" s="312">
        <v>0</v>
      </c>
      <c r="BT23" s="313">
        <v>0</v>
      </c>
      <c r="BU23" s="313">
        <v>1</v>
      </c>
      <c r="BV23" s="313">
        <v>2</v>
      </c>
      <c r="BW23" s="313">
        <v>1</v>
      </c>
      <c r="BX23" s="313">
        <v>1</v>
      </c>
      <c r="BY23" s="311">
        <v>5</v>
      </c>
      <c r="BZ23" s="315">
        <v>8</v>
      </c>
      <c r="CA23" s="310">
        <v>1</v>
      </c>
      <c r="CB23" s="313">
        <v>2</v>
      </c>
      <c r="CC23" s="311">
        <v>3</v>
      </c>
      <c r="CD23" s="312">
        <v>0</v>
      </c>
      <c r="CE23" s="313">
        <v>1</v>
      </c>
      <c r="CF23" s="313">
        <v>1</v>
      </c>
      <c r="CG23" s="313">
        <v>1</v>
      </c>
      <c r="CH23" s="313">
        <v>3</v>
      </c>
      <c r="CI23" s="313">
        <v>0</v>
      </c>
      <c r="CJ23" s="311">
        <v>6</v>
      </c>
      <c r="CK23" s="315">
        <v>9</v>
      </c>
      <c r="CL23" s="310">
        <v>0</v>
      </c>
      <c r="CM23" s="313">
        <v>0</v>
      </c>
      <c r="CN23" s="311">
        <v>0</v>
      </c>
      <c r="CO23" s="312">
        <v>0</v>
      </c>
      <c r="CP23" s="313">
        <v>0</v>
      </c>
      <c r="CQ23" s="313">
        <v>2</v>
      </c>
      <c r="CR23" s="313">
        <v>0</v>
      </c>
      <c r="CS23" s="313">
        <v>0</v>
      </c>
      <c r="CT23" s="313">
        <v>1</v>
      </c>
      <c r="CU23" s="311">
        <v>3</v>
      </c>
      <c r="CV23" s="315">
        <v>3</v>
      </c>
      <c r="CW23" s="310">
        <v>0</v>
      </c>
      <c r="CX23" s="313">
        <v>0</v>
      </c>
      <c r="CY23" s="311">
        <v>0</v>
      </c>
      <c r="CZ23" s="312">
        <v>0</v>
      </c>
      <c r="DA23" s="313">
        <v>0</v>
      </c>
      <c r="DB23" s="313">
        <v>0</v>
      </c>
      <c r="DC23" s="313">
        <v>0</v>
      </c>
      <c r="DD23" s="313">
        <v>0</v>
      </c>
      <c r="DE23" s="313">
        <v>0</v>
      </c>
      <c r="DF23" s="311">
        <v>0</v>
      </c>
      <c r="DG23" s="315">
        <v>0</v>
      </c>
      <c r="DH23" s="310">
        <v>0</v>
      </c>
      <c r="DI23" s="313">
        <v>0</v>
      </c>
      <c r="DJ23" s="311">
        <v>0</v>
      </c>
      <c r="DK23" s="312">
        <v>0</v>
      </c>
      <c r="DL23" s="313">
        <v>0</v>
      </c>
      <c r="DM23" s="313">
        <v>0</v>
      </c>
      <c r="DN23" s="313">
        <v>0</v>
      </c>
      <c r="DO23" s="313">
        <v>0</v>
      </c>
      <c r="DP23" s="313">
        <v>0</v>
      </c>
      <c r="DQ23" s="311">
        <v>0</v>
      </c>
      <c r="DR23" s="315">
        <v>0</v>
      </c>
      <c r="DS23" s="310">
        <v>9</v>
      </c>
      <c r="DT23" s="313">
        <v>7</v>
      </c>
      <c r="DU23" s="311">
        <v>16</v>
      </c>
      <c r="DV23" s="312">
        <v>0</v>
      </c>
      <c r="DW23" s="313">
        <v>14</v>
      </c>
      <c r="DX23" s="313">
        <v>29</v>
      </c>
      <c r="DY23" s="313">
        <v>17</v>
      </c>
      <c r="DZ23" s="313">
        <v>8</v>
      </c>
      <c r="EA23" s="313">
        <v>4</v>
      </c>
      <c r="EB23" s="311">
        <v>72</v>
      </c>
      <c r="EC23" s="315">
        <v>88</v>
      </c>
      <c r="ED23" s="310">
        <v>3</v>
      </c>
      <c r="EE23" s="313">
        <v>2</v>
      </c>
      <c r="EF23" s="311">
        <v>5</v>
      </c>
      <c r="EG23" s="312">
        <v>0</v>
      </c>
      <c r="EH23" s="313">
        <v>2</v>
      </c>
      <c r="EI23" s="313">
        <v>5</v>
      </c>
      <c r="EJ23" s="313">
        <v>5</v>
      </c>
      <c r="EK23" s="313">
        <v>3</v>
      </c>
      <c r="EL23" s="313">
        <v>3</v>
      </c>
      <c r="EM23" s="311">
        <v>18</v>
      </c>
      <c r="EN23" s="315">
        <v>23</v>
      </c>
      <c r="EO23" s="310">
        <v>12</v>
      </c>
      <c r="EP23" s="313">
        <v>10</v>
      </c>
      <c r="EQ23" s="311">
        <v>22</v>
      </c>
      <c r="ER23" s="312">
        <v>0</v>
      </c>
      <c r="ES23" s="313">
        <v>44</v>
      </c>
      <c r="ET23" s="313">
        <v>37</v>
      </c>
      <c r="EU23" s="313">
        <v>17</v>
      </c>
      <c r="EV23" s="313">
        <v>9</v>
      </c>
      <c r="EW23" s="313">
        <v>4</v>
      </c>
      <c r="EX23" s="311">
        <v>111</v>
      </c>
      <c r="EY23" s="315">
        <v>133</v>
      </c>
    </row>
    <row r="24" spans="1:155" ht="19.5" customHeight="1" x14ac:dyDescent="0.2">
      <c r="A24" s="297" t="s">
        <v>22</v>
      </c>
      <c r="B24" s="310">
        <v>0</v>
      </c>
      <c r="C24" s="313">
        <v>0</v>
      </c>
      <c r="D24" s="441">
        <v>0</v>
      </c>
      <c r="E24" s="312">
        <v>0</v>
      </c>
      <c r="F24" s="313">
        <v>6</v>
      </c>
      <c r="G24" s="313">
        <v>0</v>
      </c>
      <c r="H24" s="313">
        <v>2</v>
      </c>
      <c r="I24" s="313">
        <v>4</v>
      </c>
      <c r="J24" s="313">
        <v>2</v>
      </c>
      <c r="K24" s="314">
        <v>14</v>
      </c>
      <c r="L24" s="315">
        <v>14</v>
      </c>
      <c r="M24" s="310">
        <v>0</v>
      </c>
      <c r="N24" s="313">
        <v>0</v>
      </c>
      <c r="O24" s="311">
        <v>0</v>
      </c>
      <c r="P24" s="312">
        <v>0</v>
      </c>
      <c r="Q24" s="313">
        <v>0</v>
      </c>
      <c r="R24" s="313">
        <v>0</v>
      </c>
      <c r="S24" s="313">
        <v>0</v>
      </c>
      <c r="T24" s="313">
        <v>1</v>
      </c>
      <c r="U24" s="313">
        <v>3</v>
      </c>
      <c r="V24" s="311">
        <v>4</v>
      </c>
      <c r="W24" s="315">
        <v>4</v>
      </c>
      <c r="X24" s="310">
        <v>1</v>
      </c>
      <c r="Y24" s="313">
        <v>1</v>
      </c>
      <c r="Z24" s="311">
        <v>2</v>
      </c>
      <c r="AA24" s="312">
        <v>0</v>
      </c>
      <c r="AB24" s="313">
        <v>3</v>
      </c>
      <c r="AC24" s="313">
        <v>6</v>
      </c>
      <c r="AD24" s="313">
        <v>1</v>
      </c>
      <c r="AE24" s="313">
        <v>3</v>
      </c>
      <c r="AF24" s="313">
        <v>3</v>
      </c>
      <c r="AG24" s="311">
        <v>16</v>
      </c>
      <c r="AH24" s="315">
        <v>18</v>
      </c>
      <c r="AI24" s="310">
        <v>0</v>
      </c>
      <c r="AJ24" s="313">
        <v>0</v>
      </c>
      <c r="AK24" s="311">
        <v>0</v>
      </c>
      <c r="AL24" s="312">
        <v>0</v>
      </c>
      <c r="AM24" s="313">
        <v>1</v>
      </c>
      <c r="AN24" s="313">
        <v>0</v>
      </c>
      <c r="AO24" s="313">
        <v>0</v>
      </c>
      <c r="AP24" s="313">
        <v>0</v>
      </c>
      <c r="AQ24" s="313">
        <v>0</v>
      </c>
      <c r="AR24" s="311">
        <v>1</v>
      </c>
      <c r="AS24" s="315">
        <v>1</v>
      </c>
      <c r="AT24" s="310">
        <v>0</v>
      </c>
      <c r="AU24" s="313">
        <v>2</v>
      </c>
      <c r="AV24" s="311">
        <v>2</v>
      </c>
      <c r="AW24" s="312">
        <v>0</v>
      </c>
      <c r="AX24" s="313">
        <v>5</v>
      </c>
      <c r="AY24" s="313">
        <v>2</v>
      </c>
      <c r="AZ24" s="313">
        <v>2</v>
      </c>
      <c r="BA24" s="313">
        <v>9</v>
      </c>
      <c r="BB24" s="313">
        <v>2</v>
      </c>
      <c r="BC24" s="314">
        <v>20</v>
      </c>
      <c r="BD24" s="315">
        <v>22</v>
      </c>
      <c r="BE24" s="310">
        <v>0</v>
      </c>
      <c r="BF24" s="313">
        <v>0</v>
      </c>
      <c r="BG24" s="311">
        <v>0</v>
      </c>
      <c r="BH24" s="312">
        <v>0</v>
      </c>
      <c r="BI24" s="313">
        <v>9</v>
      </c>
      <c r="BJ24" s="313">
        <v>7</v>
      </c>
      <c r="BK24" s="313">
        <v>0</v>
      </c>
      <c r="BL24" s="313">
        <v>3</v>
      </c>
      <c r="BM24" s="313">
        <v>2</v>
      </c>
      <c r="BN24" s="311">
        <v>21</v>
      </c>
      <c r="BO24" s="315">
        <v>21</v>
      </c>
      <c r="BP24" s="310">
        <v>0</v>
      </c>
      <c r="BQ24" s="313">
        <v>0</v>
      </c>
      <c r="BR24" s="311">
        <v>0</v>
      </c>
      <c r="BS24" s="312">
        <v>0</v>
      </c>
      <c r="BT24" s="313">
        <v>0</v>
      </c>
      <c r="BU24" s="313">
        <v>1</v>
      </c>
      <c r="BV24" s="313">
        <v>1</v>
      </c>
      <c r="BW24" s="313">
        <v>1</v>
      </c>
      <c r="BX24" s="313">
        <v>0</v>
      </c>
      <c r="BY24" s="311">
        <v>3</v>
      </c>
      <c r="BZ24" s="315">
        <v>3</v>
      </c>
      <c r="CA24" s="310">
        <v>0</v>
      </c>
      <c r="CB24" s="313">
        <v>0</v>
      </c>
      <c r="CC24" s="311">
        <v>0</v>
      </c>
      <c r="CD24" s="312">
        <v>0</v>
      </c>
      <c r="CE24" s="313">
        <v>0</v>
      </c>
      <c r="CF24" s="313">
        <v>0</v>
      </c>
      <c r="CG24" s="313">
        <v>0</v>
      </c>
      <c r="CH24" s="313">
        <v>0</v>
      </c>
      <c r="CI24" s="313">
        <v>1</v>
      </c>
      <c r="CJ24" s="311">
        <v>1</v>
      </c>
      <c r="CK24" s="315">
        <v>1</v>
      </c>
      <c r="CL24" s="310">
        <v>0</v>
      </c>
      <c r="CM24" s="313">
        <v>0</v>
      </c>
      <c r="CN24" s="311">
        <v>0</v>
      </c>
      <c r="CO24" s="312">
        <v>0</v>
      </c>
      <c r="CP24" s="313">
        <v>0</v>
      </c>
      <c r="CQ24" s="313">
        <v>0</v>
      </c>
      <c r="CR24" s="313">
        <v>1</v>
      </c>
      <c r="CS24" s="313">
        <v>0</v>
      </c>
      <c r="CT24" s="313">
        <v>0</v>
      </c>
      <c r="CU24" s="311">
        <v>1</v>
      </c>
      <c r="CV24" s="315">
        <v>1</v>
      </c>
      <c r="CW24" s="310">
        <v>0</v>
      </c>
      <c r="CX24" s="313">
        <v>0</v>
      </c>
      <c r="CY24" s="311">
        <v>0</v>
      </c>
      <c r="CZ24" s="312">
        <v>0</v>
      </c>
      <c r="DA24" s="313">
        <v>0</v>
      </c>
      <c r="DB24" s="313">
        <v>0</v>
      </c>
      <c r="DC24" s="313">
        <v>0</v>
      </c>
      <c r="DD24" s="313">
        <v>0</v>
      </c>
      <c r="DE24" s="313">
        <v>0</v>
      </c>
      <c r="DF24" s="311">
        <v>0</v>
      </c>
      <c r="DG24" s="315">
        <v>0</v>
      </c>
      <c r="DH24" s="310">
        <v>0</v>
      </c>
      <c r="DI24" s="313">
        <v>0</v>
      </c>
      <c r="DJ24" s="311">
        <v>0</v>
      </c>
      <c r="DK24" s="312">
        <v>0</v>
      </c>
      <c r="DL24" s="313">
        <v>0</v>
      </c>
      <c r="DM24" s="313">
        <v>0</v>
      </c>
      <c r="DN24" s="313">
        <v>0</v>
      </c>
      <c r="DO24" s="313">
        <v>0</v>
      </c>
      <c r="DP24" s="313">
        <v>0</v>
      </c>
      <c r="DQ24" s="311">
        <v>0</v>
      </c>
      <c r="DR24" s="315">
        <v>0</v>
      </c>
      <c r="DS24" s="310">
        <v>2</v>
      </c>
      <c r="DT24" s="313">
        <v>6</v>
      </c>
      <c r="DU24" s="311">
        <v>8</v>
      </c>
      <c r="DV24" s="312">
        <v>0</v>
      </c>
      <c r="DW24" s="313">
        <v>8</v>
      </c>
      <c r="DX24" s="313">
        <v>7</v>
      </c>
      <c r="DY24" s="313">
        <v>5</v>
      </c>
      <c r="DZ24" s="313">
        <v>7</v>
      </c>
      <c r="EA24" s="313">
        <v>4</v>
      </c>
      <c r="EB24" s="311">
        <v>31</v>
      </c>
      <c r="EC24" s="315">
        <v>39</v>
      </c>
      <c r="ED24" s="310">
        <v>0</v>
      </c>
      <c r="EE24" s="313">
        <v>1</v>
      </c>
      <c r="EF24" s="311">
        <v>1</v>
      </c>
      <c r="EG24" s="312">
        <v>0</v>
      </c>
      <c r="EH24" s="313">
        <v>2</v>
      </c>
      <c r="EI24" s="313">
        <v>1</v>
      </c>
      <c r="EJ24" s="313">
        <v>1</v>
      </c>
      <c r="EK24" s="313">
        <v>4</v>
      </c>
      <c r="EL24" s="313">
        <v>1</v>
      </c>
      <c r="EM24" s="311">
        <v>9</v>
      </c>
      <c r="EN24" s="315">
        <v>10</v>
      </c>
      <c r="EO24" s="310">
        <v>2</v>
      </c>
      <c r="EP24" s="313">
        <v>6</v>
      </c>
      <c r="EQ24" s="311">
        <v>8</v>
      </c>
      <c r="ER24" s="312">
        <v>0</v>
      </c>
      <c r="ES24" s="313">
        <v>20</v>
      </c>
      <c r="ET24" s="313">
        <v>14</v>
      </c>
      <c r="EU24" s="313">
        <v>6</v>
      </c>
      <c r="EV24" s="313">
        <v>7</v>
      </c>
      <c r="EW24" s="313">
        <v>5</v>
      </c>
      <c r="EX24" s="311">
        <v>52</v>
      </c>
      <c r="EY24" s="315">
        <v>60</v>
      </c>
    </row>
    <row r="25" spans="1:155" ht="19.5" customHeight="1" x14ac:dyDescent="0.2">
      <c r="A25" s="297" t="s">
        <v>23</v>
      </c>
      <c r="B25" s="310">
        <v>0</v>
      </c>
      <c r="C25" s="313">
        <v>0</v>
      </c>
      <c r="D25" s="441">
        <v>0</v>
      </c>
      <c r="E25" s="312">
        <v>0</v>
      </c>
      <c r="F25" s="313">
        <v>5</v>
      </c>
      <c r="G25" s="313">
        <v>6</v>
      </c>
      <c r="H25" s="313">
        <v>3</v>
      </c>
      <c r="I25" s="313">
        <v>2</v>
      </c>
      <c r="J25" s="313">
        <v>1</v>
      </c>
      <c r="K25" s="314">
        <v>17</v>
      </c>
      <c r="L25" s="315">
        <v>17</v>
      </c>
      <c r="M25" s="310">
        <v>0</v>
      </c>
      <c r="N25" s="313">
        <v>0</v>
      </c>
      <c r="O25" s="311">
        <v>0</v>
      </c>
      <c r="P25" s="312">
        <v>0</v>
      </c>
      <c r="Q25" s="313">
        <v>0</v>
      </c>
      <c r="R25" s="313">
        <v>0</v>
      </c>
      <c r="S25" s="313">
        <v>1</v>
      </c>
      <c r="T25" s="313">
        <v>1</v>
      </c>
      <c r="U25" s="313">
        <v>0</v>
      </c>
      <c r="V25" s="311">
        <v>2</v>
      </c>
      <c r="W25" s="315">
        <v>2</v>
      </c>
      <c r="X25" s="310">
        <v>3</v>
      </c>
      <c r="Y25" s="313">
        <v>2</v>
      </c>
      <c r="Z25" s="311">
        <v>5</v>
      </c>
      <c r="AA25" s="312">
        <v>0</v>
      </c>
      <c r="AB25" s="313">
        <v>1</v>
      </c>
      <c r="AC25" s="313">
        <v>5</v>
      </c>
      <c r="AD25" s="313">
        <v>6</v>
      </c>
      <c r="AE25" s="313">
        <v>5</v>
      </c>
      <c r="AF25" s="313">
        <v>1</v>
      </c>
      <c r="AG25" s="311">
        <v>18</v>
      </c>
      <c r="AH25" s="315">
        <v>23</v>
      </c>
      <c r="AI25" s="310">
        <v>0</v>
      </c>
      <c r="AJ25" s="313">
        <v>1</v>
      </c>
      <c r="AK25" s="311">
        <v>1</v>
      </c>
      <c r="AL25" s="312">
        <v>0</v>
      </c>
      <c r="AM25" s="313">
        <v>0</v>
      </c>
      <c r="AN25" s="313">
        <v>3</v>
      </c>
      <c r="AO25" s="313">
        <v>0</v>
      </c>
      <c r="AP25" s="313">
        <v>0</v>
      </c>
      <c r="AQ25" s="313">
        <v>0</v>
      </c>
      <c r="AR25" s="311">
        <v>3</v>
      </c>
      <c r="AS25" s="315">
        <v>4</v>
      </c>
      <c r="AT25" s="310">
        <v>0</v>
      </c>
      <c r="AU25" s="313">
        <v>1</v>
      </c>
      <c r="AV25" s="311">
        <v>1</v>
      </c>
      <c r="AW25" s="312">
        <v>0</v>
      </c>
      <c r="AX25" s="313">
        <v>5</v>
      </c>
      <c r="AY25" s="313">
        <v>6</v>
      </c>
      <c r="AZ25" s="313">
        <v>7</v>
      </c>
      <c r="BA25" s="313">
        <v>13</v>
      </c>
      <c r="BB25" s="313">
        <v>0</v>
      </c>
      <c r="BC25" s="314">
        <v>31</v>
      </c>
      <c r="BD25" s="315">
        <v>32</v>
      </c>
      <c r="BE25" s="310">
        <v>0</v>
      </c>
      <c r="BF25" s="313">
        <v>0</v>
      </c>
      <c r="BG25" s="311">
        <v>0</v>
      </c>
      <c r="BH25" s="312">
        <v>0</v>
      </c>
      <c r="BI25" s="313">
        <v>15</v>
      </c>
      <c r="BJ25" s="313">
        <v>13</v>
      </c>
      <c r="BK25" s="313">
        <v>5</v>
      </c>
      <c r="BL25" s="313">
        <v>5</v>
      </c>
      <c r="BM25" s="313">
        <v>0</v>
      </c>
      <c r="BN25" s="311">
        <v>38</v>
      </c>
      <c r="BO25" s="315">
        <v>38</v>
      </c>
      <c r="BP25" s="310">
        <v>0</v>
      </c>
      <c r="BQ25" s="313">
        <v>0</v>
      </c>
      <c r="BR25" s="311">
        <v>0</v>
      </c>
      <c r="BS25" s="312">
        <v>0</v>
      </c>
      <c r="BT25" s="313">
        <v>4</v>
      </c>
      <c r="BU25" s="313">
        <v>2</v>
      </c>
      <c r="BV25" s="313">
        <v>3</v>
      </c>
      <c r="BW25" s="313">
        <v>1</v>
      </c>
      <c r="BX25" s="313">
        <v>0</v>
      </c>
      <c r="BY25" s="311">
        <v>10</v>
      </c>
      <c r="BZ25" s="315">
        <v>10</v>
      </c>
      <c r="CA25" s="310">
        <v>0</v>
      </c>
      <c r="CB25" s="313">
        <v>0</v>
      </c>
      <c r="CC25" s="311">
        <v>0</v>
      </c>
      <c r="CD25" s="312">
        <v>0</v>
      </c>
      <c r="CE25" s="313">
        <v>2</v>
      </c>
      <c r="CF25" s="313">
        <v>2</v>
      </c>
      <c r="CG25" s="313">
        <v>1</v>
      </c>
      <c r="CH25" s="313">
        <v>1</v>
      </c>
      <c r="CI25" s="313">
        <v>0</v>
      </c>
      <c r="CJ25" s="311">
        <v>6</v>
      </c>
      <c r="CK25" s="315">
        <v>6</v>
      </c>
      <c r="CL25" s="310">
        <v>0</v>
      </c>
      <c r="CM25" s="313">
        <v>0</v>
      </c>
      <c r="CN25" s="311">
        <v>0</v>
      </c>
      <c r="CO25" s="312">
        <v>0</v>
      </c>
      <c r="CP25" s="313">
        <v>0</v>
      </c>
      <c r="CQ25" s="313">
        <v>0</v>
      </c>
      <c r="CR25" s="313">
        <v>0</v>
      </c>
      <c r="CS25" s="313">
        <v>0</v>
      </c>
      <c r="CT25" s="313">
        <v>0</v>
      </c>
      <c r="CU25" s="311">
        <v>0</v>
      </c>
      <c r="CV25" s="315">
        <v>0</v>
      </c>
      <c r="CW25" s="310">
        <v>0</v>
      </c>
      <c r="CX25" s="313">
        <v>0</v>
      </c>
      <c r="CY25" s="311">
        <v>0</v>
      </c>
      <c r="CZ25" s="312">
        <v>0</v>
      </c>
      <c r="DA25" s="313">
        <v>0</v>
      </c>
      <c r="DB25" s="313">
        <v>0</v>
      </c>
      <c r="DC25" s="313">
        <v>0</v>
      </c>
      <c r="DD25" s="313">
        <v>0</v>
      </c>
      <c r="DE25" s="313">
        <v>0</v>
      </c>
      <c r="DF25" s="311">
        <v>0</v>
      </c>
      <c r="DG25" s="315">
        <v>0</v>
      </c>
      <c r="DH25" s="310">
        <v>0</v>
      </c>
      <c r="DI25" s="313">
        <v>0</v>
      </c>
      <c r="DJ25" s="311">
        <v>0</v>
      </c>
      <c r="DK25" s="312">
        <v>0</v>
      </c>
      <c r="DL25" s="313">
        <v>0</v>
      </c>
      <c r="DM25" s="313">
        <v>0</v>
      </c>
      <c r="DN25" s="313">
        <v>0</v>
      </c>
      <c r="DO25" s="313">
        <v>0</v>
      </c>
      <c r="DP25" s="313">
        <v>0</v>
      </c>
      <c r="DQ25" s="311">
        <v>0</v>
      </c>
      <c r="DR25" s="315">
        <v>0</v>
      </c>
      <c r="DS25" s="310">
        <v>4</v>
      </c>
      <c r="DT25" s="313">
        <v>5</v>
      </c>
      <c r="DU25" s="311">
        <v>9</v>
      </c>
      <c r="DV25" s="312">
        <v>0</v>
      </c>
      <c r="DW25" s="313">
        <v>11</v>
      </c>
      <c r="DX25" s="313">
        <v>17</v>
      </c>
      <c r="DY25" s="313">
        <v>11</v>
      </c>
      <c r="DZ25" s="313">
        <v>8</v>
      </c>
      <c r="EA25" s="313">
        <v>3</v>
      </c>
      <c r="EB25" s="311">
        <v>50</v>
      </c>
      <c r="EC25" s="315">
        <v>59</v>
      </c>
      <c r="ED25" s="310">
        <v>0</v>
      </c>
      <c r="EE25" s="313">
        <v>1</v>
      </c>
      <c r="EF25" s="311">
        <v>1</v>
      </c>
      <c r="EG25" s="312">
        <v>0</v>
      </c>
      <c r="EH25" s="313">
        <v>4</v>
      </c>
      <c r="EI25" s="313">
        <v>3</v>
      </c>
      <c r="EJ25" s="313">
        <v>2</v>
      </c>
      <c r="EK25" s="313">
        <v>9</v>
      </c>
      <c r="EL25" s="313">
        <v>0</v>
      </c>
      <c r="EM25" s="311">
        <v>18</v>
      </c>
      <c r="EN25" s="315">
        <v>19</v>
      </c>
      <c r="EO25" s="310">
        <v>5</v>
      </c>
      <c r="EP25" s="313">
        <v>8</v>
      </c>
      <c r="EQ25" s="311">
        <v>13</v>
      </c>
      <c r="ER25" s="312">
        <v>0</v>
      </c>
      <c r="ES25" s="313">
        <v>27</v>
      </c>
      <c r="ET25" s="313">
        <v>24</v>
      </c>
      <c r="EU25" s="313">
        <v>13</v>
      </c>
      <c r="EV25" s="313">
        <v>8</v>
      </c>
      <c r="EW25" s="313">
        <v>3</v>
      </c>
      <c r="EX25" s="311">
        <v>75</v>
      </c>
      <c r="EY25" s="315">
        <v>88</v>
      </c>
    </row>
    <row r="26" spans="1:155" ht="19.5" customHeight="1" x14ac:dyDescent="0.2">
      <c r="A26" s="297" t="s">
        <v>24</v>
      </c>
      <c r="B26" s="310">
        <v>0</v>
      </c>
      <c r="C26" s="313">
        <v>0</v>
      </c>
      <c r="D26" s="441">
        <v>0</v>
      </c>
      <c r="E26" s="312">
        <v>0</v>
      </c>
      <c r="F26" s="313">
        <v>6</v>
      </c>
      <c r="G26" s="313">
        <v>7</v>
      </c>
      <c r="H26" s="313">
        <v>3</v>
      </c>
      <c r="I26" s="313">
        <v>6</v>
      </c>
      <c r="J26" s="313">
        <v>3</v>
      </c>
      <c r="K26" s="314">
        <v>25</v>
      </c>
      <c r="L26" s="315">
        <v>25</v>
      </c>
      <c r="M26" s="310">
        <v>0</v>
      </c>
      <c r="N26" s="313">
        <v>0</v>
      </c>
      <c r="O26" s="311">
        <v>0</v>
      </c>
      <c r="P26" s="312">
        <v>0</v>
      </c>
      <c r="Q26" s="313">
        <v>0</v>
      </c>
      <c r="R26" s="313">
        <v>0</v>
      </c>
      <c r="S26" s="313">
        <v>0</v>
      </c>
      <c r="T26" s="313">
        <v>0</v>
      </c>
      <c r="U26" s="313">
        <v>3</v>
      </c>
      <c r="V26" s="311">
        <v>3</v>
      </c>
      <c r="W26" s="315">
        <v>3</v>
      </c>
      <c r="X26" s="310">
        <v>0</v>
      </c>
      <c r="Y26" s="313">
        <v>1</v>
      </c>
      <c r="Z26" s="311">
        <v>1</v>
      </c>
      <c r="AA26" s="312">
        <v>0</v>
      </c>
      <c r="AB26" s="313">
        <v>5</v>
      </c>
      <c r="AC26" s="313">
        <v>3</v>
      </c>
      <c r="AD26" s="313">
        <v>1</v>
      </c>
      <c r="AE26" s="313">
        <v>3</v>
      </c>
      <c r="AF26" s="313">
        <v>5</v>
      </c>
      <c r="AG26" s="311">
        <v>17</v>
      </c>
      <c r="AH26" s="315">
        <v>18</v>
      </c>
      <c r="AI26" s="310">
        <v>0</v>
      </c>
      <c r="AJ26" s="313">
        <v>0</v>
      </c>
      <c r="AK26" s="311">
        <v>0</v>
      </c>
      <c r="AL26" s="312">
        <v>0</v>
      </c>
      <c r="AM26" s="313">
        <v>0</v>
      </c>
      <c r="AN26" s="313">
        <v>1</v>
      </c>
      <c r="AO26" s="313">
        <v>0</v>
      </c>
      <c r="AP26" s="313">
        <v>0</v>
      </c>
      <c r="AQ26" s="313">
        <v>2</v>
      </c>
      <c r="AR26" s="311">
        <v>3</v>
      </c>
      <c r="AS26" s="315">
        <v>3</v>
      </c>
      <c r="AT26" s="310">
        <v>6</v>
      </c>
      <c r="AU26" s="313">
        <v>1</v>
      </c>
      <c r="AV26" s="311">
        <v>7</v>
      </c>
      <c r="AW26" s="312">
        <v>0</v>
      </c>
      <c r="AX26" s="313">
        <v>8</v>
      </c>
      <c r="AY26" s="313">
        <v>8</v>
      </c>
      <c r="AZ26" s="313">
        <v>5</v>
      </c>
      <c r="BA26" s="313">
        <v>13</v>
      </c>
      <c r="BB26" s="313">
        <v>9</v>
      </c>
      <c r="BC26" s="314">
        <v>43</v>
      </c>
      <c r="BD26" s="315">
        <v>50</v>
      </c>
      <c r="BE26" s="310">
        <v>0</v>
      </c>
      <c r="BF26" s="313">
        <v>0</v>
      </c>
      <c r="BG26" s="311">
        <v>0</v>
      </c>
      <c r="BH26" s="312">
        <v>0</v>
      </c>
      <c r="BI26" s="313">
        <v>10</v>
      </c>
      <c r="BJ26" s="313">
        <v>4</v>
      </c>
      <c r="BK26" s="313">
        <v>0</v>
      </c>
      <c r="BL26" s="313">
        <v>1</v>
      </c>
      <c r="BM26" s="313">
        <v>0</v>
      </c>
      <c r="BN26" s="311">
        <v>15</v>
      </c>
      <c r="BO26" s="315">
        <v>15</v>
      </c>
      <c r="BP26" s="310">
        <v>1</v>
      </c>
      <c r="BQ26" s="313">
        <v>0</v>
      </c>
      <c r="BR26" s="311">
        <v>1</v>
      </c>
      <c r="BS26" s="312">
        <v>0</v>
      </c>
      <c r="BT26" s="313">
        <v>7</v>
      </c>
      <c r="BU26" s="313">
        <v>2</v>
      </c>
      <c r="BV26" s="313">
        <v>1</v>
      </c>
      <c r="BW26" s="313">
        <v>4</v>
      </c>
      <c r="BX26" s="313">
        <v>3</v>
      </c>
      <c r="BY26" s="311">
        <v>17</v>
      </c>
      <c r="BZ26" s="315">
        <v>18</v>
      </c>
      <c r="CA26" s="310">
        <v>0</v>
      </c>
      <c r="CB26" s="313">
        <v>0</v>
      </c>
      <c r="CC26" s="311">
        <v>0</v>
      </c>
      <c r="CD26" s="312">
        <v>0</v>
      </c>
      <c r="CE26" s="313">
        <v>1</v>
      </c>
      <c r="CF26" s="313">
        <v>2</v>
      </c>
      <c r="CG26" s="313">
        <v>0</v>
      </c>
      <c r="CH26" s="313">
        <v>0</v>
      </c>
      <c r="CI26" s="313">
        <v>1</v>
      </c>
      <c r="CJ26" s="311">
        <v>4</v>
      </c>
      <c r="CK26" s="315">
        <v>4</v>
      </c>
      <c r="CL26" s="310">
        <v>0</v>
      </c>
      <c r="CM26" s="313">
        <v>0</v>
      </c>
      <c r="CN26" s="311">
        <v>0</v>
      </c>
      <c r="CO26" s="312">
        <v>0</v>
      </c>
      <c r="CP26" s="313">
        <v>0</v>
      </c>
      <c r="CQ26" s="313">
        <v>0</v>
      </c>
      <c r="CR26" s="313">
        <v>0</v>
      </c>
      <c r="CS26" s="313">
        <v>0</v>
      </c>
      <c r="CT26" s="313">
        <v>0</v>
      </c>
      <c r="CU26" s="311">
        <v>0</v>
      </c>
      <c r="CV26" s="315">
        <v>0</v>
      </c>
      <c r="CW26" s="310">
        <v>0</v>
      </c>
      <c r="CX26" s="313">
        <v>0</v>
      </c>
      <c r="CY26" s="311">
        <v>0</v>
      </c>
      <c r="CZ26" s="312">
        <v>0</v>
      </c>
      <c r="DA26" s="313">
        <v>0</v>
      </c>
      <c r="DB26" s="313">
        <v>0</v>
      </c>
      <c r="DC26" s="313">
        <v>0</v>
      </c>
      <c r="DD26" s="313">
        <v>0</v>
      </c>
      <c r="DE26" s="313">
        <v>0</v>
      </c>
      <c r="DF26" s="311">
        <v>0</v>
      </c>
      <c r="DG26" s="315">
        <v>0</v>
      </c>
      <c r="DH26" s="310">
        <v>0</v>
      </c>
      <c r="DI26" s="313">
        <v>0</v>
      </c>
      <c r="DJ26" s="311">
        <v>0</v>
      </c>
      <c r="DK26" s="312">
        <v>0</v>
      </c>
      <c r="DL26" s="313">
        <v>0</v>
      </c>
      <c r="DM26" s="313">
        <v>0</v>
      </c>
      <c r="DN26" s="313">
        <v>0</v>
      </c>
      <c r="DO26" s="313">
        <v>0</v>
      </c>
      <c r="DP26" s="313">
        <v>0</v>
      </c>
      <c r="DQ26" s="311">
        <v>0</v>
      </c>
      <c r="DR26" s="315">
        <v>0</v>
      </c>
      <c r="DS26" s="310">
        <v>5</v>
      </c>
      <c r="DT26" s="313">
        <v>6</v>
      </c>
      <c r="DU26" s="311">
        <v>11</v>
      </c>
      <c r="DV26" s="312">
        <v>0</v>
      </c>
      <c r="DW26" s="313">
        <v>17</v>
      </c>
      <c r="DX26" s="313">
        <v>13</v>
      </c>
      <c r="DY26" s="313">
        <v>6</v>
      </c>
      <c r="DZ26" s="313">
        <v>9</v>
      </c>
      <c r="EA26" s="313">
        <v>7</v>
      </c>
      <c r="EB26" s="311">
        <v>52</v>
      </c>
      <c r="EC26" s="315">
        <v>63</v>
      </c>
      <c r="ED26" s="310">
        <v>5</v>
      </c>
      <c r="EE26" s="313">
        <v>1</v>
      </c>
      <c r="EF26" s="311">
        <v>6</v>
      </c>
      <c r="EG26" s="312">
        <v>0</v>
      </c>
      <c r="EH26" s="313">
        <v>6</v>
      </c>
      <c r="EI26" s="313">
        <v>6</v>
      </c>
      <c r="EJ26" s="313">
        <v>2</v>
      </c>
      <c r="EK26" s="313">
        <v>7</v>
      </c>
      <c r="EL26" s="313">
        <v>2</v>
      </c>
      <c r="EM26" s="311">
        <v>23</v>
      </c>
      <c r="EN26" s="315">
        <v>29</v>
      </c>
      <c r="EO26" s="310">
        <v>5</v>
      </c>
      <c r="EP26" s="313">
        <v>6</v>
      </c>
      <c r="EQ26" s="311">
        <v>11</v>
      </c>
      <c r="ER26" s="312">
        <v>0</v>
      </c>
      <c r="ES26" s="313">
        <v>24</v>
      </c>
      <c r="ET26" s="313">
        <v>16</v>
      </c>
      <c r="EU26" s="313">
        <v>8</v>
      </c>
      <c r="EV26" s="313">
        <v>9</v>
      </c>
      <c r="EW26" s="313">
        <v>7</v>
      </c>
      <c r="EX26" s="311">
        <v>64</v>
      </c>
      <c r="EY26" s="315">
        <v>75</v>
      </c>
    </row>
    <row r="27" spans="1:155" ht="19.5" customHeight="1" x14ac:dyDescent="0.2">
      <c r="A27" s="297" t="s">
        <v>25</v>
      </c>
      <c r="B27" s="310">
        <v>0</v>
      </c>
      <c r="C27" s="313">
        <v>0</v>
      </c>
      <c r="D27" s="441">
        <v>0</v>
      </c>
      <c r="E27" s="312">
        <v>0</v>
      </c>
      <c r="F27" s="313">
        <v>3</v>
      </c>
      <c r="G27" s="313">
        <v>1</v>
      </c>
      <c r="H27" s="313">
        <v>2</v>
      </c>
      <c r="I27" s="313">
        <v>1</v>
      </c>
      <c r="J27" s="313">
        <v>2</v>
      </c>
      <c r="K27" s="314">
        <v>9</v>
      </c>
      <c r="L27" s="315">
        <v>9</v>
      </c>
      <c r="M27" s="310">
        <v>0</v>
      </c>
      <c r="N27" s="313">
        <v>0</v>
      </c>
      <c r="O27" s="311">
        <v>0</v>
      </c>
      <c r="P27" s="312">
        <v>0</v>
      </c>
      <c r="Q27" s="313">
        <v>0</v>
      </c>
      <c r="R27" s="313">
        <v>1</v>
      </c>
      <c r="S27" s="313">
        <v>0</v>
      </c>
      <c r="T27" s="313">
        <v>0</v>
      </c>
      <c r="U27" s="313">
        <v>1</v>
      </c>
      <c r="V27" s="311">
        <v>2</v>
      </c>
      <c r="W27" s="315">
        <v>2</v>
      </c>
      <c r="X27" s="310">
        <v>1</v>
      </c>
      <c r="Y27" s="313">
        <v>4</v>
      </c>
      <c r="Z27" s="311">
        <v>5</v>
      </c>
      <c r="AA27" s="312">
        <v>0</v>
      </c>
      <c r="AB27" s="313">
        <v>2</v>
      </c>
      <c r="AC27" s="313">
        <v>3</v>
      </c>
      <c r="AD27" s="313">
        <v>2</v>
      </c>
      <c r="AE27" s="313">
        <v>2</v>
      </c>
      <c r="AF27" s="313">
        <v>2</v>
      </c>
      <c r="AG27" s="311">
        <v>11</v>
      </c>
      <c r="AH27" s="315">
        <v>16</v>
      </c>
      <c r="AI27" s="310">
        <v>0</v>
      </c>
      <c r="AJ27" s="313">
        <v>0</v>
      </c>
      <c r="AK27" s="311">
        <v>0</v>
      </c>
      <c r="AL27" s="312">
        <v>0</v>
      </c>
      <c r="AM27" s="313">
        <v>0</v>
      </c>
      <c r="AN27" s="313">
        <v>0</v>
      </c>
      <c r="AO27" s="313">
        <v>0</v>
      </c>
      <c r="AP27" s="313">
        <v>1</v>
      </c>
      <c r="AQ27" s="313">
        <v>0</v>
      </c>
      <c r="AR27" s="311">
        <v>1</v>
      </c>
      <c r="AS27" s="315">
        <v>1</v>
      </c>
      <c r="AT27" s="310">
        <v>1</v>
      </c>
      <c r="AU27" s="313">
        <v>0</v>
      </c>
      <c r="AV27" s="311">
        <v>1</v>
      </c>
      <c r="AW27" s="312">
        <v>0</v>
      </c>
      <c r="AX27" s="313">
        <v>2</v>
      </c>
      <c r="AY27" s="313">
        <v>6</v>
      </c>
      <c r="AZ27" s="313">
        <v>0</v>
      </c>
      <c r="BA27" s="313">
        <v>4</v>
      </c>
      <c r="BB27" s="313">
        <v>2</v>
      </c>
      <c r="BC27" s="314">
        <v>14</v>
      </c>
      <c r="BD27" s="315">
        <v>15</v>
      </c>
      <c r="BE27" s="310">
        <v>0</v>
      </c>
      <c r="BF27" s="313">
        <v>0</v>
      </c>
      <c r="BG27" s="311">
        <v>0</v>
      </c>
      <c r="BH27" s="312">
        <v>0</v>
      </c>
      <c r="BI27" s="313">
        <v>8</v>
      </c>
      <c r="BJ27" s="313">
        <v>2</v>
      </c>
      <c r="BK27" s="313">
        <v>1</v>
      </c>
      <c r="BL27" s="313">
        <v>1</v>
      </c>
      <c r="BM27" s="313">
        <v>0</v>
      </c>
      <c r="BN27" s="311">
        <v>12</v>
      </c>
      <c r="BO27" s="315">
        <v>12</v>
      </c>
      <c r="BP27" s="310">
        <v>0</v>
      </c>
      <c r="BQ27" s="313">
        <v>2</v>
      </c>
      <c r="BR27" s="311">
        <v>2</v>
      </c>
      <c r="BS27" s="312">
        <v>0</v>
      </c>
      <c r="BT27" s="313">
        <v>0</v>
      </c>
      <c r="BU27" s="313">
        <v>5</v>
      </c>
      <c r="BV27" s="313">
        <v>3</v>
      </c>
      <c r="BW27" s="313">
        <v>2</v>
      </c>
      <c r="BX27" s="313">
        <v>0</v>
      </c>
      <c r="BY27" s="311">
        <v>10</v>
      </c>
      <c r="BZ27" s="315">
        <v>12</v>
      </c>
      <c r="CA27" s="310">
        <v>0</v>
      </c>
      <c r="CB27" s="313">
        <v>0</v>
      </c>
      <c r="CC27" s="311">
        <v>0</v>
      </c>
      <c r="CD27" s="312">
        <v>0</v>
      </c>
      <c r="CE27" s="313">
        <v>2</v>
      </c>
      <c r="CF27" s="313">
        <v>1</v>
      </c>
      <c r="CG27" s="313">
        <v>1</v>
      </c>
      <c r="CH27" s="313">
        <v>0</v>
      </c>
      <c r="CI27" s="313">
        <v>0</v>
      </c>
      <c r="CJ27" s="311">
        <v>4</v>
      </c>
      <c r="CK27" s="315">
        <v>4</v>
      </c>
      <c r="CL27" s="310">
        <v>0</v>
      </c>
      <c r="CM27" s="313">
        <v>0</v>
      </c>
      <c r="CN27" s="311">
        <v>0</v>
      </c>
      <c r="CO27" s="312">
        <v>0</v>
      </c>
      <c r="CP27" s="313">
        <v>0</v>
      </c>
      <c r="CQ27" s="313">
        <v>0</v>
      </c>
      <c r="CR27" s="313">
        <v>0</v>
      </c>
      <c r="CS27" s="313">
        <v>0</v>
      </c>
      <c r="CT27" s="313">
        <v>0</v>
      </c>
      <c r="CU27" s="311">
        <v>0</v>
      </c>
      <c r="CV27" s="315">
        <v>0</v>
      </c>
      <c r="CW27" s="310">
        <v>0</v>
      </c>
      <c r="CX27" s="313">
        <v>0</v>
      </c>
      <c r="CY27" s="311">
        <v>0</v>
      </c>
      <c r="CZ27" s="312">
        <v>0</v>
      </c>
      <c r="DA27" s="313">
        <v>0</v>
      </c>
      <c r="DB27" s="313">
        <v>0</v>
      </c>
      <c r="DC27" s="313">
        <v>0</v>
      </c>
      <c r="DD27" s="313">
        <v>0</v>
      </c>
      <c r="DE27" s="313">
        <v>0</v>
      </c>
      <c r="DF27" s="311">
        <v>0</v>
      </c>
      <c r="DG27" s="315">
        <v>0</v>
      </c>
      <c r="DH27" s="310">
        <v>0</v>
      </c>
      <c r="DI27" s="313">
        <v>0</v>
      </c>
      <c r="DJ27" s="311">
        <v>0</v>
      </c>
      <c r="DK27" s="312">
        <v>0</v>
      </c>
      <c r="DL27" s="313">
        <v>0</v>
      </c>
      <c r="DM27" s="313">
        <v>0</v>
      </c>
      <c r="DN27" s="313">
        <v>0</v>
      </c>
      <c r="DO27" s="313">
        <v>0</v>
      </c>
      <c r="DP27" s="313">
        <v>0</v>
      </c>
      <c r="DQ27" s="311">
        <v>0</v>
      </c>
      <c r="DR27" s="315">
        <v>0</v>
      </c>
      <c r="DS27" s="310">
        <v>3</v>
      </c>
      <c r="DT27" s="313">
        <v>7</v>
      </c>
      <c r="DU27" s="311">
        <v>10</v>
      </c>
      <c r="DV27" s="312">
        <v>0</v>
      </c>
      <c r="DW27" s="313">
        <v>6</v>
      </c>
      <c r="DX27" s="313">
        <v>7</v>
      </c>
      <c r="DY27" s="313">
        <v>3</v>
      </c>
      <c r="DZ27" s="313">
        <v>6</v>
      </c>
      <c r="EA27" s="313">
        <v>4</v>
      </c>
      <c r="EB27" s="311">
        <v>26</v>
      </c>
      <c r="EC27" s="315">
        <v>36</v>
      </c>
      <c r="ED27" s="310">
        <v>0</v>
      </c>
      <c r="EE27" s="313">
        <v>0</v>
      </c>
      <c r="EF27" s="311">
        <v>0</v>
      </c>
      <c r="EG27" s="312">
        <v>0</v>
      </c>
      <c r="EH27" s="313">
        <v>0</v>
      </c>
      <c r="EI27" s="313">
        <v>2</v>
      </c>
      <c r="EJ27" s="313">
        <v>0</v>
      </c>
      <c r="EK27" s="313">
        <v>2</v>
      </c>
      <c r="EL27" s="313">
        <v>1</v>
      </c>
      <c r="EM27" s="311">
        <v>5</v>
      </c>
      <c r="EN27" s="315">
        <v>5</v>
      </c>
      <c r="EO27" s="310">
        <v>4</v>
      </c>
      <c r="EP27" s="313">
        <v>10</v>
      </c>
      <c r="EQ27" s="311">
        <v>14</v>
      </c>
      <c r="ER27" s="312">
        <v>0</v>
      </c>
      <c r="ES27" s="313">
        <v>13</v>
      </c>
      <c r="ET27" s="313">
        <v>9</v>
      </c>
      <c r="EU27" s="313">
        <v>6</v>
      </c>
      <c r="EV27" s="313">
        <v>6</v>
      </c>
      <c r="EW27" s="313">
        <v>3</v>
      </c>
      <c r="EX27" s="311">
        <v>37</v>
      </c>
      <c r="EY27" s="315">
        <v>51</v>
      </c>
    </row>
    <row r="28" spans="1:155" ht="19.5" customHeight="1" x14ac:dyDescent="0.2">
      <c r="A28" s="297" t="s">
        <v>26</v>
      </c>
      <c r="B28" s="310">
        <v>0</v>
      </c>
      <c r="C28" s="313">
        <v>0</v>
      </c>
      <c r="D28" s="441">
        <v>0</v>
      </c>
      <c r="E28" s="312">
        <v>0</v>
      </c>
      <c r="F28" s="313">
        <v>4</v>
      </c>
      <c r="G28" s="313">
        <v>3</v>
      </c>
      <c r="H28" s="313">
        <v>3</v>
      </c>
      <c r="I28" s="313">
        <v>1</v>
      </c>
      <c r="J28" s="313">
        <v>3</v>
      </c>
      <c r="K28" s="314">
        <v>14</v>
      </c>
      <c r="L28" s="315">
        <v>14</v>
      </c>
      <c r="M28" s="310">
        <v>0</v>
      </c>
      <c r="N28" s="313">
        <v>0</v>
      </c>
      <c r="O28" s="311">
        <v>0</v>
      </c>
      <c r="P28" s="312">
        <v>0</v>
      </c>
      <c r="Q28" s="313">
        <v>0</v>
      </c>
      <c r="R28" s="313">
        <v>0</v>
      </c>
      <c r="S28" s="313">
        <v>0</v>
      </c>
      <c r="T28" s="313">
        <v>0</v>
      </c>
      <c r="U28" s="313">
        <v>2</v>
      </c>
      <c r="V28" s="311">
        <v>2</v>
      </c>
      <c r="W28" s="315">
        <v>2</v>
      </c>
      <c r="X28" s="310">
        <v>0</v>
      </c>
      <c r="Y28" s="313">
        <v>3</v>
      </c>
      <c r="Z28" s="311">
        <v>3</v>
      </c>
      <c r="AA28" s="312">
        <v>0</v>
      </c>
      <c r="AB28" s="313">
        <v>2</v>
      </c>
      <c r="AC28" s="313">
        <v>4</v>
      </c>
      <c r="AD28" s="313">
        <v>2</v>
      </c>
      <c r="AE28" s="313">
        <v>2</v>
      </c>
      <c r="AF28" s="313">
        <v>5</v>
      </c>
      <c r="AG28" s="311">
        <v>15</v>
      </c>
      <c r="AH28" s="315">
        <v>18</v>
      </c>
      <c r="AI28" s="310">
        <v>0</v>
      </c>
      <c r="AJ28" s="313">
        <v>0</v>
      </c>
      <c r="AK28" s="311">
        <v>0</v>
      </c>
      <c r="AL28" s="312">
        <v>0</v>
      </c>
      <c r="AM28" s="313">
        <v>0</v>
      </c>
      <c r="AN28" s="313">
        <v>0</v>
      </c>
      <c r="AO28" s="313">
        <v>0</v>
      </c>
      <c r="AP28" s="313">
        <v>0</v>
      </c>
      <c r="AQ28" s="313">
        <v>0</v>
      </c>
      <c r="AR28" s="311">
        <v>0</v>
      </c>
      <c r="AS28" s="315">
        <v>0</v>
      </c>
      <c r="AT28" s="310">
        <v>2</v>
      </c>
      <c r="AU28" s="313">
        <v>0</v>
      </c>
      <c r="AV28" s="311">
        <v>2</v>
      </c>
      <c r="AW28" s="312">
        <v>0</v>
      </c>
      <c r="AX28" s="313">
        <v>2</v>
      </c>
      <c r="AY28" s="313">
        <v>4</v>
      </c>
      <c r="AZ28" s="313">
        <v>1</v>
      </c>
      <c r="BA28" s="313">
        <v>4</v>
      </c>
      <c r="BB28" s="313">
        <v>6</v>
      </c>
      <c r="BC28" s="314">
        <v>17</v>
      </c>
      <c r="BD28" s="315">
        <v>19</v>
      </c>
      <c r="BE28" s="310">
        <v>0</v>
      </c>
      <c r="BF28" s="313">
        <v>0</v>
      </c>
      <c r="BG28" s="311">
        <v>0</v>
      </c>
      <c r="BH28" s="312">
        <v>0</v>
      </c>
      <c r="BI28" s="313">
        <v>11</v>
      </c>
      <c r="BJ28" s="313">
        <v>2</v>
      </c>
      <c r="BK28" s="313">
        <v>2</v>
      </c>
      <c r="BL28" s="313">
        <v>0</v>
      </c>
      <c r="BM28" s="313">
        <v>0</v>
      </c>
      <c r="BN28" s="311">
        <v>15</v>
      </c>
      <c r="BO28" s="315">
        <v>15</v>
      </c>
      <c r="BP28" s="310">
        <v>0</v>
      </c>
      <c r="BQ28" s="313">
        <v>1</v>
      </c>
      <c r="BR28" s="311">
        <v>1</v>
      </c>
      <c r="BS28" s="312">
        <v>0</v>
      </c>
      <c r="BT28" s="313">
        <v>3</v>
      </c>
      <c r="BU28" s="313">
        <v>4</v>
      </c>
      <c r="BV28" s="313">
        <v>1</v>
      </c>
      <c r="BW28" s="313">
        <v>0</v>
      </c>
      <c r="BX28" s="313">
        <v>0</v>
      </c>
      <c r="BY28" s="311">
        <v>8</v>
      </c>
      <c r="BZ28" s="315">
        <v>9</v>
      </c>
      <c r="CA28" s="310">
        <v>0</v>
      </c>
      <c r="CB28" s="313">
        <v>0</v>
      </c>
      <c r="CC28" s="311">
        <v>0</v>
      </c>
      <c r="CD28" s="312">
        <v>0</v>
      </c>
      <c r="CE28" s="313">
        <v>1</v>
      </c>
      <c r="CF28" s="313">
        <v>0</v>
      </c>
      <c r="CG28" s="313">
        <v>1</v>
      </c>
      <c r="CH28" s="313">
        <v>0</v>
      </c>
      <c r="CI28" s="313">
        <v>0</v>
      </c>
      <c r="CJ28" s="311">
        <v>2</v>
      </c>
      <c r="CK28" s="315">
        <v>2</v>
      </c>
      <c r="CL28" s="310">
        <v>0</v>
      </c>
      <c r="CM28" s="313">
        <v>0</v>
      </c>
      <c r="CN28" s="311">
        <v>0</v>
      </c>
      <c r="CO28" s="312">
        <v>0</v>
      </c>
      <c r="CP28" s="313">
        <v>0</v>
      </c>
      <c r="CQ28" s="313">
        <v>0</v>
      </c>
      <c r="CR28" s="313">
        <v>1</v>
      </c>
      <c r="CS28" s="313">
        <v>0</v>
      </c>
      <c r="CT28" s="313">
        <v>0</v>
      </c>
      <c r="CU28" s="311">
        <v>1</v>
      </c>
      <c r="CV28" s="315">
        <v>1</v>
      </c>
      <c r="CW28" s="310">
        <v>0</v>
      </c>
      <c r="CX28" s="313">
        <v>0</v>
      </c>
      <c r="CY28" s="311">
        <v>0</v>
      </c>
      <c r="CZ28" s="312">
        <v>0</v>
      </c>
      <c r="DA28" s="313">
        <v>0</v>
      </c>
      <c r="DB28" s="313">
        <v>0</v>
      </c>
      <c r="DC28" s="313">
        <v>0</v>
      </c>
      <c r="DD28" s="313">
        <v>0</v>
      </c>
      <c r="DE28" s="313">
        <v>0</v>
      </c>
      <c r="DF28" s="311">
        <v>0</v>
      </c>
      <c r="DG28" s="315">
        <v>0</v>
      </c>
      <c r="DH28" s="310">
        <v>0</v>
      </c>
      <c r="DI28" s="313">
        <v>0</v>
      </c>
      <c r="DJ28" s="311">
        <v>0</v>
      </c>
      <c r="DK28" s="312">
        <v>0</v>
      </c>
      <c r="DL28" s="313">
        <v>0</v>
      </c>
      <c r="DM28" s="313">
        <v>0</v>
      </c>
      <c r="DN28" s="313">
        <v>0</v>
      </c>
      <c r="DO28" s="313">
        <v>0</v>
      </c>
      <c r="DP28" s="313">
        <v>0</v>
      </c>
      <c r="DQ28" s="311">
        <v>0</v>
      </c>
      <c r="DR28" s="315">
        <v>0</v>
      </c>
      <c r="DS28" s="310">
        <v>5</v>
      </c>
      <c r="DT28" s="313">
        <v>6</v>
      </c>
      <c r="DU28" s="311">
        <v>11</v>
      </c>
      <c r="DV28" s="312">
        <v>0</v>
      </c>
      <c r="DW28" s="313">
        <v>10</v>
      </c>
      <c r="DX28" s="313">
        <v>8</v>
      </c>
      <c r="DY28" s="313">
        <v>7</v>
      </c>
      <c r="DZ28" s="313">
        <v>3</v>
      </c>
      <c r="EA28" s="313">
        <v>5</v>
      </c>
      <c r="EB28" s="311">
        <v>33</v>
      </c>
      <c r="EC28" s="315">
        <v>44</v>
      </c>
      <c r="ED28" s="310">
        <v>2</v>
      </c>
      <c r="EE28" s="313">
        <v>1</v>
      </c>
      <c r="EF28" s="311">
        <v>3</v>
      </c>
      <c r="EG28" s="312">
        <v>0</v>
      </c>
      <c r="EH28" s="313">
        <v>1</v>
      </c>
      <c r="EI28" s="313">
        <v>5</v>
      </c>
      <c r="EJ28" s="313">
        <v>0</v>
      </c>
      <c r="EK28" s="313">
        <v>1</v>
      </c>
      <c r="EL28" s="313">
        <v>1</v>
      </c>
      <c r="EM28" s="311">
        <v>8</v>
      </c>
      <c r="EN28" s="315">
        <v>11</v>
      </c>
      <c r="EO28" s="310">
        <v>5</v>
      </c>
      <c r="EP28" s="313">
        <v>9</v>
      </c>
      <c r="EQ28" s="311">
        <v>14</v>
      </c>
      <c r="ER28" s="312">
        <v>0</v>
      </c>
      <c r="ES28" s="313">
        <v>22</v>
      </c>
      <c r="ET28" s="313">
        <v>10</v>
      </c>
      <c r="EU28" s="313">
        <v>8</v>
      </c>
      <c r="EV28" s="313">
        <v>3</v>
      </c>
      <c r="EW28" s="313">
        <v>5</v>
      </c>
      <c r="EX28" s="311">
        <v>48</v>
      </c>
      <c r="EY28" s="315">
        <v>62</v>
      </c>
    </row>
    <row r="29" spans="1:155" ht="19.5" customHeight="1" x14ac:dyDescent="0.2">
      <c r="A29" s="297" t="s">
        <v>27</v>
      </c>
      <c r="B29" s="310">
        <v>0</v>
      </c>
      <c r="C29" s="313">
        <v>0</v>
      </c>
      <c r="D29" s="441">
        <v>0</v>
      </c>
      <c r="E29" s="312">
        <v>0</v>
      </c>
      <c r="F29" s="313">
        <v>3</v>
      </c>
      <c r="G29" s="313">
        <v>1</v>
      </c>
      <c r="H29" s="313">
        <v>2</v>
      </c>
      <c r="I29" s="313">
        <v>1</v>
      </c>
      <c r="J29" s="313">
        <v>1</v>
      </c>
      <c r="K29" s="314">
        <v>8</v>
      </c>
      <c r="L29" s="315">
        <v>8</v>
      </c>
      <c r="M29" s="310">
        <v>0</v>
      </c>
      <c r="N29" s="313">
        <v>0</v>
      </c>
      <c r="O29" s="311">
        <v>0</v>
      </c>
      <c r="P29" s="312">
        <v>0</v>
      </c>
      <c r="Q29" s="313">
        <v>0</v>
      </c>
      <c r="R29" s="313">
        <v>0</v>
      </c>
      <c r="S29" s="313">
        <v>0</v>
      </c>
      <c r="T29" s="313">
        <v>0</v>
      </c>
      <c r="U29" s="313">
        <v>0</v>
      </c>
      <c r="V29" s="311">
        <v>0</v>
      </c>
      <c r="W29" s="315">
        <v>0</v>
      </c>
      <c r="X29" s="310">
        <v>1</v>
      </c>
      <c r="Y29" s="313">
        <v>2</v>
      </c>
      <c r="Z29" s="311">
        <v>3</v>
      </c>
      <c r="AA29" s="312">
        <v>0</v>
      </c>
      <c r="AB29" s="313">
        <v>5</v>
      </c>
      <c r="AC29" s="313">
        <v>3</v>
      </c>
      <c r="AD29" s="313">
        <v>2</v>
      </c>
      <c r="AE29" s="313">
        <v>1</v>
      </c>
      <c r="AF29" s="313">
        <v>1</v>
      </c>
      <c r="AG29" s="311">
        <v>12</v>
      </c>
      <c r="AH29" s="315">
        <v>15</v>
      </c>
      <c r="AI29" s="310">
        <v>0</v>
      </c>
      <c r="AJ29" s="313">
        <v>1</v>
      </c>
      <c r="AK29" s="311">
        <v>1</v>
      </c>
      <c r="AL29" s="312">
        <v>0</v>
      </c>
      <c r="AM29" s="313">
        <v>0</v>
      </c>
      <c r="AN29" s="313">
        <v>0</v>
      </c>
      <c r="AO29" s="313">
        <v>0</v>
      </c>
      <c r="AP29" s="313">
        <v>0</v>
      </c>
      <c r="AQ29" s="313">
        <v>0</v>
      </c>
      <c r="AR29" s="311">
        <v>0</v>
      </c>
      <c r="AS29" s="315">
        <v>1</v>
      </c>
      <c r="AT29" s="310">
        <v>0</v>
      </c>
      <c r="AU29" s="313">
        <v>2</v>
      </c>
      <c r="AV29" s="311">
        <v>2</v>
      </c>
      <c r="AW29" s="312">
        <v>0</v>
      </c>
      <c r="AX29" s="313">
        <v>5</v>
      </c>
      <c r="AY29" s="313">
        <v>4</v>
      </c>
      <c r="AZ29" s="313">
        <v>5</v>
      </c>
      <c r="BA29" s="313">
        <v>4</v>
      </c>
      <c r="BB29" s="313">
        <v>2</v>
      </c>
      <c r="BC29" s="314">
        <v>20</v>
      </c>
      <c r="BD29" s="315">
        <v>22</v>
      </c>
      <c r="BE29" s="310">
        <v>0</v>
      </c>
      <c r="BF29" s="313">
        <v>0</v>
      </c>
      <c r="BG29" s="311">
        <v>0</v>
      </c>
      <c r="BH29" s="312">
        <v>0</v>
      </c>
      <c r="BI29" s="313">
        <v>3</v>
      </c>
      <c r="BJ29" s="313">
        <v>1</v>
      </c>
      <c r="BK29" s="313">
        <v>2</v>
      </c>
      <c r="BL29" s="313">
        <v>1</v>
      </c>
      <c r="BM29" s="313">
        <v>0</v>
      </c>
      <c r="BN29" s="311">
        <v>7</v>
      </c>
      <c r="BO29" s="315">
        <v>7</v>
      </c>
      <c r="BP29" s="310">
        <v>2</v>
      </c>
      <c r="BQ29" s="313">
        <v>2</v>
      </c>
      <c r="BR29" s="311">
        <v>4</v>
      </c>
      <c r="BS29" s="312">
        <v>0</v>
      </c>
      <c r="BT29" s="313">
        <v>1</v>
      </c>
      <c r="BU29" s="313">
        <v>2</v>
      </c>
      <c r="BV29" s="313">
        <v>1</v>
      </c>
      <c r="BW29" s="313">
        <v>0</v>
      </c>
      <c r="BX29" s="313">
        <v>0</v>
      </c>
      <c r="BY29" s="311">
        <v>4</v>
      </c>
      <c r="BZ29" s="315">
        <v>8</v>
      </c>
      <c r="CA29" s="310">
        <v>0</v>
      </c>
      <c r="CB29" s="313">
        <v>0</v>
      </c>
      <c r="CC29" s="311">
        <v>0</v>
      </c>
      <c r="CD29" s="312">
        <v>0</v>
      </c>
      <c r="CE29" s="313">
        <v>0</v>
      </c>
      <c r="CF29" s="313">
        <v>1</v>
      </c>
      <c r="CG29" s="313">
        <v>1</v>
      </c>
      <c r="CH29" s="313">
        <v>0</v>
      </c>
      <c r="CI29" s="313">
        <v>0</v>
      </c>
      <c r="CJ29" s="311">
        <v>2</v>
      </c>
      <c r="CK29" s="315">
        <v>2</v>
      </c>
      <c r="CL29" s="310">
        <v>0</v>
      </c>
      <c r="CM29" s="313">
        <v>0</v>
      </c>
      <c r="CN29" s="311">
        <v>0</v>
      </c>
      <c r="CO29" s="312">
        <v>0</v>
      </c>
      <c r="CP29" s="313">
        <v>1</v>
      </c>
      <c r="CQ29" s="313">
        <v>1</v>
      </c>
      <c r="CR29" s="313">
        <v>0</v>
      </c>
      <c r="CS29" s="313">
        <v>0</v>
      </c>
      <c r="CT29" s="313">
        <v>0</v>
      </c>
      <c r="CU29" s="311">
        <v>2</v>
      </c>
      <c r="CV29" s="315">
        <v>2</v>
      </c>
      <c r="CW29" s="310">
        <v>0</v>
      </c>
      <c r="CX29" s="313">
        <v>0</v>
      </c>
      <c r="CY29" s="311">
        <v>0</v>
      </c>
      <c r="CZ29" s="312">
        <v>0</v>
      </c>
      <c r="DA29" s="313">
        <v>0</v>
      </c>
      <c r="DB29" s="313">
        <v>0</v>
      </c>
      <c r="DC29" s="313">
        <v>0</v>
      </c>
      <c r="DD29" s="313">
        <v>0</v>
      </c>
      <c r="DE29" s="313">
        <v>0</v>
      </c>
      <c r="DF29" s="311">
        <v>0</v>
      </c>
      <c r="DG29" s="315">
        <v>0</v>
      </c>
      <c r="DH29" s="310">
        <v>0</v>
      </c>
      <c r="DI29" s="313">
        <v>0</v>
      </c>
      <c r="DJ29" s="311">
        <v>0</v>
      </c>
      <c r="DK29" s="312">
        <v>0</v>
      </c>
      <c r="DL29" s="313">
        <v>0</v>
      </c>
      <c r="DM29" s="313">
        <v>0</v>
      </c>
      <c r="DN29" s="313">
        <v>0</v>
      </c>
      <c r="DO29" s="313">
        <v>0</v>
      </c>
      <c r="DP29" s="313">
        <v>0</v>
      </c>
      <c r="DQ29" s="311">
        <v>0</v>
      </c>
      <c r="DR29" s="315">
        <v>0</v>
      </c>
      <c r="DS29" s="310">
        <v>3</v>
      </c>
      <c r="DT29" s="313">
        <v>8</v>
      </c>
      <c r="DU29" s="311">
        <v>11</v>
      </c>
      <c r="DV29" s="312">
        <v>0</v>
      </c>
      <c r="DW29" s="313">
        <v>3</v>
      </c>
      <c r="DX29" s="313">
        <v>4</v>
      </c>
      <c r="DY29" s="313">
        <v>6</v>
      </c>
      <c r="DZ29" s="313">
        <v>2</v>
      </c>
      <c r="EA29" s="313">
        <v>1</v>
      </c>
      <c r="EB29" s="311">
        <v>16</v>
      </c>
      <c r="EC29" s="315">
        <v>27</v>
      </c>
      <c r="ED29" s="310">
        <v>1</v>
      </c>
      <c r="EE29" s="313">
        <v>2</v>
      </c>
      <c r="EF29" s="311">
        <v>3</v>
      </c>
      <c r="EG29" s="312">
        <v>0</v>
      </c>
      <c r="EH29" s="313">
        <v>6</v>
      </c>
      <c r="EI29" s="313">
        <v>2</v>
      </c>
      <c r="EJ29" s="313">
        <v>4</v>
      </c>
      <c r="EK29" s="313">
        <v>2</v>
      </c>
      <c r="EL29" s="313">
        <v>1</v>
      </c>
      <c r="EM29" s="311">
        <v>15</v>
      </c>
      <c r="EN29" s="315">
        <v>18</v>
      </c>
      <c r="EO29" s="310">
        <v>6</v>
      </c>
      <c r="EP29" s="313">
        <v>10</v>
      </c>
      <c r="EQ29" s="311">
        <v>16</v>
      </c>
      <c r="ER29" s="312">
        <v>0</v>
      </c>
      <c r="ES29" s="313">
        <v>8</v>
      </c>
      <c r="ET29" s="313">
        <v>5</v>
      </c>
      <c r="EU29" s="313">
        <v>7</v>
      </c>
      <c r="EV29" s="313">
        <v>2</v>
      </c>
      <c r="EW29" s="313">
        <v>1</v>
      </c>
      <c r="EX29" s="311">
        <v>23</v>
      </c>
      <c r="EY29" s="315">
        <v>39</v>
      </c>
    </row>
    <row r="30" spans="1:155" ht="19.5" customHeight="1" x14ac:dyDescent="0.2">
      <c r="A30" s="297" t="s">
        <v>28</v>
      </c>
      <c r="B30" s="310">
        <v>0</v>
      </c>
      <c r="C30" s="313">
        <v>0</v>
      </c>
      <c r="D30" s="441">
        <v>0</v>
      </c>
      <c r="E30" s="312">
        <v>0</v>
      </c>
      <c r="F30" s="313">
        <v>1</v>
      </c>
      <c r="G30" s="313">
        <v>2</v>
      </c>
      <c r="H30" s="313">
        <v>0</v>
      </c>
      <c r="I30" s="313">
        <v>0</v>
      </c>
      <c r="J30" s="313">
        <v>0</v>
      </c>
      <c r="K30" s="314">
        <v>3</v>
      </c>
      <c r="L30" s="315">
        <v>3</v>
      </c>
      <c r="M30" s="310">
        <v>0</v>
      </c>
      <c r="N30" s="313">
        <v>0</v>
      </c>
      <c r="O30" s="311">
        <v>0</v>
      </c>
      <c r="P30" s="312">
        <v>0</v>
      </c>
      <c r="Q30" s="313">
        <v>0</v>
      </c>
      <c r="R30" s="313">
        <v>0</v>
      </c>
      <c r="S30" s="313">
        <v>0</v>
      </c>
      <c r="T30" s="313">
        <v>0</v>
      </c>
      <c r="U30" s="313">
        <v>0</v>
      </c>
      <c r="V30" s="311">
        <v>0</v>
      </c>
      <c r="W30" s="315">
        <v>0</v>
      </c>
      <c r="X30" s="310">
        <v>0</v>
      </c>
      <c r="Y30" s="313">
        <v>0</v>
      </c>
      <c r="Z30" s="311">
        <v>0</v>
      </c>
      <c r="AA30" s="312">
        <v>0</v>
      </c>
      <c r="AB30" s="313">
        <v>0</v>
      </c>
      <c r="AC30" s="313">
        <v>1</v>
      </c>
      <c r="AD30" s="313">
        <v>1</v>
      </c>
      <c r="AE30" s="313">
        <v>0</v>
      </c>
      <c r="AF30" s="313">
        <v>0</v>
      </c>
      <c r="AG30" s="311">
        <v>2</v>
      </c>
      <c r="AH30" s="315">
        <v>2</v>
      </c>
      <c r="AI30" s="310">
        <v>0</v>
      </c>
      <c r="AJ30" s="313">
        <v>0</v>
      </c>
      <c r="AK30" s="311">
        <v>0</v>
      </c>
      <c r="AL30" s="312">
        <v>0</v>
      </c>
      <c r="AM30" s="313">
        <v>1</v>
      </c>
      <c r="AN30" s="313">
        <v>0</v>
      </c>
      <c r="AO30" s="313">
        <v>0</v>
      </c>
      <c r="AP30" s="313">
        <v>0</v>
      </c>
      <c r="AQ30" s="313">
        <v>0</v>
      </c>
      <c r="AR30" s="311">
        <v>1</v>
      </c>
      <c r="AS30" s="315">
        <v>1</v>
      </c>
      <c r="AT30" s="310">
        <v>0</v>
      </c>
      <c r="AU30" s="313">
        <v>0</v>
      </c>
      <c r="AV30" s="311">
        <v>0</v>
      </c>
      <c r="AW30" s="312">
        <v>0</v>
      </c>
      <c r="AX30" s="313">
        <v>1</v>
      </c>
      <c r="AY30" s="313">
        <v>4</v>
      </c>
      <c r="AZ30" s="313">
        <v>1</v>
      </c>
      <c r="BA30" s="313">
        <v>0</v>
      </c>
      <c r="BB30" s="313">
        <v>1</v>
      </c>
      <c r="BC30" s="314">
        <v>7</v>
      </c>
      <c r="BD30" s="315">
        <v>7</v>
      </c>
      <c r="BE30" s="310">
        <v>0</v>
      </c>
      <c r="BF30" s="313">
        <v>0</v>
      </c>
      <c r="BG30" s="311">
        <v>0</v>
      </c>
      <c r="BH30" s="312">
        <v>0</v>
      </c>
      <c r="BI30" s="313">
        <v>2</v>
      </c>
      <c r="BJ30" s="313">
        <v>3</v>
      </c>
      <c r="BK30" s="313">
        <v>0</v>
      </c>
      <c r="BL30" s="313">
        <v>0</v>
      </c>
      <c r="BM30" s="313">
        <v>0</v>
      </c>
      <c r="BN30" s="311">
        <v>5</v>
      </c>
      <c r="BO30" s="315">
        <v>5</v>
      </c>
      <c r="BP30" s="310">
        <v>0</v>
      </c>
      <c r="BQ30" s="313">
        <v>1</v>
      </c>
      <c r="BR30" s="311">
        <v>1</v>
      </c>
      <c r="BS30" s="312">
        <v>0</v>
      </c>
      <c r="BT30" s="313">
        <v>1</v>
      </c>
      <c r="BU30" s="313">
        <v>1</v>
      </c>
      <c r="BV30" s="313">
        <v>1</v>
      </c>
      <c r="BW30" s="313">
        <v>0</v>
      </c>
      <c r="BX30" s="313">
        <v>1</v>
      </c>
      <c r="BY30" s="311">
        <v>4</v>
      </c>
      <c r="BZ30" s="315">
        <v>5</v>
      </c>
      <c r="CA30" s="310">
        <v>0</v>
      </c>
      <c r="CB30" s="313">
        <v>0</v>
      </c>
      <c r="CC30" s="311">
        <v>0</v>
      </c>
      <c r="CD30" s="312">
        <v>0</v>
      </c>
      <c r="CE30" s="313">
        <v>0</v>
      </c>
      <c r="CF30" s="313">
        <v>0</v>
      </c>
      <c r="CG30" s="313">
        <v>1</v>
      </c>
      <c r="CH30" s="313">
        <v>0</v>
      </c>
      <c r="CI30" s="313">
        <v>0</v>
      </c>
      <c r="CJ30" s="311">
        <v>1</v>
      </c>
      <c r="CK30" s="315">
        <v>1</v>
      </c>
      <c r="CL30" s="310">
        <v>0</v>
      </c>
      <c r="CM30" s="313">
        <v>0</v>
      </c>
      <c r="CN30" s="311">
        <v>0</v>
      </c>
      <c r="CO30" s="312">
        <v>0</v>
      </c>
      <c r="CP30" s="313">
        <v>0</v>
      </c>
      <c r="CQ30" s="313">
        <v>0</v>
      </c>
      <c r="CR30" s="313">
        <v>0</v>
      </c>
      <c r="CS30" s="313">
        <v>0</v>
      </c>
      <c r="CT30" s="313">
        <v>0</v>
      </c>
      <c r="CU30" s="311">
        <v>0</v>
      </c>
      <c r="CV30" s="315">
        <v>0</v>
      </c>
      <c r="CW30" s="310">
        <v>0</v>
      </c>
      <c r="CX30" s="313">
        <v>0</v>
      </c>
      <c r="CY30" s="311">
        <v>0</v>
      </c>
      <c r="CZ30" s="312">
        <v>0</v>
      </c>
      <c r="DA30" s="313">
        <v>0</v>
      </c>
      <c r="DB30" s="313">
        <v>0</v>
      </c>
      <c r="DC30" s="313">
        <v>0</v>
      </c>
      <c r="DD30" s="313">
        <v>0</v>
      </c>
      <c r="DE30" s="313">
        <v>0</v>
      </c>
      <c r="DF30" s="311">
        <v>0</v>
      </c>
      <c r="DG30" s="315">
        <v>0</v>
      </c>
      <c r="DH30" s="310">
        <v>0</v>
      </c>
      <c r="DI30" s="313">
        <v>0</v>
      </c>
      <c r="DJ30" s="311">
        <v>0</v>
      </c>
      <c r="DK30" s="312">
        <v>0</v>
      </c>
      <c r="DL30" s="313">
        <v>0</v>
      </c>
      <c r="DM30" s="313">
        <v>0</v>
      </c>
      <c r="DN30" s="313">
        <v>0</v>
      </c>
      <c r="DO30" s="313">
        <v>0</v>
      </c>
      <c r="DP30" s="313">
        <v>0</v>
      </c>
      <c r="DQ30" s="311">
        <v>0</v>
      </c>
      <c r="DR30" s="315">
        <v>0</v>
      </c>
      <c r="DS30" s="310">
        <v>0</v>
      </c>
      <c r="DT30" s="313">
        <v>2</v>
      </c>
      <c r="DU30" s="311">
        <v>2</v>
      </c>
      <c r="DV30" s="312">
        <v>0</v>
      </c>
      <c r="DW30" s="313">
        <v>3</v>
      </c>
      <c r="DX30" s="313">
        <v>6</v>
      </c>
      <c r="DY30" s="313">
        <v>1</v>
      </c>
      <c r="DZ30" s="313">
        <v>0</v>
      </c>
      <c r="EA30" s="313">
        <v>1</v>
      </c>
      <c r="EB30" s="311">
        <v>11</v>
      </c>
      <c r="EC30" s="315">
        <v>13</v>
      </c>
      <c r="ED30" s="310">
        <v>0</v>
      </c>
      <c r="EE30" s="313">
        <v>0</v>
      </c>
      <c r="EF30" s="311">
        <v>0</v>
      </c>
      <c r="EG30" s="312">
        <v>0</v>
      </c>
      <c r="EH30" s="313">
        <v>1</v>
      </c>
      <c r="EI30" s="313">
        <v>1</v>
      </c>
      <c r="EJ30" s="313">
        <v>0</v>
      </c>
      <c r="EK30" s="313">
        <v>0</v>
      </c>
      <c r="EL30" s="313">
        <v>1</v>
      </c>
      <c r="EM30" s="311">
        <v>3</v>
      </c>
      <c r="EN30" s="315">
        <v>3</v>
      </c>
      <c r="EO30" s="310">
        <v>0</v>
      </c>
      <c r="EP30" s="313">
        <v>2</v>
      </c>
      <c r="EQ30" s="311">
        <v>2</v>
      </c>
      <c r="ER30" s="312">
        <v>0</v>
      </c>
      <c r="ES30" s="313">
        <v>5</v>
      </c>
      <c r="ET30" s="313">
        <v>7</v>
      </c>
      <c r="EU30" s="313">
        <v>2</v>
      </c>
      <c r="EV30" s="313">
        <v>0</v>
      </c>
      <c r="EW30" s="313">
        <v>1</v>
      </c>
      <c r="EX30" s="311">
        <v>15</v>
      </c>
      <c r="EY30" s="315">
        <v>17</v>
      </c>
    </row>
    <row r="31" spans="1:155" ht="19.5" customHeight="1" x14ac:dyDescent="0.2">
      <c r="A31" s="297" t="s">
        <v>29</v>
      </c>
      <c r="B31" s="310">
        <v>0</v>
      </c>
      <c r="C31" s="313">
        <v>0</v>
      </c>
      <c r="D31" s="441">
        <v>0</v>
      </c>
      <c r="E31" s="312">
        <v>0</v>
      </c>
      <c r="F31" s="313">
        <v>1</v>
      </c>
      <c r="G31" s="313">
        <v>2</v>
      </c>
      <c r="H31" s="313">
        <v>0</v>
      </c>
      <c r="I31" s="313">
        <v>0</v>
      </c>
      <c r="J31" s="313">
        <v>0</v>
      </c>
      <c r="K31" s="314">
        <v>3</v>
      </c>
      <c r="L31" s="315">
        <v>3</v>
      </c>
      <c r="M31" s="310">
        <v>0</v>
      </c>
      <c r="N31" s="313">
        <v>0</v>
      </c>
      <c r="O31" s="311">
        <v>0</v>
      </c>
      <c r="P31" s="312">
        <v>0</v>
      </c>
      <c r="Q31" s="313">
        <v>0</v>
      </c>
      <c r="R31" s="313">
        <v>0</v>
      </c>
      <c r="S31" s="313">
        <v>1</v>
      </c>
      <c r="T31" s="313">
        <v>0</v>
      </c>
      <c r="U31" s="313">
        <v>0</v>
      </c>
      <c r="V31" s="311">
        <v>1</v>
      </c>
      <c r="W31" s="315">
        <v>1</v>
      </c>
      <c r="X31" s="310">
        <v>1</v>
      </c>
      <c r="Y31" s="313">
        <v>0</v>
      </c>
      <c r="Z31" s="311">
        <v>1</v>
      </c>
      <c r="AA31" s="312">
        <v>0</v>
      </c>
      <c r="AB31" s="313">
        <v>1</v>
      </c>
      <c r="AC31" s="313">
        <v>1</v>
      </c>
      <c r="AD31" s="313">
        <v>3</v>
      </c>
      <c r="AE31" s="313">
        <v>0</v>
      </c>
      <c r="AF31" s="313">
        <v>0</v>
      </c>
      <c r="AG31" s="311">
        <v>5</v>
      </c>
      <c r="AH31" s="315">
        <v>6</v>
      </c>
      <c r="AI31" s="310">
        <v>0</v>
      </c>
      <c r="AJ31" s="313">
        <v>0</v>
      </c>
      <c r="AK31" s="311">
        <v>0</v>
      </c>
      <c r="AL31" s="312">
        <v>0</v>
      </c>
      <c r="AM31" s="313">
        <v>0</v>
      </c>
      <c r="AN31" s="313">
        <v>1</v>
      </c>
      <c r="AO31" s="313">
        <v>0</v>
      </c>
      <c r="AP31" s="313">
        <v>0</v>
      </c>
      <c r="AQ31" s="313">
        <v>0</v>
      </c>
      <c r="AR31" s="311">
        <v>1</v>
      </c>
      <c r="AS31" s="315">
        <v>1</v>
      </c>
      <c r="AT31" s="310">
        <v>0</v>
      </c>
      <c r="AU31" s="313">
        <v>0</v>
      </c>
      <c r="AV31" s="311">
        <v>0</v>
      </c>
      <c r="AW31" s="312">
        <v>0</v>
      </c>
      <c r="AX31" s="313">
        <v>2</v>
      </c>
      <c r="AY31" s="313">
        <v>2</v>
      </c>
      <c r="AZ31" s="313">
        <v>1</v>
      </c>
      <c r="BA31" s="313">
        <v>1</v>
      </c>
      <c r="BB31" s="313">
        <v>0</v>
      </c>
      <c r="BC31" s="314">
        <v>6</v>
      </c>
      <c r="BD31" s="315">
        <v>6</v>
      </c>
      <c r="BE31" s="310">
        <v>0</v>
      </c>
      <c r="BF31" s="313">
        <v>0</v>
      </c>
      <c r="BG31" s="311">
        <v>0</v>
      </c>
      <c r="BH31" s="312">
        <v>0</v>
      </c>
      <c r="BI31" s="313">
        <v>1</v>
      </c>
      <c r="BJ31" s="313">
        <v>0</v>
      </c>
      <c r="BK31" s="313">
        <v>2</v>
      </c>
      <c r="BL31" s="313">
        <v>0</v>
      </c>
      <c r="BM31" s="313">
        <v>0</v>
      </c>
      <c r="BN31" s="311">
        <v>3</v>
      </c>
      <c r="BO31" s="315">
        <v>3</v>
      </c>
      <c r="BP31" s="310">
        <v>0</v>
      </c>
      <c r="BQ31" s="313">
        <v>0</v>
      </c>
      <c r="BR31" s="311">
        <v>0</v>
      </c>
      <c r="BS31" s="312">
        <v>0</v>
      </c>
      <c r="BT31" s="313">
        <v>0</v>
      </c>
      <c r="BU31" s="313">
        <v>1</v>
      </c>
      <c r="BV31" s="313">
        <v>3</v>
      </c>
      <c r="BW31" s="313">
        <v>0</v>
      </c>
      <c r="BX31" s="313">
        <v>0</v>
      </c>
      <c r="BY31" s="311">
        <v>4</v>
      </c>
      <c r="BZ31" s="315">
        <v>4</v>
      </c>
      <c r="CA31" s="310">
        <v>0</v>
      </c>
      <c r="CB31" s="313">
        <v>0</v>
      </c>
      <c r="CC31" s="311">
        <v>0</v>
      </c>
      <c r="CD31" s="312">
        <v>0</v>
      </c>
      <c r="CE31" s="313">
        <v>0</v>
      </c>
      <c r="CF31" s="313">
        <v>0</v>
      </c>
      <c r="CG31" s="313">
        <v>3</v>
      </c>
      <c r="CH31" s="313">
        <v>0</v>
      </c>
      <c r="CI31" s="313">
        <v>0</v>
      </c>
      <c r="CJ31" s="311">
        <v>3</v>
      </c>
      <c r="CK31" s="315">
        <v>3</v>
      </c>
      <c r="CL31" s="310">
        <v>0</v>
      </c>
      <c r="CM31" s="313">
        <v>0</v>
      </c>
      <c r="CN31" s="311">
        <v>0</v>
      </c>
      <c r="CO31" s="312">
        <v>0</v>
      </c>
      <c r="CP31" s="313">
        <v>0</v>
      </c>
      <c r="CQ31" s="313">
        <v>0</v>
      </c>
      <c r="CR31" s="313">
        <v>0</v>
      </c>
      <c r="CS31" s="313">
        <v>0</v>
      </c>
      <c r="CT31" s="313">
        <v>0</v>
      </c>
      <c r="CU31" s="311">
        <v>0</v>
      </c>
      <c r="CV31" s="315">
        <v>0</v>
      </c>
      <c r="CW31" s="310">
        <v>0</v>
      </c>
      <c r="CX31" s="313">
        <v>0</v>
      </c>
      <c r="CY31" s="311">
        <v>0</v>
      </c>
      <c r="CZ31" s="312">
        <v>0</v>
      </c>
      <c r="DA31" s="313">
        <v>0</v>
      </c>
      <c r="DB31" s="313">
        <v>0</v>
      </c>
      <c r="DC31" s="313">
        <v>0</v>
      </c>
      <c r="DD31" s="313">
        <v>0</v>
      </c>
      <c r="DE31" s="313">
        <v>0</v>
      </c>
      <c r="DF31" s="311">
        <v>0</v>
      </c>
      <c r="DG31" s="315">
        <v>0</v>
      </c>
      <c r="DH31" s="310">
        <v>0</v>
      </c>
      <c r="DI31" s="313">
        <v>0</v>
      </c>
      <c r="DJ31" s="311">
        <v>0</v>
      </c>
      <c r="DK31" s="312">
        <v>0</v>
      </c>
      <c r="DL31" s="313">
        <v>0</v>
      </c>
      <c r="DM31" s="313">
        <v>0</v>
      </c>
      <c r="DN31" s="313">
        <v>0</v>
      </c>
      <c r="DO31" s="313">
        <v>0</v>
      </c>
      <c r="DP31" s="313">
        <v>0</v>
      </c>
      <c r="DQ31" s="311">
        <v>0</v>
      </c>
      <c r="DR31" s="315">
        <v>0</v>
      </c>
      <c r="DS31" s="310">
        <v>2</v>
      </c>
      <c r="DT31" s="313">
        <v>3</v>
      </c>
      <c r="DU31" s="311">
        <v>5</v>
      </c>
      <c r="DV31" s="312">
        <v>0</v>
      </c>
      <c r="DW31" s="313">
        <v>3</v>
      </c>
      <c r="DX31" s="313">
        <v>2</v>
      </c>
      <c r="DY31" s="313">
        <v>4</v>
      </c>
      <c r="DZ31" s="313">
        <v>0</v>
      </c>
      <c r="EA31" s="313">
        <v>0</v>
      </c>
      <c r="EB31" s="311">
        <v>9</v>
      </c>
      <c r="EC31" s="315">
        <v>14</v>
      </c>
      <c r="ED31" s="310">
        <v>0</v>
      </c>
      <c r="EE31" s="313">
        <v>0</v>
      </c>
      <c r="EF31" s="311">
        <v>0</v>
      </c>
      <c r="EG31" s="312">
        <v>0</v>
      </c>
      <c r="EH31" s="313">
        <v>2</v>
      </c>
      <c r="EI31" s="313">
        <v>1</v>
      </c>
      <c r="EJ31" s="313">
        <v>1</v>
      </c>
      <c r="EK31" s="313">
        <v>1</v>
      </c>
      <c r="EL31" s="313">
        <v>0</v>
      </c>
      <c r="EM31" s="311">
        <v>5</v>
      </c>
      <c r="EN31" s="315">
        <v>5</v>
      </c>
      <c r="EO31" s="310">
        <v>2</v>
      </c>
      <c r="EP31" s="313">
        <v>3</v>
      </c>
      <c r="EQ31" s="311">
        <v>5</v>
      </c>
      <c r="ER31" s="312">
        <v>0</v>
      </c>
      <c r="ES31" s="313">
        <v>4</v>
      </c>
      <c r="ET31" s="313">
        <v>3</v>
      </c>
      <c r="EU31" s="313">
        <v>5</v>
      </c>
      <c r="EV31" s="313">
        <v>0</v>
      </c>
      <c r="EW31" s="313">
        <v>0</v>
      </c>
      <c r="EX31" s="311">
        <v>12</v>
      </c>
      <c r="EY31" s="315">
        <v>17</v>
      </c>
    </row>
    <row r="32" spans="1:155" ht="19.5" customHeight="1" x14ac:dyDescent="0.2">
      <c r="A32" s="297" t="s">
        <v>30</v>
      </c>
      <c r="B32" s="310">
        <v>0</v>
      </c>
      <c r="C32" s="313">
        <v>0</v>
      </c>
      <c r="D32" s="441">
        <v>0</v>
      </c>
      <c r="E32" s="312">
        <v>0</v>
      </c>
      <c r="F32" s="313">
        <v>0</v>
      </c>
      <c r="G32" s="313">
        <v>1</v>
      </c>
      <c r="H32" s="313">
        <v>1</v>
      </c>
      <c r="I32" s="313">
        <v>1</v>
      </c>
      <c r="J32" s="313">
        <v>0</v>
      </c>
      <c r="K32" s="314">
        <v>3</v>
      </c>
      <c r="L32" s="315">
        <v>3</v>
      </c>
      <c r="M32" s="310">
        <v>0</v>
      </c>
      <c r="N32" s="313">
        <v>0</v>
      </c>
      <c r="O32" s="311">
        <v>0</v>
      </c>
      <c r="P32" s="312">
        <v>0</v>
      </c>
      <c r="Q32" s="313">
        <v>0</v>
      </c>
      <c r="R32" s="313">
        <v>0</v>
      </c>
      <c r="S32" s="313">
        <v>0</v>
      </c>
      <c r="T32" s="313">
        <v>1</v>
      </c>
      <c r="U32" s="313">
        <v>0</v>
      </c>
      <c r="V32" s="311">
        <v>1</v>
      </c>
      <c r="W32" s="315">
        <v>1</v>
      </c>
      <c r="X32" s="310">
        <v>0</v>
      </c>
      <c r="Y32" s="313">
        <v>0</v>
      </c>
      <c r="Z32" s="311">
        <v>0</v>
      </c>
      <c r="AA32" s="312">
        <v>0</v>
      </c>
      <c r="AB32" s="313">
        <v>0</v>
      </c>
      <c r="AC32" s="313">
        <v>1</v>
      </c>
      <c r="AD32" s="313">
        <v>0</v>
      </c>
      <c r="AE32" s="313">
        <v>1</v>
      </c>
      <c r="AF32" s="313">
        <v>0</v>
      </c>
      <c r="AG32" s="311">
        <v>2</v>
      </c>
      <c r="AH32" s="315">
        <v>2</v>
      </c>
      <c r="AI32" s="310">
        <v>0</v>
      </c>
      <c r="AJ32" s="313">
        <v>0</v>
      </c>
      <c r="AK32" s="311">
        <v>0</v>
      </c>
      <c r="AL32" s="312">
        <v>0</v>
      </c>
      <c r="AM32" s="313">
        <v>0</v>
      </c>
      <c r="AN32" s="313">
        <v>0</v>
      </c>
      <c r="AO32" s="313">
        <v>0</v>
      </c>
      <c r="AP32" s="313">
        <v>1</v>
      </c>
      <c r="AQ32" s="313">
        <v>0</v>
      </c>
      <c r="AR32" s="311">
        <v>1</v>
      </c>
      <c r="AS32" s="315">
        <v>1</v>
      </c>
      <c r="AT32" s="310">
        <v>0</v>
      </c>
      <c r="AU32" s="313">
        <v>0</v>
      </c>
      <c r="AV32" s="311">
        <v>0</v>
      </c>
      <c r="AW32" s="312">
        <v>0</v>
      </c>
      <c r="AX32" s="313">
        <v>1</v>
      </c>
      <c r="AY32" s="313">
        <v>1</v>
      </c>
      <c r="AZ32" s="313">
        <v>1</v>
      </c>
      <c r="BA32" s="313">
        <v>2</v>
      </c>
      <c r="BB32" s="313">
        <v>0</v>
      </c>
      <c r="BC32" s="314">
        <v>5</v>
      </c>
      <c r="BD32" s="315">
        <v>5</v>
      </c>
      <c r="BE32" s="310">
        <v>0</v>
      </c>
      <c r="BF32" s="313">
        <v>0</v>
      </c>
      <c r="BG32" s="311">
        <v>0</v>
      </c>
      <c r="BH32" s="312">
        <v>0</v>
      </c>
      <c r="BI32" s="313">
        <v>1</v>
      </c>
      <c r="BJ32" s="313">
        <v>2</v>
      </c>
      <c r="BK32" s="313">
        <v>2</v>
      </c>
      <c r="BL32" s="313">
        <v>0</v>
      </c>
      <c r="BM32" s="313">
        <v>0</v>
      </c>
      <c r="BN32" s="311">
        <v>5</v>
      </c>
      <c r="BO32" s="315">
        <v>5</v>
      </c>
      <c r="BP32" s="310">
        <v>0</v>
      </c>
      <c r="BQ32" s="313">
        <v>0</v>
      </c>
      <c r="BR32" s="311">
        <v>0</v>
      </c>
      <c r="BS32" s="312">
        <v>0</v>
      </c>
      <c r="BT32" s="313">
        <v>0</v>
      </c>
      <c r="BU32" s="313">
        <v>2</v>
      </c>
      <c r="BV32" s="313">
        <v>0</v>
      </c>
      <c r="BW32" s="313">
        <v>0</v>
      </c>
      <c r="BX32" s="313">
        <v>0</v>
      </c>
      <c r="BY32" s="311">
        <v>2</v>
      </c>
      <c r="BZ32" s="315">
        <v>2</v>
      </c>
      <c r="CA32" s="310">
        <v>0</v>
      </c>
      <c r="CB32" s="313">
        <v>0</v>
      </c>
      <c r="CC32" s="311">
        <v>0</v>
      </c>
      <c r="CD32" s="312">
        <v>0</v>
      </c>
      <c r="CE32" s="313">
        <v>0</v>
      </c>
      <c r="CF32" s="313">
        <v>0</v>
      </c>
      <c r="CG32" s="313">
        <v>2</v>
      </c>
      <c r="CH32" s="313">
        <v>0</v>
      </c>
      <c r="CI32" s="313">
        <v>0</v>
      </c>
      <c r="CJ32" s="311">
        <v>2</v>
      </c>
      <c r="CK32" s="315">
        <v>2</v>
      </c>
      <c r="CL32" s="310">
        <v>0</v>
      </c>
      <c r="CM32" s="313">
        <v>0</v>
      </c>
      <c r="CN32" s="311">
        <v>0</v>
      </c>
      <c r="CO32" s="312">
        <v>0</v>
      </c>
      <c r="CP32" s="313">
        <v>0</v>
      </c>
      <c r="CQ32" s="313">
        <v>1</v>
      </c>
      <c r="CR32" s="313">
        <v>0</v>
      </c>
      <c r="CS32" s="313">
        <v>0</v>
      </c>
      <c r="CT32" s="313">
        <v>0</v>
      </c>
      <c r="CU32" s="311">
        <v>1</v>
      </c>
      <c r="CV32" s="315">
        <v>1</v>
      </c>
      <c r="CW32" s="310">
        <v>0</v>
      </c>
      <c r="CX32" s="313">
        <v>0</v>
      </c>
      <c r="CY32" s="311">
        <v>0</v>
      </c>
      <c r="CZ32" s="312">
        <v>0</v>
      </c>
      <c r="DA32" s="313">
        <v>0</v>
      </c>
      <c r="DB32" s="313">
        <v>0</v>
      </c>
      <c r="DC32" s="313">
        <v>0</v>
      </c>
      <c r="DD32" s="313">
        <v>0</v>
      </c>
      <c r="DE32" s="313">
        <v>0</v>
      </c>
      <c r="DF32" s="311">
        <v>0</v>
      </c>
      <c r="DG32" s="315">
        <v>0</v>
      </c>
      <c r="DH32" s="310">
        <v>0</v>
      </c>
      <c r="DI32" s="313">
        <v>0</v>
      </c>
      <c r="DJ32" s="311">
        <v>0</v>
      </c>
      <c r="DK32" s="312">
        <v>0</v>
      </c>
      <c r="DL32" s="313">
        <v>0</v>
      </c>
      <c r="DM32" s="313">
        <v>0</v>
      </c>
      <c r="DN32" s="313">
        <v>0</v>
      </c>
      <c r="DO32" s="313">
        <v>0</v>
      </c>
      <c r="DP32" s="313">
        <v>0</v>
      </c>
      <c r="DQ32" s="311">
        <v>0</v>
      </c>
      <c r="DR32" s="315">
        <v>0</v>
      </c>
      <c r="DS32" s="310">
        <v>1</v>
      </c>
      <c r="DT32" s="313">
        <v>1</v>
      </c>
      <c r="DU32" s="311">
        <v>2</v>
      </c>
      <c r="DV32" s="312">
        <v>0</v>
      </c>
      <c r="DW32" s="313">
        <v>0</v>
      </c>
      <c r="DX32" s="313">
        <v>5</v>
      </c>
      <c r="DY32" s="313">
        <v>4</v>
      </c>
      <c r="DZ32" s="313">
        <v>2</v>
      </c>
      <c r="EA32" s="313">
        <v>0</v>
      </c>
      <c r="EB32" s="311">
        <v>11</v>
      </c>
      <c r="EC32" s="315">
        <v>13</v>
      </c>
      <c r="ED32" s="310">
        <v>0</v>
      </c>
      <c r="EE32" s="313">
        <v>0</v>
      </c>
      <c r="EF32" s="311">
        <v>0</v>
      </c>
      <c r="EG32" s="312">
        <v>0</v>
      </c>
      <c r="EH32" s="313">
        <v>2</v>
      </c>
      <c r="EI32" s="313">
        <v>0</v>
      </c>
      <c r="EJ32" s="313">
        <v>0</v>
      </c>
      <c r="EK32" s="313">
        <v>1</v>
      </c>
      <c r="EL32" s="313">
        <v>0</v>
      </c>
      <c r="EM32" s="311">
        <v>3</v>
      </c>
      <c r="EN32" s="315">
        <v>3</v>
      </c>
      <c r="EO32" s="310">
        <v>1</v>
      </c>
      <c r="EP32" s="313">
        <v>1</v>
      </c>
      <c r="EQ32" s="311">
        <v>2</v>
      </c>
      <c r="ER32" s="312">
        <v>0</v>
      </c>
      <c r="ES32" s="313">
        <v>4</v>
      </c>
      <c r="ET32" s="313">
        <v>7</v>
      </c>
      <c r="EU32" s="313">
        <v>4</v>
      </c>
      <c r="EV32" s="313">
        <v>2</v>
      </c>
      <c r="EW32" s="313">
        <v>0</v>
      </c>
      <c r="EX32" s="311">
        <v>17</v>
      </c>
      <c r="EY32" s="315">
        <v>19</v>
      </c>
    </row>
    <row r="33" spans="1:155" ht="19.5" customHeight="1" x14ac:dyDescent="0.2">
      <c r="A33" s="297" t="s">
        <v>31</v>
      </c>
      <c r="B33" s="310">
        <v>0</v>
      </c>
      <c r="C33" s="313">
        <v>0</v>
      </c>
      <c r="D33" s="441">
        <v>0</v>
      </c>
      <c r="E33" s="312">
        <v>0</v>
      </c>
      <c r="F33" s="313">
        <v>2</v>
      </c>
      <c r="G33" s="313">
        <v>0</v>
      </c>
      <c r="H33" s="313">
        <v>0</v>
      </c>
      <c r="I33" s="313">
        <v>1</v>
      </c>
      <c r="J33" s="313">
        <v>1</v>
      </c>
      <c r="K33" s="314">
        <v>4</v>
      </c>
      <c r="L33" s="315">
        <v>4</v>
      </c>
      <c r="M33" s="310">
        <v>0</v>
      </c>
      <c r="N33" s="313">
        <v>0</v>
      </c>
      <c r="O33" s="311">
        <v>0</v>
      </c>
      <c r="P33" s="312">
        <v>0</v>
      </c>
      <c r="Q33" s="313">
        <v>0</v>
      </c>
      <c r="R33" s="313">
        <v>0</v>
      </c>
      <c r="S33" s="313">
        <v>0</v>
      </c>
      <c r="T33" s="313">
        <v>0</v>
      </c>
      <c r="U33" s="313">
        <v>1</v>
      </c>
      <c r="V33" s="311">
        <v>1</v>
      </c>
      <c r="W33" s="315">
        <v>1</v>
      </c>
      <c r="X33" s="310">
        <v>1</v>
      </c>
      <c r="Y33" s="313">
        <v>0</v>
      </c>
      <c r="Z33" s="311">
        <v>1</v>
      </c>
      <c r="AA33" s="312">
        <v>0</v>
      </c>
      <c r="AB33" s="313">
        <v>2</v>
      </c>
      <c r="AC33" s="313">
        <v>1</v>
      </c>
      <c r="AD33" s="313">
        <v>0</v>
      </c>
      <c r="AE33" s="313">
        <v>1</v>
      </c>
      <c r="AF33" s="313">
        <v>2</v>
      </c>
      <c r="AG33" s="311">
        <v>6</v>
      </c>
      <c r="AH33" s="315">
        <v>7</v>
      </c>
      <c r="AI33" s="310">
        <v>0</v>
      </c>
      <c r="AJ33" s="313">
        <v>0</v>
      </c>
      <c r="AK33" s="311">
        <v>0</v>
      </c>
      <c r="AL33" s="312">
        <v>0</v>
      </c>
      <c r="AM33" s="313">
        <v>0</v>
      </c>
      <c r="AN33" s="313">
        <v>0</v>
      </c>
      <c r="AO33" s="313">
        <v>1</v>
      </c>
      <c r="AP33" s="313">
        <v>0</v>
      </c>
      <c r="AQ33" s="313">
        <v>0</v>
      </c>
      <c r="AR33" s="311">
        <v>1</v>
      </c>
      <c r="AS33" s="315">
        <v>1</v>
      </c>
      <c r="AT33" s="310">
        <v>0</v>
      </c>
      <c r="AU33" s="313">
        <v>0</v>
      </c>
      <c r="AV33" s="311">
        <v>0</v>
      </c>
      <c r="AW33" s="312">
        <v>0</v>
      </c>
      <c r="AX33" s="313">
        <v>1</v>
      </c>
      <c r="AY33" s="313">
        <v>1</v>
      </c>
      <c r="AZ33" s="313">
        <v>1</v>
      </c>
      <c r="BA33" s="313">
        <v>0</v>
      </c>
      <c r="BB33" s="313">
        <v>3</v>
      </c>
      <c r="BC33" s="314">
        <v>6</v>
      </c>
      <c r="BD33" s="315">
        <v>6</v>
      </c>
      <c r="BE33" s="310">
        <v>0</v>
      </c>
      <c r="BF33" s="313">
        <v>0</v>
      </c>
      <c r="BG33" s="311">
        <v>0</v>
      </c>
      <c r="BH33" s="312">
        <v>0</v>
      </c>
      <c r="BI33" s="313">
        <v>0</v>
      </c>
      <c r="BJ33" s="313">
        <v>1</v>
      </c>
      <c r="BK33" s="313">
        <v>2</v>
      </c>
      <c r="BL33" s="313">
        <v>1</v>
      </c>
      <c r="BM33" s="313">
        <v>0</v>
      </c>
      <c r="BN33" s="311">
        <v>4</v>
      </c>
      <c r="BO33" s="315">
        <v>4</v>
      </c>
      <c r="BP33" s="310">
        <v>0</v>
      </c>
      <c r="BQ33" s="313">
        <v>0</v>
      </c>
      <c r="BR33" s="311">
        <v>0</v>
      </c>
      <c r="BS33" s="312">
        <v>0</v>
      </c>
      <c r="BT33" s="313">
        <v>0</v>
      </c>
      <c r="BU33" s="313">
        <v>0</v>
      </c>
      <c r="BV33" s="313">
        <v>0</v>
      </c>
      <c r="BW33" s="313">
        <v>0</v>
      </c>
      <c r="BX33" s="313">
        <v>0</v>
      </c>
      <c r="BY33" s="311">
        <v>0</v>
      </c>
      <c r="BZ33" s="315">
        <v>0</v>
      </c>
      <c r="CA33" s="310">
        <v>0</v>
      </c>
      <c r="CB33" s="313">
        <v>0</v>
      </c>
      <c r="CC33" s="311">
        <v>0</v>
      </c>
      <c r="CD33" s="312">
        <v>0</v>
      </c>
      <c r="CE33" s="313">
        <v>0</v>
      </c>
      <c r="CF33" s="313">
        <v>0</v>
      </c>
      <c r="CG33" s="313">
        <v>0</v>
      </c>
      <c r="CH33" s="313">
        <v>1</v>
      </c>
      <c r="CI33" s="313">
        <v>0</v>
      </c>
      <c r="CJ33" s="311">
        <v>1</v>
      </c>
      <c r="CK33" s="315">
        <v>1</v>
      </c>
      <c r="CL33" s="310">
        <v>0</v>
      </c>
      <c r="CM33" s="313">
        <v>0</v>
      </c>
      <c r="CN33" s="311">
        <v>0</v>
      </c>
      <c r="CO33" s="312">
        <v>0</v>
      </c>
      <c r="CP33" s="313">
        <v>0</v>
      </c>
      <c r="CQ33" s="313">
        <v>0</v>
      </c>
      <c r="CR33" s="313">
        <v>0</v>
      </c>
      <c r="CS33" s="313">
        <v>0</v>
      </c>
      <c r="CT33" s="313">
        <v>0</v>
      </c>
      <c r="CU33" s="311">
        <v>0</v>
      </c>
      <c r="CV33" s="315">
        <v>0</v>
      </c>
      <c r="CW33" s="310">
        <v>0</v>
      </c>
      <c r="CX33" s="313">
        <v>0</v>
      </c>
      <c r="CY33" s="311">
        <v>0</v>
      </c>
      <c r="CZ33" s="312">
        <v>0</v>
      </c>
      <c r="DA33" s="313">
        <v>0</v>
      </c>
      <c r="DB33" s="313">
        <v>0</v>
      </c>
      <c r="DC33" s="313">
        <v>0</v>
      </c>
      <c r="DD33" s="313">
        <v>0</v>
      </c>
      <c r="DE33" s="313">
        <v>0</v>
      </c>
      <c r="DF33" s="311">
        <v>0</v>
      </c>
      <c r="DG33" s="315">
        <v>0</v>
      </c>
      <c r="DH33" s="310">
        <v>0</v>
      </c>
      <c r="DI33" s="313">
        <v>0</v>
      </c>
      <c r="DJ33" s="311">
        <v>0</v>
      </c>
      <c r="DK33" s="312">
        <v>0</v>
      </c>
      <c r="DL33" s="313">
        <v>0</v>
      </c>
      <c r="DM33" s="313">
        <v>0</v>
      </c>
      <c r="DN33" s="313">
        <v>0</v>
      </c>
      <c r="DO33" s="313">
        <v>0</v>
      </c>
      <c r="DP33" s="313">
        <v>0</v>
      </c>
      <c r="DQ33" s="311">
        <v>0</v>
      </c>
      <c r="DR33" s="315">
        <v>0</v>
      </c>
      <c r="DS33" s="310">
        <v>0</v>
      </c>
      <c r="DT33" s="313">
        <v>0</v>
      </c>
      <c r="DU33" s="311">
        <v>0</v>
      </c>
      <c r="DV33" s="312">
        <v>0</v>
      </c>
      <c r="DW33" s="313">
        <v>4</v>
      </c>
      <c r="DX33" s="313">
        <v>2</v>
      </c>
      <c r="DY33" s="313">
        <v>1</v>
      </c>
      <c r="DZ33" s="313">
        <v>3</v>
      </c>
      <c r="EA33" s="313">
        <v>1</v>
      </c>
      <c r="EB33" s="311">
        <v>11</v>
      </c>
      <c r="EC33" s="315">
        <v>11</v>
      </c>
      <c r="ED33" s="310">
        <v>0</v>
      </c>
      <c r="EE33" s="313">
        <v>0</v>
      </c>
      <c r="EF33" s="311">
        <v>0</v>
      </c>
      <c r="EG33" s="312">
        <v>0</v>
      </c>
      <c r="EH33" s="313">
        <v>1</v>
      </c>
      <c r="EI33" s="313">
        <v>0</v>
      </c>
      <c r="EJ33" s="313">
        <v>1</v>
      </c>
      <c r="EK33" s="313">
        <v>0</v>
      </c>
      <c r="EL33" s="313">
        <v>1</v>
      </c>
      <c r="EM33" s="311">
        <v>3</v>
      </c>
      <c r="EN33" s="315">
        <v>3</v>
      </c>
      <c r="EO33" s="310">
        <v>1</v>
      </c>
      <c r="EP33" s="313">
        <v>0</v>
      </c>
      <c r="EQ33" s="311">
        <v>1</v>
      </c>
      <c r="ER33" s="312">
        <v>0</v>
      </c>
      <c r="ES33" s="313">
        <v>6</v>
      </c>
      <c r="ET33" s="313">
        <v>4</v>
      </c>
      <c r="EU33" s="313">
        <v>2</v>
      </c>
      <c r="EV33" s="313">
        <v>3</v>
      </c>
      <c r="EW33" s="313">
        <v>2</v>
      </c>
      <c r="EX33" s="311">
        <v>17</v>
      </c>
      <c r="EY33" s="315">
        <v>18</v>
      </c>
    </row>
    <row r="34" spans="1:155" ht="19.5" customHeight="1" x14ac:dyDescent="0.2">
      <c r="A34" s="297" t="s">
        <v>32</v>
      </c>
      <c r="B34" s="310">
        <v>0</v>
      </c>
      <c r="C34" s="313">
        <v>0</v>
      </c>
      <c r="D34" s="441">
        <v>0</v>
      </c>
      <c r="E34" s="312">
        <v>0</v>
      </c>
      <c r="F34" s="313">
        <v>2</v>
      </c>
      <c r="G34" s="313">
        <v>0</v>
      </c>
      <c r="H34" s="313">
        <v>0</v>
      </c>
      <c r="I34" s="313">
        <v>1</v>
      </c>
      <c r="J34" s="313">
        <v>0</v>
      </c>
      <c r="K34" s="314">
        <v>3</v>
      </c>
      <c r="L34" s="315">
        <v>3</v>
      </c>
      <c r="M34" s="310">
        <v>0</v>
      </c>
      <c r="N34" s="313">
        <v>0</v>
      </c>
      <c r="O34" s="311">
        <v>0</v>
      </c>
      <c r="P34" s="312">
        <v>0</v>
      </c>
      <c r="Q34" s="313">
        <v>0</v>
      </c>
      <c r="R34" s="313">
        <v>0</v>
      </c>
      <c r="S34" s="313">
        <v>0</v>
      </c>
      <c r="T34" s="313">
        <v>0</v>
      </c>
      <c r="U34" s="313">
        <v>0</v>
      </c>
      <c r="V34" s="311">
        <v>0</v>
      </c>
      <c r="W34" s="315">
        <v>0</v>
      </c>
      <c r="X34" s="310">
        <v>0</v>
      </c>
      <c r="Y34" s="313">
        <v>0</v>
      </c>
      <c r="Z34" s="311">
        <v>0</v>
      </c>
      <c r="AA34" s="312">
        <v>0</v>
      </c>
      <c r="AB34" s="313">
        <v>1</v>
      </c>
      <c r="AC34" s="313">
        <v>1</v>
      </c>
      <c r="AD34" s="313">
        <v>0</v>
      </c>
      <c r="AE34" s="313">
        <v>1</v>
      </c>
      <c r="AF34" s="313">
        <v>0</v>
      </c>
      <c r="AG34" s="311">
        <v>3</v>
      </c>
      <c r="AH34" s="315">
        <v>3</v>
      </c>
      <c r="AI34" s="310">
        <v>0</v>
      </c>
      <c r="AJ34" s="313">
        <v>0</v>
      </c>
      <c r="AK34" s="311">
        <v>0</v>
      </c>
      <c r="AL34" s="312">
        <v>0</v>
      </c>
      <c r="AM34" s="313">
        <v>0</v>
      </c>
      <c r="AN34" s="313">
        <v>0</v>
      </c>
      <c r="AO34" s="313">
        <v>1</v>
      </c>
      <c r="AP34" s="313">
        <v>0</v>
      </c>
      <c r="AQ34" s="313">
        <v>0</v>
      </c>
      <c r="AR34" s="311">
        <v>1</v>
      </c>
      <c r="AS34" s="315">
        <v>1</v>
      </c>
      <c r="AT34" s="310">
        <v>0</v>
      </c>
      <c r="AU34" s="313">
        <v>1</v>
      </c>
      <c r="AV34" s="311">
        <v>1</v>
      </c>
      <c r="AW34" s="312">
        <v>0</v>
      </c>
      <c r="AX34" s="313">
        <v>2</v>
      </c>
      <c r="AY34" s="313">
        <v>0</v>
      </c>
      <c r="AZ34" s="313">
        <v>1</v>
      </c>
      <c r="BA34" s="313">
        <v>1</v>
      </c>
      <c r="BB34" s="313">
        <v>2</v>
      </c>
      <c r="BC34" s="314">
        <v>6</v>
      </c>
      <c r="BD34" s="315">
        <v>7</v>
      </c>
      <c r="BE34" s="310">
        <v>0</v>
      </c>
      <c r="BF34" s="313">
        <v>0</v>
      </c>
      <c r="BG34" s="311">
        <v>0</v>
      </c>
      <c r="BH34" s="312">
        <v>0</v>
      </c>
      <c r="BI34" s="313">
        <v>3</v>
      </c>
      <c r="BJ34" s="313">
        <v>0</v>
      </c>
      <c r="BK34" s="313">
        <v>0</v>
      </c>
      <c r="BL34" s="313">
        <v>0</v>
      </c>
      <c r="BM34" s="313">
        <v>0</v>
      </c>
      <c r="BN34" s="311">
        <v>3</v>
      </c>
      <c r="BO34" s="315">
        <v>3</v>
      </c>
      <c r="BP34" s="310">
        <v>0</v>
      </c>
      <c r="BQ34" s="313">
        <v>0</v>
      </c>
      <c r="BR34" s="311">
        <v>0</v>
      </c>
      <c r="BS34" s="312">
        <v>0</v>
      </c>
      <c r="BT34" s="313">
        <v>0</v>
      </c>
      <c r="BU34" s="313">
        <v>2</v>
      </c>
      <c r="BV34" s="313">
        <v>2</v>
      </c>
      <c r="BW34" s="313">
        <v>0</v>
      </c>
      <c r="BX34" s="313">
        <v>0</v>
      </c>
      <c r="BY34" s="311">
        <v>4</v>
      </c>
      <c r="BZ34" s="315">
        <v>4</v>
      </c>
      <c r="CA34" s="310">
        <v>0</v>
      </c>
      <c r="CB34" s="313">
        <v>0</v>
      </c>
      <c r="CC34" s="311">
        <v>0</v>
      </c>
      <c r="CD34" s="312">
        <v>0</v>
      </c>
      <c r="CE34" s="313">
        <v>1</v>
      </c>
      <c r="CF34" s="313">
        <v>1</v>
      </c>
      <c r="CG34" s="313">
        <v>0</v>
      </c>
      <c r="CH34" s="313">
        <v>0</v>
      </c>
      <c r="CI34" s="313">
        <v>0</v>
      </c>
      <c r="CJ34" s="311">
        <v>2</v>
      </c>
      <c r="CK34" s="315">
        <v>2</v>
      </c>
      <c r="CL34" s="310">
        <v>0</v>
      </c>
      <c r="CM34" s="313">
        <v>0</v>
      </c>
      <c r="CN34" s="311">
        <v>0</v>
      </c>
      <c r="CO34" s="312">
        <v>0</v>
      </c>
      <c r="CP34" s="313">
        <v>0</v>
      </c>
      <c r="CQ34" s="313">
        <v>1</v>
      </c>
      <c r="CR34" s="313">
        <v>1</v>
      </c>
      <c r="CS34" s="313">
        <v>0</v>
      </c>
      <c r="CT34" s="313">
        <v>0</v>
      </c>
      <c r="CU34" s="311">
        <v>2</v>
      </c>
      <c r="CV34" s="315">
        <v>2</v>
      </c>
      <c r="CW34" s="310">
        <v>0</v>
      </c>
      <c r="CX34" s="313">
        <v>0</v>
      </c>
      <c r="CY34" s="311">
        <v>0</v>
      </c>
      <c r="CZ34" s="312">
        <v>0</v>
      </c>
      <c r="DA34" s="313">
        <v>0</v>
      </c>
      <c r="DB34" s="313">
        <v>0</v>
      </c>
      <c r="DC34" s="313">
        <v>0</v>
      </c>
      <c r="DD34" s="313">
        <v>0</v>
      </c>
      <c r="DE34" s="313">
        <v>0</v>
      </c>
      <c r="DF34" s="311">
        <v>0</v>
      </c>
      <c r="DG34" s="315">
        <v>0</v>
      </c>
      <c r="DH34" s="310">
        <v>0</v>
      </c>
      <c r="DI34" s="313">
        <v>0</v>
      </c>
      <c r="DJ34" s="311">
        <v>0</v>
      </c>
      <c r="DK34" s="312">
        <v>0</v>
      </c>
      <c r="DL34" s="313">
        <v>0</v>
      </c>
      <c r="DM34" s="313">
        <v>0</v>
      </c>
      <c r="DN34" s="313">
        <v>0</v>
      </c>
      <c r="DO34" s="313">
        <v>0</v>
      </c>
      <c r="DP34" s="313">
        <v>0</v>
      </c>
      <c r="DQ34" s="311">
        <v>0</v>
      </c>
      <c r="DR34" s="315">
        <v>0</v>
      </c>
      <c r="DS34" s="310">
        <v>0</v>
      </c>
      <c r="DT34" s="313">
        <v>2</v>
      </c>
      <c r="DU34" s="311">
        <v>2</v>
      </c>
      <c r="DV34" s="312">
        <v>0</v>
      </c>
      <c r="DW34" s="313">
        <v>5</v>
      </c>
      <c r="DX34" s="313">
        <v>1</v>
      </c>
      <c r="DY34" s="313">
        <v>2</v>
      </c>
      <c r="DZ34" s="313">
        <v>1</v>
      </c>
      <c r="EA34" s="313">
        <v>0</v>
      </c>
      <c r="EB34" s="311">
        <v>9</v>
      </c>
      <c r="EC34" s="315">
        <v>11</v>
      </c>
      <c r="ED34" s="310">
        <v>0</v>
      </c>
      <c r="EE34" s="313">
        <v>1</v>
      </c>
      <c r="EF34" s="311">
        <v>1</v>
      </c>
      <c r="EG34" s="312">
        <v>0</v>
      </c>
      <c r="EH34" s="313">
        <v>1</v>
      </c>
      <c r="EI34" s="313">
        <v>1</v>
      </c>
      <c r="EJ34" s="313">
        <v>0</v>
      </c>
      <c r="EK34" s="313">
        <v>0</v>
      </c>
      <c r="EL34" s="313">
        <v>1</v>
      </c>
      <c r="EM34" s="311">
        <v>3</v>
      </c>
      <c r="EN34" s="315">
        <v>4</v>
      </c>
      <c r="EO34" s="310">
        <v>0</v>
      </c>
      <c r="EP34" s="313">
        <v>2</v>
      </c>
      <c r="EQ34" s="311">
        <v>2</v>
      </c>
      <c r="ER34" s="312">
        <v>0</v>
      </c>
      <c r="ES34" s="313">
        <v>8</v>
      </c>
      <c r="ET34" s="313">
        <v>5</v>
      </c>
      <c r="EU34" s="313">
        <v>2</v>
      </c>
      <c r="EV34" s="313">
        <v>1</v>
      </c>
      <c r="EW34" s="313">
        <v>0</v>
      </c>
      <c r="EX34" s="311">
        <v>16</v>
      </c>
      <c r="EY34" s="315">
        <v>18</v>
      </c>
    </row>
    <row r="35" spans="1:155" ht="19.5" customHeight="1" x14ac:dyDescent="0.2">
      <c r="A35" s="297" t="s">
        <v>33</v>
      </c>
      <c r="B35" s="310">
        <v>0</v>
      </c>
      <c r="C35" s="313">
        <v>0</v>
      </c>
      <c r="D35" s="441">
        <v>0</v>
      </c>
      <c r="E35" s="312">
        <v>0</v>
      </c>
      <c r="F35" s="313">
        <v>1</v>
      </c>
      <c r="G35" s="313">
        <v>0</v>
      </c>
      <c r="H35" s="313">
        <v>2</v>
      </c>
      <c r="I35" s="313">
        <v>0</v>
      </c>
      <c r="J35" s="313">
        <v>0</v>
      </c>
      <c r="K35" s="314">
        <v>3</v>
      </c>
      <c r="L35" s="315">
        <v>3</v>
      </c>
      <c r="M35" s="310">
        <v>0</v>
      </c>
      <c r="N35" s="313">
        <v>0</v>
      </c>
      <c r="O35" s="311">
        <v>0</v>
      </c>
      <c r="P35" s="312">
        <v>0</v>
      </c>
      <c r="Q35" s="313">
        <v>0</v>
      </c>
      <c r="R35" s="313">
        <v>0</v>
      </c>
      <c r="S35" s="313">
        <v>0</v>
      </c>
      <c r="T35" s="313">
        <v>0</v>
      </c>
      <c r="U35" s="313">
        <v>0</v>
      </c>
      <c r="V35" s="311">
        <v>0</v>
      </c>
      <c r="W35" s="315">
        <v>0</v>
      </c>
      <c r="X35" s="310">
        <v>0</v>
      </c>
      <c r="Y35" s="313">
        <v>0</v>
      </c>
      <c r="Z35" s="311">
        <v>0</v>
      </c>
      <c r="AA35" s="312">
        <v>0</v>
      </c>
      <c r="AB35" s="313">
        <v>1</v>
      </c>
      <c r="AC35" s="313">
        <v>0</v>
      </c>
      <c r="AD35" s="313">
        <v>2</v>
      </c>
      <c r="AE35" s="313">
        <v>0</v>
      </c>
      <c r="AF35" s="313">
        <v>2</v>
      </c>
      <c r="AG35" s="311">
        <v>5</v>
      </c>
      <c r="AH35" s="315">
        <v>5</v>
      </c>
      <c r="AI35" s="310">
        <v>0</v>
      </c>
      <c r="AJ35" s="313">
        <v>1</v>
      </c>
      <c r="AK35" s="311">
        <v>1</v>
      </c>
      <c r="AL35" s="312">
        <v>0</v>
      </c>
      <c r="AM35" s="313">
        <v>1</v>
      </c>
      <c r="AN35" s="313">
        <v>0</v>
      </c>
      <c r="AO35" s="313">
        <v>1</v>
      </c>
      <c r="AP35" s="313">
        <v>0</v>
      </c>
      <c r="AQ35" s="313">
        <v>1</v>
      </c>
      <c r="AR35" s="311">
        <v>3</v>
      </c>
      <c r="AS35" s="315">
        <v>4</v>
      </c>
      <c r="AT35" s="310">
        <v>0</v>
      </c>
      <c r="AU35" s="313">
        <v>0</v>
      </c>
      <c r="AV35" s="311">
        <v>0</v>
      </c>
      <c r="AW35" s="312">
        <v>0</v>
      </c>
      <c r="AX35" s="313">
        <v>1</v>
      </c>
      <c r="AY35" s="313">
        <v>1</v>
      </c>
      <c r="AZ35" s="313">
        <v>3</v>
      </c>
      <c r="BA35" s="313">
        <v>0</v>
      </c>
      <c r="BB35" s="313">
        <v>2</v>
      </c>
      <c r="BC35" s="314">
        <v>7</v>
      </c>
      <c r="BD35" s="315">
        <v>7</v>
      </c>
      <c r="BE35" s="310">
        <v>0</v>
      </c>
      <c r="BF35" s="313">
        <v>0</v>
      </c>
      <c r="BG35" s="311">
        <v>0</v>
      </c>
      <c r="BH35" s="312">
        <v>0</v>
      </c>
      <c r="BI35" s="313">
        <v>3</v>
      </c>
      <c r="BJ35" s="313">
        <v>0</v>
      </c>
      <c r="BK35" s="313">
        <v>0</v>
      </c>
      <c r="BL35" s="313">
        <v>0</v>
      </c>
      <c r="BM35" s="313">
        <v>0</v>
      </c>
      <c r="BN35" s="311">
        <v>3</v>
      </c>
      <c r="BO35" s="315">
        <v>3</v>
      </c>
      <c r="BP35" s="310">
        <v>0</v>
      </c>
      <c r="BQ35" s="313">
        <v>0</v>
      </c>
      <c r="BR35" s="311">
        <v>0</v>
      </c>
      <c r="BS35" s="312">
        <v>0</v>
      </c>
      <c r="BT35" s="313">
        <v>0</v>
      </c>
      <c r="BU35" s="313">
        <v>0</v>
      </c>
      <c r="BV35" s="313">
        <v>0</v>
      </c>
      <c r="BW35" s="313">
        <v>0</v>
      </c>
      <c r="BX35" s="313">
        <v>0</v>
      </c>
      <c r="BY35" s="311">
        <v>0</v>
      </c>
      <c r="BZ35" s="315">
        <v>0</v>
      </c>
      <c r="CA35" s="310">
        <v>0</v>
      </c>
      <c r="CB35" s="313">
        <v>0</v>
      </c>
      <c r="CC35" s="311">
        <v>0</v>
      </c>
      <c r="CD35" s="312">
        <v>0</v>
      </c>
      <c r="CE35" s="313">
        <v>0</v>
      </c>
      <c r="CF35" s="313">
        <v>0</v>
      </c>
      <c r="CG35" s="313">
        <v>1</v>
      </c>
      <c r="CH35" s="313">
        <v>0</v>
      </c>
      <c r="CI35" s="313">
        <v>0</v>
      </c>
      <c r="CJ35" s="311">
        <v>1</v>
      </c>
      <c r="CK35" s="315">
        <v>1</v>
      </c>
      <c r="CL35" s="310">
        <v>0</v>
      </c>
      <c r="CM35" s="313">
        <v>0</v>
      </c>
      <c r="CN35" s="311">
        <v>0</v>
      </c>
      <c r="CO35" s="312">
        <v>0</v>
      </c>
      <c r="CP35" s="313">
        <v>0</v>
      </c>
      <c r="CQ35" s="313">
        <v>0</v>
      </c>
      <c r="CR35" s="313">
        <v>0</v>
      </c>
      <c r="CS35" s="313">
        <v>0</v>
      </c>
      <c r="CT35" s="313">
        <v>0</v>
      </c>
      <c r="CU35" s="311">
        <v>0</v>
      </c>
      <c r="CV35" s="315">
        <v>0</v>
      </c>
      <c r="CW35" s="310">
        <v>0</v>
      </c>
      <c r="CX35" s="313">
        <v>0</v>
      </c>
      <c r="CY35" s="311">
        <v>0</v>
      </c>
      <c r="CZ35" s="312">
        <v>0</v>
      </c>
      <c r="DA35" s="313">
        <v>0</v>
      </c>
      <c r="DB35" s="313">
        <v>0</v>
      </c>
      <c r="DC35" s="313">
        <v>0</v>
      </c>
      <c r="DD35" s="313">
        <v>0</v>
      </c>
      <c r="DE35" s="313">
        <v>0</v>
      </c>
      <c r="DF35" s="311">
        <v>0</v>
      </c>
      <c r="DG35" s="315">
        <v>0</v>
      </c>
      <c r="DH35" s="310">
        <v>0</v>
      </c>
      <c r="DI35" s="313">
        <v>0</v>
      </c>
      <c r="DJ35" s="311">
        <v>0</v>
      </c>
      <c r="DK35" s="312">
        <v>0</v>
      </c>
      <c r="DL35" s="313">
        <v>0</v>
      </c>
      <c r="DM35" s="313">
        <v>0</v>
      </c>
      <c r="DN35" s="313">
        <v>0</v>
      </c>
      <c r="DO35" s="313">
        <v>0</v>
      </c>
      <c r="DP35" s="313">
        <v>0</v>
      </c>
      <c r="DQ35" s="311">
        <v>0</v>
      </c>
      <c r="DR35" s="315">
        <v>0</v>
      </c>
      <c r="DS35" s="310">
        <v>0</v>
      </c>
      <c r="DT35" s="313">
        <v>3</v>
      </c>
      <c r="DU35" s="311">
        <v>3</v>
      </c>
      <c r="DV35" s="312">
        <v>0</v>
      </c>
      <c r="DW35" s="313">
        <v>1</v>
      </c>
      <c r="DX35" s="313">
        <v>0</v>
      </c>
      <c r="DY35" s="313">
        <v>3</v>
      </c>
      <c r="DZ35" s="313">
        <v>0</v>
      </c>
      <c r="EA35" s="313">
        <v>2</v>
      </c>
      <c r="EB35" s="311">
        <v>6</v>
      </c>
      <c r="EC35" s="315">
        <v>9</v>
      </c>
      <c r="ED35" s="310">
        <v>1</v>
      </c>
      <c r="EE35" s="313">
        <v>0</v>
      </c>
      <c r="EF35" s="311">
        <v>1</v>
      </c>
      <c r="EG35" s="312">
        <v>0</v>
      </c>
      <c r="EH35" s="313">
        <v>1</v>
      </c>
      <c r="EI35" s="313">
        <v>1</v>
      </c>
      <c r="EJ35" s="313">
        <v>3</v>
      </c>
      <c r="EK35" s="313">
        <v>0</v>
      </c>
      <c r="EL35" s="313">
        <v>1</v>
      </c>
      <c r="EM35" s="311">
        <v>6</v>
      </c>
      <c r="EN35" s="315">
        <v>7</v>
      </c>
      <c r="EO35" s="310">
        <v>0</v>
      </c>
      <c r="EP35" s="313">
        <v>4</v>
      </c>
      <c r="EQ35" s="311">
        <v>4</v>
      </c>
      <c r="ER35" s="312">
        <v>0</v>
      </c>
      <c r="ES35" s="313">
        <v>6</v>
      </c>
      <c r="ET35" s="313">
        <v>0</v>
      </c>
      <c r="EU35" s="313">
        <v>3</v>
      </c>
      <c r="EV35" s="313">
        <v>0</v>
      </c>
      <c r="EW35" s="313">
        <v>2</v>
      </c>
      <c r="EX35" s="311">
        <v>11</v>
      </c>
      <c r="EY35" s="315">
        <v>15</v>
      </c>
    </row>
    <row r="36" spans="1:155" ht="19.5" customHeight="1" x14ac:dyDescent="0.2">
      <c r="A36" s="297" t="s">
        <v>34</v>
      </c>
      <c r="B36" s="310">
        <v>0</v>
      </c>
      <c r="C36" s="313">
        <v>0</v>
      </c>
      <c r="D36" s="441">
        <v>0</v>
      </c>
      <c r="E36" s="312">
        <v>0</v>
      </c>
      <c r="F36" s="313">
        <v>0</v>
      </c>
      <c r="G36" s="313">
        <v>0</v>
      </c>
      <c r="H36" s="313">
        <v>1</v>
      </c>
      <c r="I36" s="313">
        <v>1</v>
      </c>
      <c r="J36" s="313">
        <v>0</v>
      </c>
      <c r="K36" s="314">
        <v>2</v>
      </c>
      <c r="L36" s="315">
        <v>2</v>
      </c>
      <c r="M36" s="310">
        <v>0</v>
      </c>
      <c r="N36" s="313">
        <v>0</v>
      </c>
      <c r="O36" s="311">
        <v>0</v>
      </c>
      <c r="P36" s="312">
        <v>0</v>
      </c>
      <c r="Q36" s="313">
        <v>0</v>
      </c>
      <c r="R36" s="313">
        <v>0</v>
      </c>
      <c r="S36" s="313">
        <v>0</v>
      </c>
      <c r="T36" s="313">
        <v>0</v>
      </c>
      <c r="U36" s="313">
        <v>0</v>
      </c>
      <c r="V36" s="311">
        <v>0</v>
      </c>
      <c r="W36" s="315">
        <v>0</v>
      </c>
      <c r="X36" s="310">
        <v>0</v>
      </c>
      <c r="Y36" s="313">
        <v>0</v>
      </c>
      <c r="Z36" s="311">
        <v>0</v>
      </c>
      <c r="AA36" s="312">
        <v>0</v>
      </c>
      <c r="AB36" s="313">
        <v>1</v>
      </c>
      <c r="AC36" s="313">
        <v>0</v>
      </c>
      <c r="AD36" s="313">
        <v>0</v>
      </c>
      <c r="AE36" s="313">
        <v>0</v>
      </c>
      <c r="AF36" s="313">
        <v>0</v>
      </c>
      <c r="AG36" s="311">
        <v>1</v>
      </c>
      <c r="AH36" s="315">
        <v>1</v>
      </c>
      <c r="AI36" s="310">
        <v>0</v>
      </c>
      <c r="AJ36" s="313">
        <v>0</v>
      </c>
      <c r="AK36" s="311">
        <v>0</v>
      </c>
      <c r="AL36" s="312">
        <v>0</v>
      </c>
      <c r="AM36" s="313">
        <v>1</v>
      </c>
      <c r="AN36" s="313">
        <v>0</v>
      </c>
      <c r="AO36" s="313">
        <v>0</v>
      </c>
      <c r="AP36" s="313">
        <v>0</v>
      </c>
      <c r="AQ36" s="313">
        <v>0</v>
      </c>
      <c r="AR36" s="311">
        <v>1</v>
      </c>
      <c r="AS36" s="315">
        <v>1</v>
      </c>
      <c r="AT36" s="310">
        <v>0</v>
      </c>
      <c r="AU36" s="313">
        <v>0</v>
      </c>
      <c r="AV36" s="311">
        <v>0</v>
      </c>
      <c r="AW36" s="312">
        <v>0</v>
      </c>
      <c r="AX36" s="313">
        <v>2</v>
      </c>
      <c r="AY36" s="313">
        <v>2</v>
      </c>
      <c r="AZ36" s="313">
        <v>1</v>
      </c>
      <c r="BA36" s="313">
        <v>1</v>
      </c>
      <c r="BB36" s="313">
        <v>0</v>
      </c>
      <c r="BC36" s="314">
        <v>6</v>
      </c>
      <c r="BD36" s="315">
        <v>6</v>
      </c>
      <c r="BE36" s="310">
        <v>0</v>
      </c>
      <c r="BF36" s="313">
        <v>0</v>
      </c>
      <c r="BG36" s="311">
        <v>0</v>
      </c>
      <c r="BH36" s="312">
        <v>0</v>
      </c>
      <c r="BI36" s="313">
        <v>0</v>
      </c>
      <c r="BJ36" s="313">
        <v>1</v>
      </c>
      <c r="BK36" s="313">
        <v>1</v>
      </c>
      <c r="BL36" s="313">
        <v>1</v>
      </c>
      <c r="BM36" s="313">
        <v>0</v>
      </c>
      <c r="BN36" s="311">
        <v>3</v>
      </c>
      <c r="BO36" s="315">
        <v>3</v>
      </c>
      <c r="BP36" s="310">
        <v>0</v>
      </c>
      <c r="BQ36" s="313">
        <v>0</v>
      </c>
      <c r="BR36" s="311">
        <v>0</v>
      </c>
      <c r="BS36" s="312">
        <v>0</v>
      </c>
      <c r="BT36" s="313">
        <v>1</v>
      </c>
      <c r="BU36" s="313">
        <v>0</v>
      </c>
      <c r="BV36" s="313">
        <v>0</v>
      </c>
      <c r="BW36" s="313">
        <v>0</v>
      </c>
      <c r="BX36" s="313">
        <v>0</v>
      </c>
      <c r="BY36" s="311">
        <v>1</v>
      </c>
      <c r="BZ36" s="315">
        <v>1</v>
      </c>
      <c r="CA36" s="310">
        <v>0</v>
      </c>
      <c r="CB36" s="313">
        <v>0</v>
      </c>
      <c r="CC36" s="311">
        <v>0</v>
      </c>
      <c r="CD36" s="312">
        <v>0</v>
      </c>
      <c r="CE36" s="313">
        <v>0</v>
      </c>
      <c r="CF36" s="313">
        <v>0</v>
      </c>
      <c r="CG36" s="313">
        <v>0</v>
      </c>
      <c r="CH36" s="313">
        <v>1</v>
      </c>
      <c r="CI36" s="313">
        <v>0</v>
      </c>
      <c r="CJ36" s="311">
        <v>1</v>
      </c>
      <c r="CK36" s="315">
        <v>1</v>
      </c>
      <c r="CL36" s="310">
        <v>0</v>
      </c>
      <c r="CM36" s="313">
        <v>0</v>
      </c>
      <c r="CN36" s="311">
        <v>0</v>
      </c>
      <c r="CO36" s="312">
        <v>0</v>
      </c>
      <c r="CP36" s="313">
        <v>0</v>
      </c>
      <c r="CQ36" s="313">
        <v>0</v>
      </c>
      <c r="CR36" s="313">
        <v>0</v>
      </c>
      <c r="CS36" s="313">
        <v>0</v>
      </c>
      <c r="CT36" s="313">
        <v>0</v>
      </c>
      <c r="CU36" s="311">
        <v>0</v>
      </c>
      <c r="CV36" s="315">
        <v>0</v>
      </c>
      <c r="CW36" s="310">
        <v>0</v>
      </c>
      <c r="CX36" s="313">
        <v>0</v>
      </c>
      <c r="CY36" s="311">
        <v>0</v>
      </c>
      <c r="CZ36" s="312">
        <v>0</v>
      </c>
      <c r="DA36" s="313">
        <v>0</v>
      </c>
      <c r="DB36" s="313">
        <v>0</v>
      </c>
      <c r="DC36" s="313">
        <v>0</v>
      </c>
      <c r="DD36" s="313">
        <v>0</v>
      </c>
      <c r="DE36" s="313">
        <v>0</v>
      </c>
      <c r="DF36" s="311">
        <v>0</v>
      </c>
      <c r="DG36" s="315">
        <v>0</v>
      </c>
      <c r="DH36" s="310">
        <v>0</v>
      </c>
      <c r="DI36" s="313">
        <v>0</v>
      </c>
      <c r="DJ36" s="311">
        <v>0</v>
      </c>
      <c r="DK36" s="312">
        <v>0</v>
      </c>
      <c r="DL36" s="313">
        <v>0</v>
      </c>
      <c r="DM36" s="313">
        <v>0</v>
      </c>
      <c r="DN36" s="313">
        <v>0</v>
      </c>
      <c r="DO36" s="313">
        <v>0</v>
      </c>
      <c r="DP36" s="313">
        <v>0</v>
      </c>
      <c r="DQ36" s="311">
        <v>0</v>
      </c>
      <c r="DR36" s="315">
        <v>0</v>
      </c>
      <c r="DS36" s="310">
        <v>0</v>
      </c>
      <c r="DT36" s="313">
        <v>2</v>
      </c>
      <c r="DU36" s="311">
        <v>2</v>
      </c>
      <c r="DV36" s="312">
        <v>0</v>
      </c>
      <c r="DW36" s="313">
        <v>2</v>
      </c>
      <c r="DX36" s="313">
        <v>1</v>
      </c>
      <c r="DY36" s="313">
        <v>2</v>
      </c>
      <c r="DZ36" s="313">
        <v>2</v>
      </c>
      <c r="EA36" s="313">
        <v>1</v>
      </c>
      <c r="EB36" s="311">
        <v>8</v>
      </c>
      <c r="EC36" s="315">
        <v>10</v>
      </c>
      <c r="ED36" s="310">
        <v>0</v>
      </c>
      <c r="EE36" s="313">
        <v>0</v>
      </c>
      <c r="EF36" s="311">
        <v>0</v>
      </c>
      <c r="EG36" s="312">
        <v>0</v>
      </c>
      <c r="EH36" s="313">
        <v>0</v>
      </c>
      <c r="EI36" s="313">
        <v>1</v>
      </c>
      <c r="EJ36" s="313">
        <v>0</v>
      </c>
      <c r="EK36" s="313">
        <v>0</v>
      </c>
      <c r="EL36" s="313">
        <v>0</v>
      </c>
      <c r="EM36" s="311">
        <v>1</v>
      </c>
      <c r="EN36" s="315">
        <v>1</v>
      </c>
      <c r="EO36" s="310">
        <v>0</v>
      </c>
      <c r="EP36" s="313">
        <v>2</v>
      </c>
      <c r="EQ36" s="311">
        <v>2</v>
      </c>
      <c r="ER36" s="312">
        <v>0</v>
      </c>
      <c r="ES36" s="313">
        <v>2</v>
      </c>
      <c r="ET36" s="313">
        <v>2</v>
      </c>
      <c r="EU36" s="313">
        <v>2</v>
      </c>
      <c r="EV36" s="313">
        <v>2</v>
      </c>
      <c r="EW36" s="313">
        <v>1</v>
      </c>
      <c r="EX36" s="311">
        <v>9</v>
      </c>
      <c r="EY36" s="315">
        <v>11</v>
      </c>
    </row>
    <row r="37" spans="1:155" ht="19.5" customHeight="1" x14ac:dyDescent="0.2">
      <c r="A37" s="297" t="s">
        <v>35</v>
      </c>
      <c r="B37" s="310">
        <v>0</v>
      </c>
      <c r="C37" s="313">
        <v>0</v>
      </c>
      <c r="D37" s="441">
        <v>0</v>
      </c>
      <c r="E37" s="312">
        <v>0</v>
      </c>
      <c r="F37" s="313">
        <v>8</v>
      </c>
      <c r="G37" s="313">
        <v>3</v>
      </c>
      <c r="H37" s="313">
        <v>3</v>
      </c>
      <c r="I37" s="313">
        <v>1</v>
      </c>
      <c r="J37" s="313">
        <v>0</v>
      </c>
      <c r="K37" s="314">
        <v>15</v>
      </c>
      <c r="L37" s="315">
        <v>15</v>
      </c>
      <c r="M37" s="310">
        <v>0</v>
      </c>
      <c r="N37" s="313">
        <v>0</v>
      </c>
      <c r="O37" s="311">
        <v>0</v>
      </c>
      <c r="P37" s="312">
        <v>0</v>
      </c>
      <c r="Q37" s="313">
        <v>0</v>
      </c>
      <c r="R37" s="313">
        <v>0</v>
      </c>
      <c r="S37" s="313">
        <v>0</v>
      </c>
      <c r="T37" s="313">
        <v>0</v>
      </c>
      <c r="U37" s="313">
        <v>0</v>
      </c>
      <c r="V37" s="311">
        <v>0</v>
      </c>
      <c r="W37" s="315">
        <v>0</v>
      </c>
      <c r="X37" s="310">
        <v>0</v>
      </c>
      <c r="Y37" s="313">
        <v>0</v>
      </c>
      <c r="Z37" s="311">
        <v>0</v>
      </c>
      <c r="AA37" s="312">
        <v>0</v>
      </c>
      <c r="AB37" s="313">
        <v>0</v>
      </c>
      <c r="AC37" s="313">
        <v>1</v>
      </c>
      <c r="AD37" s="313">
        <v>2</v>
      </c>
      <c r="AE37" s="313">
        <v>1</v>
      </c>
      <c r="AF37" s="313">
        <v>1</v>
      </c>
      <c r="AG37" s="311">
        <v>5</v>
      </c>
      <c r="AH37" s="315">
        <v>5</v>
      </c>
      <c r="AI37" s="310">
        <v>0</v>
      </c>
      <c r="AJ37" s="313">
        <v>0</v>
      </c>
      <c r="AK37" s="311">
        <v>0</v>
      </c>
      <c r="AL37" s="312">
        <v>0</v>
      </c>
      <c r="AM37" s="313">
        <v>0</v>
      </c>
      <c r="AN37" s="313">
        <v>1</v>
      </c>
      <c r="AO37" s="313">
        <v>1</v>
      </c>
      <c r="AP37" s="313">
        <v>0</v>
      </c>
      <c r="AQ37" s="313">
        <v>0</v>
      </c>
      <c r="AR37" s="311">
        <v>2</v>
      </c>
      <c r="AS37" s="315">
        <v>2</v>
      </c>
      <c r="AT37" s="310">
        <v>3</v>
      </c>
      <c r="AU37" s="313">
        <v>2</v>
      </c>
      <c r="AV37" s="311">
        <v>5</v>
      </c>
      <c r="AW37" s="312">
        <v>0</v>
      </c>
      <c r="AX37" s="313">
        <v>3</v>
      </c>
      <c r="AY37" s="313">
        <v>2</v>
      </c>
      <c r="AZ37" s="313">
        <v>3</v>
      </c>
      <c r="BA37" s="313">
        <v>5</v>
      </c>
      <c r="BB37" s="313">
        <v>1</v>
      </c>
      <c r="BC37" s="314">
        <v>14</v>
      </c>
      <c r="BD37" s="315">
        <v>19</v>
      </c>
      <c r="BE37" s="310">
        <v>0</v>
      </c>
      <c r="BF37" s="313">
        <v>0</v>
      </c>
      <c r="BG37" s="311">
        <v>0</v>
      </c>
      <c r="BH37" s="312">
        <v>0</v>
      </c>
      <c r="BI37" s="313">
        <v>4</v>
      </c>
      <c r="BJ37" s="313">
        <v>3</v>
      </c>
      <c r="BK37" s="313">
        <v>1</v>
      </c>
      <c r="BL37" s="313">
        <v>0</v>
      </c>
      <c r="BM37" s="313">
        <v>0</v>
      </c>
      <c r="BN37" s="311">
        <v>8</v>
      </c>
      <c r="BO37" s="315">
        <v>8</v>
      </c>
      <c r="BP37" s="310">
        <v>0</v>
      </c>
      <c r="BQ37" s="313">
        <v>1</v>
      </c>
      <c r="BR37" s="311">
        <v>1</v>
      </c>
      <c r="BS37" s="312">
        <v>0</v>
      </c>
      <c r="BT37" s="313">
        <v>2</v>
      </c>
      <c r="BU37" s="313">
        <v>2</v>
      </c>
      <c r="BV37" s="313">
        <v>1</v>
      </c>
      <c r="BW37" s="313">
        <v>1</v>
      </c>
      <c r="BX37" s="313">
        <v>1</v>
      </c>
      <c r="BY37" s="311">
        <v>7</v>
      </c>
      <c r="BZ37" s="315">
        <v>8</v>
      </c>
      <c r="CA37" s="310">
        <v>0</v>
      </c>
      <c r="CB37" s="313">
        <v>0</v>
      </c>
      <c r="CC37" s="311">
        <v>0</v>
      </c>
      <c r="CD37" s="312">
        <v>0</v>
      </c>
      <c r="CE37" s="313">
        <v>0</v>
      </c>
      <c r="CF37" s="313">
        <v>0</v>
      </c>
      <c r="CG37" s="313">
        <v>0</v>
      </c>
      <c r="CH37" s="313">
        <v>0</v>
      </c>
      <c r="CI37" s="313">
        <v>0</v>
      </c>
      <c r="CJ37" s="311">
        <v>0</v>
      </c>
      <c r="CK37" s="315">
        <v>0</v>
      </c>
      <c r="CL37" s="310">
        <v>0</v>
      </c>
      <c r="CM37" s="313">
        <v>0</v>
      </c>
      <c r="CN37" s="311">
        <v>0</v>
      </c>
      <c r="CO37" s="312">
        <v>0</v>
      </c>
      <c r="CP37" s="313">
        <v>0</v>
      </c>
      <c r="CQ37" s="313">
        <v>0</v>
      </c>
      <c r="CR37" s="313">
        <v>1</v>
      </c>
      <c r="CS37" s="313">
        <v>0</v>
      </c>
      <c r="CT37" s="313">
        <v>0</v>
      </c>
      <c r="CU37" s="311">
        <v>1</v>
      </c>
      <c r="CV37" s="315">
        <v>1</v>
      </c>
      <c r="CW37" s="310">
        <v>0</v>
      </c>
      <c r="CX37" s="313">
        <v>0</v>
      </c>
      <c r="CY37" s="311">
        <v>0</v>
      </c>
      <c r="CZ37" s="312">
        <v>0</v>
      </c>
      <c r="DA37" s="313">
        <v>0</v>
      </c>
      <c r="DB37" s="313">
        <v>0</v>
      </c>
      <c r="DC37" s="313">
        <v>0</v>
      </c>
      <c r="DD37" s="313">
        <v>0</v>
      </c>
      <c r="DE37" s="313">
        <v>0</v>
      </c>
      <c r="DF37" s="311">
        <v>0</v>
      </c>
      <c r="DG37" s="315">
        <v>0</v>
      </c>
      <c r="DH37" s="310">
        <v>0</v>
      </c>
      <c r="DI37" s="313">
        <v>0</v>
      </c>
      <c r="DJ37" s="311">
        <v>0</v>
      </c>
      <c r="DK37" s="312">
        <v>0</v>
      </c>
      <c r="DL37" s="313">
        <v>0</v>
      </c>
      <c r="DM37" s="313">
        <v>0</v>
      </c>
      <c r="DN37" s="313">
        <v>0</v>
      </c>
      <c r="DO37" s="313">
        <v>0</v>
      </c>
      <c r="DP37" s="313">
        <v>0</v>
      </c>
      <c r="DQ37" s="311">
        <v>0</v>
      </c>
      <c r="DR37" s="315">
        <v>0</v>
      </c>
      <c r="DS37" s="310">
        <v>2</v>
      </c>
      <c r="DT37" s="313">
        <v>1</v>
      </c>
      <c r="DU37" s="311">
        <v>3</v>
      </c>
      <c r="DV37" s="312">
        <v>0</v>
      </c>
      <c r="DW37" s="313">
        <v>4</v>
      </c>
      <c r="DX37" s="313">
        <v>6</v>
      </c>
      <c r="DY37" s="313">
        <v>4</v>
      </c>
      <c r="DZ37" s="313">
        <v>2</v>
      </c>
      <c r="EA37" s="313">
        <v>2</v>
      </c>
      <c r="EB37" s="311">
        <v>18</v>
      </c>
      <c r="EC37" s="315">
        <v>21</v>
      </c>
      <c r="ED37" s="310">
        <v>3</v>
      </c>
      <c r="EE37" s="313">
        <v>2</v>
      </c>
      <c r="EF37" s="311">
        <v>5</v>
      </c>
      <c r="EG37" s="312">
        <v>0</v>
      </c>
      <c r="EH37" s="313">
        <v>2</v>
      </c>
      <c r="EI37" s="313">
        <v>0</v>
      </c>
      <c r="EJ37" s="313">
        <v>2</v>
      </c>
      <c r="EK37" s="313">
        <v>3</v>
      </c>
      <c r="EL37" s="313">
        <v>0</v>
      </c>
      <c r="EM37" s="311">
        <v>7</v>
      </c>
      <c r="EN37" s="315">
        <v>12</v>
      </c>
      <c r="EO37" s="310">
        <v>2</v>
      </c>
      <c r="EP37" s="313">
        <v>2</v>
      </c>
      <c r="EQ37" s="311">
        <v>4</v>
      </c>
      <c r="ER37" s="312">
        <v>0</v>
      </c>
      <c r="ES37" s="313">
        <v>13</v>
      </c>
      <c r="ET37" s="313">
        <v>8</v>
      </c>
      <c r="EU37" s="313">
        <v>4</v>
      </c>
      <c r="EV37" s="313">
        <v>2</v>
      </c>
      <c r="EW37" s="313">
        <v>2</v>
      </c>
      <c r="EX37" s="311">
        <v>29</v>
      </c>
      <c r="EY37" s="315">
        <v>33</v>
      </c>
    </row>
    <row r="38" spans="1:155" ht="19.5" customHeight="1" x14ac:dyDescent="0.2">
      <c r="A38" s="297" t="s">
        <v>36</v>
      </c>
      <c r="B38" s="310">
        <v>0</v>
      </c>
      <c r="C38" s="313">
        <v>0</v>
      </c>
      <c r="D38" s="441">
        <v>0</v>
      </c>
      <c r="E38" s="312">
        <v>0</v>
      </c>
      <c r="F38" s="313">
        <v>2</v>
      </c>
      <c r="G38" s="313">
        <v>1</v>
      </c>
      <c r="H38" s="313">
        <v>0</v>
      </c>
      <c r="I38" s="313">
        <v>3</v>
      </c>
      <c r="J38" s="313">
        <v>0</v>
      </c>
      <c r="K38" s="314">
        <v>6</v>
      </c>
      <c r="L38" s="315">
        <v>6</v>
      </c>
      <c r="M38" s="310">
        <v>0</v>
      </c>
      <c r="N38" s="313">
        <v>0</v>
      </c>
      <c r="O38" s="311">
        <v>0</v>
      </c>
      <c r="P38" s="312">
        <v>0</v>
      </c>
      <c r="Q38" s="313">
        <v>0</v>
      </c>
      <c r="R38" s="313">
        <v>0</v>
      </c>
      <c r="S38" s="313">
        <v>0</v>
      </c>
      <c r="T38" s="313">
        <v>0</v>
      </c>
      <c r="U38" s="313">
        <v>0</v>
      </c>
      <c r="V38" s="311">
        <v>0</v>
      </c>
      <c r="W38" s="315">
        <v>0</v>
      </c>
      <c r="X38" s="310">
        <v>0</v>
      </c>
      <c r="Y38" s="313">
        <v>2</v>
      </c>
      <c r="Z38" s="311">
        <v>2</v>
      </c>
      <c r="AA38" s="312">
        <v>0</v>
      </c>
      <c r="AB38" s="313">
        <v>2</v>
      </c>
      <c r="AC38" s="313">
        <v>2</v>
      </c>
      <c r="AD38" s="313">
        <v>0</v>
      </c>
      <c r="AE38" s="313">
        <v>3</v>
      </c>
      <c r="AF38" s="313">
        <v>1</v>
      </c>
      <c r="AG38" s="311">
        <v>8</v>
      </c>
      <c r="AH38" s="315">
        <v>10</v>
      </c>
      <c r="AI38" s="310">
        <v>0</v>
      </c>
      <c r="AJ38" s="313">
        <v>0</v>
      </c>
      <c r="AK38" s="311">
        <v>0</v>
      </c>
      <c r="AL38" s="312">
        <v>0</v>
      </c>
      <c r="AM38" s="313">
        <v>0</v>
      </c>
      <c r="AN38" s="313">
        <v>0</v>
      </c>
      <c r="AO38" s="313">
        <v>0</v>
      </c>
      <c r="AP38" s="313">
        <v>2</v>
      </c>
      <c r="AQ38" s="313">
        <v>0</v>
      </c>
      <c r="AR38" s="311">
        <v>2</v>
      </c>
      <c r="AS38" s="315">
        <v>2</v>
      </c>
      <c r="AT38" s="310">
        <v>0</v>
      </c>
      <c r="AU38" s="313">
        <v>1</v>
      </c>
      <c r="AV38" s="311">
        <v>1</v>
      </c>
      <c r="AW38" s="312">
        <v>0</v>
      </c>
      <c r="AX38" s="313">
        <v>0</v>
      </c>
      <c r="AY38" s="313">
        <v>2</v>
      </c>
      <c r="AZ38" s="313">
        <v>5</v>
      </c>
      <c r="BA38" s="313">
        <v>5</v>
      </c>
      <c r="BB38" s="313">
        <v>0</v>
      </c>
      <c r="BC38" s="314">
        <v>12</v>
      </c>
      <c r="BD38" s="315">
        <v>13</v>
      </c>
      <c r="BE38" s="310">
        <v>0</v>
      </c>
      <c r="BF38" s="313">
        <v>0</v>
      </c>
      <c r="BG38" s="311">
        <v>0</v>
      </c>
      <c r="BH38" s="312">
        <v>0</v>
      </c>
      <c r="BI38" s="313">
        <v>3</v>
      </c>
      <c r="BJ38" s="313">
        <v>3</v>
      </c>
      <c r="BK38" s="313">
        <v>1</v>
      </c>
      <c r="BL38" s="313">
        <v>1</v>
      </c>
      <c r="BM38" s="313">
        <v>0</v>
      </c>
      <c r="BN38" s="311">
        <v>8</v>
      </c>
      <c r="BO38" s="315">
        <v>8</v>
      </c>
      <c r="BP38" s="310">
        <v>0</v>
      </c>
      <c r="BQ38" s="313">
        <v>1</v>
      </c>
      <c r="BR38" s="311">
        <v>1</v>
      </c>
      <c r="BS38" s="312">
        <v>0</v>
      </c>
      <c r="BT38" s="313">
        <v>1</v>
      </c>
      <c r="BU38" s="313">
        <v>0</v>
      </c>
      <c r="BV38" s="313">
        <v>0</v>
      </c>
      <c r="BW38" s="313">
        <v>1</v>
      </c>
      <c r="BX38" s="313">
        <v>0</v>
      </c>
      <c r="BY38" s="311">
        <v>2</v>
      </c>
      <c r="BZ38" s="315">
        <v>3</v>
      </c>
      <c r="CA38" s="310">
        <v>0</v>
      </c>
      <c r="CB38" s="313">
        <v>0</v>
      </c>
      <c r="CC38" s="311">
        <v>0</v>
      </c>
      <c r="CD38" s="312">
        <v>0</v>
      </c>
      <c r="CE38" s="313">
        <v>0</v>
      </c>
      <c r="CF38" s="313">
        <v>1</v>
      </c>
      <c r="CG38" s="313">
        <v>2</v>
      </c>
      <c r="CH38" s="313">
        <v>1</v>
      </c>
      <c r="CI38" s="313">
        <v>0</v>
      </c>
      <c r="CJ38" s="311">
        <v>4</v>
      </c>
      <c r="CK38" s="315">
        <v>4</v>
      </c>
      <c r="CL38" s="310">
        <v>0</v>
      </c>
      <c r="CM38" s="313">
        <v>0</v>
      </c>
      <c r="CN38" s="311">
        <v>0</v>
      </c>
      <c r="CO38" s="312">
        <v>0</v>
      </c>
      <c r="CP38" s="313">
        <v>0</v>
      </c>
      <c r="CQ38" s="313">
        <v>0</v>
      </c>
      <c r="CR38" s="313">
        <v>0</v>
      </c>
      <c r="CS38" s="313">
        <v>0</v>
      </c>
      <c r="CT38" s="313">
        <v>0</v>
      </c>
      <c r="CU38" s="311">
        <v>0</v>
      </c>
      <c r="CV38" s="315">
        <v>0</v>
      </c>
      <c r="CW38" s="310">
        <v>0</v>
      </c>
      <c r="CX38" s="313">
        <v>0</v>
      </c>
      <c r="CY38" s="311">
        <v>0</v>
      </c>
      <c r="CZ38" s="312">
        <v>0</v>
      </c>
      <c r="DA38" s="313">
        <v>0</v>
      </c>
      <c r="DB38" s="313">
        <v>0</v>
      </c>
      <c r="DC38" s="313">
        <v>0</v>
      </c>
      <c r="DD38" s="313">
        <v>0</v>
      </c>
      <c r="DE38" s="313">
        <v>0</v>
      </c>
      <c r="DF38" s="311">
        <v>0</v>
      </c>
      <c r="DG38" s="315">
        <v>0</v>
      </c>
      <c r="DH38" s="310">
        <v>0</v>
      </c>
      <c r="DI38" s="313">
        <v>0</v>
      </c>
      <c r="DJ38" s="311">
        <v>0</v>
      </c>
      <c r="DK38" s="312">
        <v>0</v>
      </c>
      <c r="DL38" s="313">
        <v>0</v>
      </c>
      <c r="DM38" s="313">
        <v>0</v>
      </c>
      <c r="DN38" s="313">
        <v>0</v>
      </c>
      <c r="DO38" s="313">
        <v>0</v>
      </c>
      <c r="DP38" s="313">
        <v>0</v>
      </c>
      <c r="DQ38" s="311">
        <v>0</v>
      </c>
      <c r="DR38" s="315">
        <v>0</v>
      </c>
      <c r="DS38" s="310">
        <v>0</v>
      </c>
      <c r="DT38" s="313">
        <v>2</v>
      </c>
      <c r="DU38" s="311">
        <v>2</v>
      </c>
      <c r="DV38" s="312">
        <v>0</v>
      </c>
      <c r="DW38" s="313">
        <v>4</v>
      </c>
      <c r="DX38" s="313">
        <v>5</v>
      </c>
      <c r="DY38" s="313">
        <v>2</v>
      </c>
      <c r="DZ38" s="313">
        <v>5</v>
      </c>
      <c r="EA38" s="313">
        <v>1</v>
      </c>
      <c r="EB38" s="311">
        <v>17</v>
      </c>
      <c r="EC38" s="315">
        <v>19</v>
      </c>
      <c r="ED38" s="310">
        <v>0</v>
      </c>
      <c r="EE38" s="313">
        <v>0</v>
      </c>
      <c r="EF38" s="311">
        <v>0</v>
      </c>
      <c r="EG38" s="312">
        <v>0</v>
      </c>
      <c r="EH38" s="313">
        <v>0</v>
      </c>
      <c r="EI38" s="313">
        <v>2</v>
      </c>
      <c r="EJ38" s="313">
        <v>2</v>
      </c>
      <c r="EK38" s="313">
        <v>2</v>
      </c>
      <c r="EL38" s="313">
        <v>0</v>
      </c>
      <c r="EM38" s="311">
        <v>6</v>
      </c>
      <c r="EN38" s="315">
        <v>6</v>
      </c>
      <c r="EO38" s="310">
        <v>0</v>
      </c>
      <c r="EP38" s="313">
        <v>4</v>
      </c>
      <c r="EQ38" s="311">
        <v>4</v>
      </c>
      <c r="ER38" s="312">
        <v>0</v>
      </c>
      <c r="ES38" s="313">
        <v>6</v>
      </c>
      <c r="ET38" s="313">
        <v>8</v>
      </c>
      <c r="EU38" s="313">
        <v>2</v>
      </c>
      <c r="EV38" s="313">
        <v>5</v>
      </c>
      <c r="EW38" s="313">
        <v>1</v>
      </c>
      <c r="EX38" s="311">
        <v>22</v>
      </c>
      <c r="EY38" s="315">
        <v>26</v>
      </c>
    </row>
    <row r="39" spans="1:155" ht="19.5" customHeight="1" thickBot="1" x14ac:dyDescent="0.25">
      <c r="A39" s="298" t="s">
        <v>37</v>
      </c>
      <c r="B39" s="316">
        <v>0</v>
      </c>
      <c r="C39" s="319">
        <v>0</v>
      </c>
      <c r="D39" s="442">
        <v>0</v>
      </c>
      <c r="E39" s="318">
        <v>0</v>
      </c>
      <c r="F39" s="319">
        <v>0</v>
      </c>
      <c r="G39" s="319">
        <v>0</v>
      </c>
      <c r="H39" s="319">
        <v>0</v>
      </c>
      <c r="I39" s="319">
        <v>0</v>
      </c>
      <c r="J39" s="319">
        <v>1</v>
      </c>
      <c r="K39" s="320">
        <v>1</v>
      </c>
      <c r="L39" s="321">
        <v>1</v>
      </c>
      <c r="M39" s="316">
        <v>0</v>
      </c>
      <c r="N39" s="319">
        <v>0</v>
      </c>
      <c r="O39" s="317">
        <v>0</v>
      </c>
      <c r="P39" s="318">
        <v>0</v>
      </c>
      <c r="Q39" s="319">
        <v>0</v>
      </c>
      <c r="R39" s="319">
        <v>0</v>
      </c>
      <c r="S39" s="319">
        <v>0</v>
      </c>
      <c r="T39" s="319">
        <v>0</v>
      </c>
      <c r="U39" s="319">
        <v>0</v>
      </c>
      <c r="V39" s="317">
        <v>0</v>
      </c>
      <c r="W39" s="321">
        <v>0</v>
      </c>
      <c r="X39" s="316">
        <v>0</v>
      </c>
      <c r="Y39" s="319">
        <v>0</v>
      </c>
      <c r="Z39" s="317">
        <v>0</v>
      </c>
      <c r="AA39" s="318">
        <v>0</v>
      </c>
      <c r="AB39" s="319">
        <v>0</v>
      </c>
      <c r="AC39" s="319">
        <v>0</v>
      </c>
      <c r="AD39" s="319">
        <v>0</v>
      </c>
      <c r="AE39" s="319">
        <v>0</v>
      </c>
      <c r="AF39" s="319">
        <v>1</v>
      </c>
      <c r="AG39" s="317">
        <v>1</v>
      </c>
      <c r="AH39" s="321">
        <v>1</v>
      </c>
      <c r="AI39" s="316">
        <v>0</v>
      </c>
      <c r="AJ39" s="319">
        <v>0</v>
      </c>
      <c r="AK39" s="317">
        <v>0</v>
      </c>
      <c r="AL39" s="318">
        <v>0</v>
      </c>
      <c r="AM39" s="319">
        <v>0</v>
      </c>
      <c r="AN39" s="319">
        <v>0</v>
      </c>
      <c r="AO39" s="319">
        <v>0</v>
      </c>
      <c r="AP39" s="319">
        <v>0</v>
      </c>
      <c r="AQ39" s="319">
        <v>0</v>
      </c>
      <c r="AR39" s="317">
        <v>0</v>
      </c>
      <c r="AS39" s="321">
        <v>0</v>
      </c>
      <c r="AT39" s="316">
        <v>0</v>
      </c>
      <c r="AU39" s="319">
        <v>0</v>
      </c>
      <c r="AV39" s="317">
        <v>0</v>
      </c>
      <c r="AW39" s="318">
        <v>0</v>
      </c>
      <c r="AX39" s="319">
        <v>0</v>
      </c>
      <c r="AY39" s="319">
        <v>0</v>
      </c>
      <c r="AZ39" s="319">
        <v>0</v>
      </c>
      <c r="BA39" s="319">
        <v>1</v>
      </c>
      <c r="BB39" s="319">
        <v>1</v>
      </c>
      <c r="BC39" s="320">
        <v>2</v>
      </c>
      <c r="BD39" s="321">
        <v>2</v>
      </c>
      <c r="BE39" s="316">
        <v>0</v>
      </c>
      <c r="BF39" s="319">
        <v>0</v>
      </c>
      <c r="BG39" s="317">
        <v>0</v>
      </c>
      <c r="BH39" s="318">
        <v>0</v>
      </c>
      <c r="BI39" s="319">
        <v>0</v>
      </c>
      <c r="BJ39" s="319">
        <v>0</v>
      </c>
      <c r="BK39" s="319">
        <v>0</v>
      </c>
      <c r="BL39" s="319">
        <v>1</v>
      </c>
      <c r="BM39" s="319">
        <v>0</v>
      </c>
      <c r="BN39" s="317">
        <v>1</v>
      </c>
      <c r="BO39" s="321">
        <v>1</v>
      </c>
      <c r="BP39" s="316">
        <v>0</v>
      </c>
      <c r="BQ39" s="319">
        <v>0</v>
      </c>
      <c r="BR39" s="317">
        <v>0</v>
      </c>
      <c r="BS39" s="318">
        <v>0</v>
      </c>
      <c r="BT39" s="319">
        <v>0</v>
      </c>
      <c r="BU39" s="319">
        <v>0</v>
      </c>
      <c r="BV39" s="319">
        <v>0</v>
      </c>
      <c r="BW39" s="319">
        <v>0</v>
      </c>
      <c r="BX39" s="319">
        <v>0</v>
      </c>
      <c r="BY39" s="317">
        <v>0</v>
      </c>
      <c r="BZ39" s="321">
        <v>0</v>
      </c>
      <c r="CA39" s="316">
        <v>0</v>
      </c>
      <c r="CB39" s="319">
        <v>0</v>
      </c>
      <c r="CC39" s="317">
        <v>0</v>
      </c>
      <c r="CD39" s="318">
        <v>0</v>
      </c>
      <c r="CE39" s="319">
        <v>0</v>
      </c>
      <c r="CF39" s="319">
        <v>0</v>
      </c>
      <c r="CG39" s="319">
        <v>0</v>
      </c>
      <c r="CH39" s="319">
        <v>0</v>
      </c>
      <c r="CI39" s="319">
        <v>0</v>
      </c>
      <c r="CJ39" s="317">
        <v>0</v>
      </c>
      <c r="CK39" s="321">
        <v>0</v>
      </c>
      <c r="CL39" s="316">
        <v>0</v>
      </c>
      <c r="CM39" s="319">
        <v>0</v>
      </c>
      <c r="CN39" s="317">
        <v>0</v>
      </c>
      <c r="CO39" s="318">
        <v>0</v>
      </c>
      <c r="CP39" s="319">
        <v>0</v>
      </c>
      <c r="CQ39" s="319">
        <v>0</v>
      </c>
      <c r="CR39" s="319">
        <v>0</v>
      </c>
      <c r="CS39" s="319">
        <v>1</v>
      </c>
      <c r="CT39" s="319">
        <v>0</v>
      </c>
      <c r="CU39" s="317">
        <v>1</v>
      </c>
      <c r="CV39" s="321">
        <v>1</v>
      </c>
      <c r="CW39" s="316">
        <v>0</v>
      </c>
      <c r="CX39" s="319">
        <v>0</v>
      </c>
      <c r="CY39" s="317">
        <v>0</v>
      </c>
      <c r="CZ39" s="318">
        <v>0</v>
      </c>
      <c r="DA39" s="319">
        <v>0</v>
      </c>
      <c r="DB39" s="319">
        <v>0</v>
      </c>
      <c r="DC39" s="319">
        <v>0</v>
      </c>
      <c r="DD39" s="319">
        <v>0</v>
      </c>
      <c r="DE39" s="319">
        <v>0</v>
      </c>
      <c r="DF39" s="317">
        <v>0</v>
      </c>
      <c r="DG39" s="321">
        <v>0</v>
      </c>
      <c r="DH39" s="316">
        <v>0</v>
      </c>
      <c r="DI39" s="319">
        <v>0</v>
      </c>
      <c r="DJ39" s="317">
        <v>0</v>
      </c>
      <c r="DK39" s="318">
        <v>0</v>
      </c>
      <c r="DL39" s="319">
        <v>0</v>
      </c>
      <c r="DM39" s="319">
        <v>0</v>
      </c>
      <c r="DN39" s="319">
        <v>0</v>
      </c>
      <c r="DO39" s="319">
        <v>0</v>
      </c>
      <c r="DP39" s="319">
        <v>0</v>
      </c>
      <c r="DQ39" s="317">
        <v>0</v>
      </c>
      <c r="DR39" s="321">
        <v>0</v>
      </c>
      <c r="DS39" s="316">
        <v>0</v>
      </c>
      <c r="DT39" s="319">
        <v>0</v>
      </c>
      <c r="DU39" s="317">
        <v>0</v>
      </c>
      <c r="DV39" s="318">
        <v>0</v>
      </c>
      <c r="DW39" s="319">
        <v>0</v>
      </c>
      <c r="DX39" s="319">
        <v>0</v>
      </c>
      <c r="DY39" s="319">
        <v>0</v>
      </c>
      <c r="DZ39" s="319">
        <v>1</v>
      </c>
      <c r="EA39" s="319">
        <v>1</v>
      </c>
      <c r="EB39" s="317">
        <v>2</v>
      </c>
      <c r="EC39" s="321">
        <v>2</v>
      </c>
      <c r="ED39" s="316">
        <v>0</v>
      </c>
      <c r="EE39" s="319">
        <v>0</v>
      </c>
      <c r="EF39" s="317">
        <v>0</v>
      </c>
      <c r="EG39" s="318">
        <v>0</v>
      </c>
      <c r="EH39" s="319">
        <v>0</v>
      </c>
      <c r="EI39" s="319">
        <v>0</v>
      </c>
      <c r="EJ39" s="319">
        <v>0</v>
      </c>
      <c r="EK39" s="319">
        <v>1</v>
      </c>
      <c r="EL39" s="319">
        <v>0</v>
      </c>
      <c r="EM39" s="317">
        <v>1</v>
      </c>
      <c r="EN39" s="321">
        <v>1</v>
      </c>
      <c r="EO39" s="316">
        <v>0</v>
      </c>
      <c r="EP39" s="319">
        <v>0</v>
      </c>
      <c r="EQ39" s="317">
        <v>0</v>
      </c>
      <c r="ER39" s="318">
        <v>0</v>
      </c>
      <c r="ES39" s="319">
        <v>0</v>
      </c>
      <c r="ET39" s="319">
        <v>0</v>
      </c>
      <c r="EU39" s="319">
        <v>0</v>
      </c>
      <c r="EV39" s="319">
        <v>1</v>
      </c>
      <c r="EW39" s="319">
        <v>1</v>
      </c>
      <c r="EX39" s="317">
        <v>2</v>
      </c>
      <c r="EY39" s="321">
        <v>2</v>
      </c>
    </row>
  </sheetData>
  <mergeCells count="59">
    <mergeCell ref="EO4:EQ4"/>
    <mergeCell ref="ER4:EX4"/>
    <mergeCell ref="EY4:EY5"/>
    <mergeCell ref="DS4:DU4"/>
    <mergeCell ref="DV4:EB4"/>
    <mergeCell ref="EC4:EC5"/>
    <mergeCell ref="ED4:EF4"/>
    <mergeCell ref="EG4:EM4"/>
    <mergeCell ref="EN4:EN5"/>
    <mergeCell ref="DR4:DR5"/>
    <mergeCell ref="CA4:CC4"/>
    <mergeCell ref="CD4:CJ4"/>
    <mergeCell ref="CK4:CK5"/>
    <mergeCell ref="CL4:CN4"/>
    <mergeCell ref="CO4:CU4"/>
    <mergeCell ref="CV4:CV5"/>
    <mergeCell ref="CW4:CY4"/>
    <mergeCell ref="CZ4:DF4"/>
    <mergeCell ref="DG4:DG5"/>
    <mergeCell ref="DH4:DJ4"/>
    <mergeCell ref="DK4:DQ4"/>
    <mergeCell ref="BZ4:BZ5"/>
    <mergeCell ref="AI4:AK4"/>
    <mergeCell ref="AL4:AR4"/>
    <mergeCell ref="AS4:AS5"/>
    <mergeCell ref="AT4:AV4"/>
    <mergeCell ref="AW4:BC4"/>
    <mergeCell ref="BD4:BD5"/>
    <mergeCell ref="BE4:BG4"/>
    <mergeCell ref="BH4:BN4"/>
    <mergeCell ref="BO4:BO5"/>
    <mergeCell ref="BP4:BR4"/>
    <mergeCell ref="BS4:BY4"/>
    <mergeCell ref="CW3:DG3"/>
    <mergeCell ref="DH3:DR3"/>
    <mergeCell ref="DS3:EC3"/>
    <mergeCell ref="ED3:EN3"/>
    <mergeCell ref="EO3:EY3"/>
    <mergeCell ref="B4:D4"/>
    <mergeCell ref="E4:K4"/>
    <mergeCell ref="L4:L5"/>
    <mergeCell ref="M4:O4"/>
    <mergeCell ref="P4:V4"/>
    <mergeCell ref="CL3:CV3"/>
    <mergeCell ref="H1:I1"/>
    <mergeCell ref="K1:L1"/>
    <mergeCell ref="A3:A5"/>
    <mergeCell ref="B3:L3"/>
    <mergeCell ref="M3:W3"/>
    <mergeCell ref="X3:AH3"/>
    <mergeCell ref="W4:W5"/>
    <mergeCell ref="X4:Z4"/>
    <mergeCell ref="AA4:AG4"/>
    <mergeCell ref="AH4:AH5"/>
    <mergeCell ref="AI3:AS3"/>
    <mergeCell ref="AT3:BD3"/>
    <mergeCell ref="BE3:BO3"/>
    <mergeCell ref="BP3:BZ3"/>
    <mergeCell ref="CA3:CK3"/>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91"/>
    <col min="5" max="5" width="7.77734375" style="291" customWidth="1"/>
    <col min="6" max="6" width="9" style="291"/>
    <col min="7" max="7" width="10.6640625" style="291" customWidth="1"/>
    <col min="8" max="15" width="9" style="291"/>
    <col min="16" max="16" width="7.77734375" style="291" customWidth="1"/>
    <col min="17" max="26" width="9" style="291"/>
    <col min="27" max="27" width="6.88671875" style="291" customWidth="1"/>
    <col min="28" max="37" width="9" style="291"/>
    <col min="38" max="38" width="7.21875" style="291" customWidth="1"/>
    <col min="39" max="48" width="9" style="291"/>
    <col min="49" max="49" width="7.44140625" style="291" customWidth="1"/>
    <col min="50" max="59" width="9" style="291"/>
    <col min="60" max="60" width="7.6640625" style="291" customWidth="1"/>
    <col min="61" max="70" width="9" style="291"/>
    <col min="71" max="71" width="7.88671875" style="291" customWidth="1"/>
    <col min="72" max="81" width="9" style="291"/>
    <col min="82" max="82" width="7" style="291" customWidth="1"/>
    <col min="83" max="92" width="9" style="291"/>
    <col min="93" max="93" width="7.6640625" style="291" customWidth="1"/>
    <col min="94" max="16384" width="9" style="291"/>
  </cols>
  <sheetData>
    <row r="1" spans="1:111" ht="19.5" customHeight="1" x14ac:dyDescent="0.2">
      <c r="A1" s="322" t="s">
        <v>123</v>
      </c>
      <c r="I1" s="470">
        <f>第１表!F2</f>
        <v>4</v>
      </c>
      <c r="J1" s="470"/>
      <c r="K1" s="283">
        <f>第１表!G2</f>
        <v>2</v>
      </c>
      <c r="L1" s="471">
        <f>IF(K1&lt;3,K1+12-2,K1-2)</f>
        <v>12</v>
      </c>
      <c r="M1" s="471"/>
    </row>
    <row r="2" spans="1:111" ht="17.25" customHeight="1" thickBot="1" x14ac:dyDescent="0.25">
      <c r="A2" s="322" t="s">
        <v>139</v>
      </c>
    </row>
    <row r="3" spans="1:111" ht="13.8" thickBot="1" x14ac:dyDescent="0.25">
      <c r="A3" s="491"/>
      <c r="B3" s="494" t="s">
        <v>112</v>
      </c>
      <c r="C3" s="494"/>
      <c r="D3" s="494"/>
      <c r="E3" s="494"/>
      <c r="F3" s="494"/>
      <c r="G3" s="494"/>
      <c r="H3" s="494"/>
      <c r="I3" s="494"/>
      <c r="J3" s="494"/>
      <c r="K3" s="494"/>
      <c r="L3" s="495"/>
      <c r="M3" s="489" t="s">
        <v>111</v>
      </c>
      <c r="N3" s="489"/>
      <c r="O3" s="489"/>
      <c r="P3" s="489"/>
      <c r="Q3" s="489"/>
      <c r="R3" s="489"/>
      <c r="S3" s="489"/>
      <c r="T3" s="489"/>
      <c r="U3" s="489"/>
      <c r="V3" s="489"/>
      <c r="W3" s="490"/>
      <c r="X3" s="488" t="s">
        <v>110</v>
      </c>
      <c r="Y3" s="489"/>
      <c r="Z3" s="489"/>
      <c r="AA3" s="489"/>
      <c r="AB3" s="489"/>
      <c r="AC3" s="489"/>
      <c r="AD3" s="489"/>
      <c r="AE3" s="489"/>
      <c r="AF3" s="489"/>
      <c r="AG3" s="489"/>
      <c r="AH3" s="490"/>
      <c r="AI3" s="488" t="s">
        <v>109</v>
      </c>
      <c r="AJ3" s="489"/>
      <c r="AK3" s="489"/>
      <c r="AL3" s="489"/>
      <c r="AM3" s="489"/>
      <c r="AN3" s="489"/>
      <c r="AO3" s="489"/>
      <c r="AP3" s="489"/>
      <c r="AQ3" s="489"/>
      <c r="AR3" s="489"/>
      <c r="AS3" s="490"/>
      <c r="AT3" s="488" t="s">
        <v>108</v>
      </c>
      <c r="AU3" s="489"/>
      <c r="AV3" s="489"/>
      <c r="AW3" s="489"/>
      <c r="AX3" s="489"/>
      <c r="AY3" s="489"/>
      <c r="AZ3" s="489"/>
      <c r="BA3" s="489"/>
      <c r="BB3" s="489"/>
      <c r="BC3" s="489"/>
      <c r="BD3" s="490"/>
      <c r="BE3" s="488" t="s">
        <v>107</v>
      </c>
      <c r="BF3" s="489"/>
      <c r="BG3" s="489"/>
      <c r="BH3" s="489"/>
      <c r="BI3" s="489"/>
      <c r="BJ3" s="489"/>
      <c r="BK3" s="489"/>
      <c r="BL3" s="489"/>
      <c r="BM3" s="489"/>
      <c r="BN3" s="489"/>
      <c r="BO3" s="490"/>
      <c r="BP3" s="488" t="s">
        <v>106</v>
      </c>
      <c r="BQ3" s="489"/>
      <c r="BR3" s="489"/>
      <c r="BS3" s="489"/>
      <c r="BT3" s="489"/>
      <c r="BU3" s="489"/>
      <c r="BV3" s="489"/>
      <c r="BW3" s="489"/>
      <c r="BX3" s="489"/>
      <c r="BY3" s="489"/>
      <c r="BZ3" s="490"/>
      <c r="CA3" s="488" t="s">
        <v>128</v>
      </c>
      <c r="CB3" s="489"/>
      <c r="CC3" s="489"/>
      <c r="CD3" s="489"/>
      <c r="CE3" s="489"/>
      <c r="CF3" s="489"/>
      <c r="CG3" s="489"/>
      <c r="CH3" s="489"/>
      <c r="CI3" s="489"/>
      <c r="CJ3" s="489"/>
      <c r="CK3" s="490"/>
      <c r="CL3" s="488" t="s">
        <v>105</v>
      </c>
      <c r="CM3" s="489"/>
      <c r="CN3" s="489"/>
      <c r="CO3" s="489"/>
      <c r="CP3" s="489"/>
      <c r="CQ3" s="489"/>
      <c r="CR3" s="489"/>
      <c r="CS3" s="489"/>
      <c r="CT3" s="489"/>
      <c r="CU3" s="489"/>
      <c r="CV3" s="490"/>
      <c r="CW3" s="488" t="s">
        <v>160</v>
      </c>
      <c r="CX3" s="489"/>
      <c r="CY3" s="489"/>
      <c r="CZ3" s="489"/>
      <c r="DA3" s="489"/>
      <c r="DB3" s="489"/>
      <c r="DC3" s="489"/>
      <c r="DD3" s="489"/>
      <c r="DE3" s="489"/>
      <c r="DF3" s="489"/>
      <c r="DG3" s="490"/>
    </row>
    <row r="4" spans="1:111" x14ac:dyDescent="0.2">
      <c r="A4" s="492"/>
      <c r="B4" s="496" t="s">
        <v>61</v>
      </c>
      <c r="C4" s="479"/>
      <c r="D4" s="480"/>
      <c r="E4" s="478" t="s">
        <v>62</v>
      </c>
      <c r="F4" s="479"/>
      <c r="G4" s="479"/>
      <c r="H4" s="479"/>
      <c r="I4" s="479"/>
      <c r="J4" s="479"/>
      <c r="K4" s="487"/>
      <c r="L4" s="481" t="s">
        <v>52</v>
      </c>
      <c r="M4" s="496" t="s">
        <v>61</v>
      </c>
      <c r="N4" s="479"/>
      <c r="O4" s="480"/>
      <c r="P4" s="478" t="s">
        <v>62</v>
      </c>
      <c r="Q4" s="479"/>
      <c r="R4" s="479"/>
      <c r="S4" s="479"/>
      <c r="T4" s="479"/>
      <c r="U4" s="479"/>
      <c r="V4" s="480"/>
      <c r="W4" s="481" t="s">
        <v>52</v>
      </c>
      <c r="X4" s="483" t="s">
        <v>61</v>
      </c>
      <c r="Y4" s="479"/>
      <c r="Z4" s="487"/>
      <c r="AA4" s="478" t="s">
        <v>62</v>
      </c>
      <c r="AB4" s="479"/>
      <c r="AC4" s="479"/>
      <c r="AD4" s="479"/>
      <c r="AE4" s="479"/>
      <c r="AF4" s="479"/>
      <c r="AG4" s="480"/>
      <c r="AH4" s="481" t="s">
        <v>52</v>
      </c>
      <c r="AI4" s="483" t="s">
        <v>61</v>
      </c>
      <c r="AJ4" s="479"/>
      <c r="AK4" s="480"/>
      <c r="AL4" s="478" t="s">
        <v>62</v>
      </c>
      <c r="AM4" s="479"/>
      <c r="AN4" s="479"/>
      <c r="AO4" s="479"/>
      <c r="AP4" s="479"/>
      <c r="AQ4" s="479"/>
      <c r="AR4" s="480"/>
      <c r="AS4" s="481" t="s">
        <v>52</v>
      </c>
      <c r="AT4" s="483" t="s">
        <v>61</v>
      </c>
      <c r="AU4" s="479"/>
      <c r="AV4" s="487"/>
      <c r="AW4" s="478" t="s">
        <v>62</v>
      </c>
      <c r="AX4" s="479"/>
      <c r="AY4" s="479"/>
      <c r="AZ4" s="479"/>
      <c r="BA4" s="479"/>
      <c r="BB4" s="479"/>
      <c r="BC4" s="487"/>
      <c r="BD4" s="481" t="s">
        <v>52</v>
      </c>
      <c r="BE4" s="483" t="s">
        <v>61</v>
      </c>
      <c r="BF4" s="479"/>
      <c r="BG4" s="480"/>
      <c r="BH4" s="478" t="s">
        <v>62</v>
      </c>
      <c r="BI4" s="479"/>
      <c r="BJ4" s="479"/>
      <c r="BK4" s="479"/>
      <c r="BL4" s="479"/>
      <c r="BM4" s="479"/>
      <c r="BN4" s="480"/>
      <c r="BO4" s="481" t="s">
        <v>52</v>
      </c>
      <c r="BP4" s="483" t="s">
        <v>61</v>
      </c>
      <c r="BQ4" s="479"/>
      <c r="BR4" s="480"/>
      <c r="BS4" s="478" t="s">
        <v>62</v>
      </c>
      <c r="BT4" s="479"/>
      <c r="BU4" s="479"/>
      <c r="BV4" s="479"/>
      <c r="BW4" s="479"/>
      <c r="BX4" s="479"/>
      <c r="BY4" s="480"/>
      <c r="BZ4" s="481" t="s">
        <v>52</v>
      </c>
      <c r="CA4" s="483" t="s">
        <v>61</v>
      </c>
      <c r="CB4" s="479"/>
      <c r="CC4" s="480"/>
      <c r="CD4" s="478" t="s">
        <v>62</v>
      </c>
      <c r="CE4" s="479"/>
      <c r="CF4" s="479"/>
      <c r="CG4" s="479"/>
      <c r="CH4" s="479"/>
      <c r="CI4" s="479"/>
      <c r="CJ4" s="480"/>
      <c r="CK4" s="481" t="s">
        <v>52</v>
      </c>
      <c r="CL4" s="483" t="s">
        <v>61</v>
      </c>
      <c r="CM4" s="479"/>
      <c r="CN4" s="480"/>
      <c r="CO4" s="478" t="s">
        <v>62</v>
      </c>
      <c r="CP4" s="479"/>
      <c r="CQ4" s="479"/>
      <c r="CR4" s="479"/>
      <c r="CS4" s="479"/>
      <c r="CT4" s="479"/>
      <c r="CU4" s="480"/>
      <c r="CV4" s="481" t="s">
        <v>52</v>
      </c>
      <c r="CW4" s="483" t="s">
        <v>61</v>
      </c>
      <c r="CX4" s="479"/>
      <c r="CY4" s="480"/>
      <c r="CZ4" s="478" t="s">
        <v>62</v>
      </c>
      <c r="DA4" s="479"/>
      <c r="DB4" s="479"/>
      <c r="DC4" s="479"/>
      <c r="DD4" s="479"/>
      <c r="DE4" s="479"/>
      <c r="DF4" s="480"/>
      <c r="DG4" s="481" t="s">
        <v>52</v>
      </c>
    </row>
    <row r="5" spans="1:111" ht="28.5" customHeight="1" thickBot="1" x14ac:dyDescent="0.25">
      <c r="A5" s="493"/>
      <c r="B5" s="300" t="s">
        <v>43</v>
      </c>
      <c r="C5" s="295" t="s">
        <v>44</v>
      </c>
      <c r="D5" s="439" t="s">
        <v>45</v>
      </c>
      <c r="E5" s="302" t="s">
        <v>83</v>
      </c>
      <c r="F5" s="295" t="s">
        <v>47</v>
      </c>
      <c r="G5" s="295" t="s">
        <v>48</v>
      </c>
      <c r="H5" s="295" t="s">
        <v>49</v>
      </c>
      <c r="I5" s="295" t="s">
        <v>50</v>
      </c>
      <c r="J5" s="295" t="s">
        <v>51</v>
      </c>
      <c r="K5" s="303" t="s">
        <v>45</v>
      </c>
      <c r="L5" s="482"/>
      <c r="M5" s="300" t="s">
        <v>43</v>
      </c>
      <c r="N5" s="295" t="s">
        <v>44</v>
      </c>
      <c r="O5" s="301" t="s">
        <v>45</v>
      </c>
      <c r="P5" s="302" t="s">
        <v>83</v>
      </c>
      <c r="Q5" s="295" t="s">
        <v>47</v>
      </c>
      <c r="R5" s="295" t="s">
        <v>48</v>
      </c>
      <c r="S5" s="295" t="s">
        <v>49</v>
      </c>
      <c r="T5" s="295" t="s">
        <v>50</v>
      </c>
      <c r="U5" s="295" t="s">
        <v>51</v>
      </c>
      <c r="V5" s="301" t="s">
        <v>45</v>
      </c>
      <c r="W5" s="482"/>
      <c r="X5" s="343" t="s">
        <v>43</v>
      </c>
      <c r="Y5" s="295" t="s">
        <v>44</v>
      </c>
      <c r="Z5" s="303" t="s">
        <v>45</v>
      </c>
      <c r="AA5" s="302" t="s">
        <v>83</v>
      </c>
      <c r="AB5" s="295" t="s">
        <v>47</v>
      </c>
      <c r="AC5" s="295" t="s">
        <v>48</v>
      </c>
      <c r="AD5" s="295" t="s">
        <v>49</v>
      </c>
      <c r="AE5" s="295" t="s">
        <v>50</v>
      </c>
      <c r="AF5" s="295" t="s">
        <v>51</v>
      </c>
      <c r="AG5" s="301" t="s">
        <v>45</v>
      </c>
      <c r="AH5" s="482"/>
      <c r="AI5" s="299" t="s">
        <v>43</v>
      </c>
      <c r="AJ5" s="295" t="s">
        <v>44</v>
      </c>
      <c r="AK5" s="301" t="s">
        <v>45</v>
      </c>
      <c r="AL5" s="302" t="s">
        <v>83</v>
      </c>
      <c r="AM5" s="295" t="s">
        <v>47</v>
      </c>
      <c r="AN5" s="295" t="s">
        <v>48</v>
      </c>
      <c r="AO5" s="295" t="s">
        <v>49</v>
      </c>
      <c r="AP5" s="295" t="s">
        <v>50</v>
      </c>
      <c r="AQ5" s="295" t="s">
        <v>51</v>
      </c>
      <c r="AR5" s="301" t="s">
        <v>45</v>
      </c>
      <c r="AS5" s="482"/>
      <c r="AT5" s="343" t="s">
        <v>43</v>
      </c>
      <c r="AU5" s="295" t="s">
        <v>44</v>
      </c>
      <c r="AV5" s="303" t="s">
        <v>45</v>
      </c>
      <c r="AW5" s="302" t="s">
        <v>83</v>
      </c>
      <c r="AX5" s="295" t="s">
        <v>47</v>
      </c>
      <c r="AY5" s="295" t="s">
        <v>48</v>
      </c>
      <c r="AZ5" s="295" t="s">
        <v>49</v>
      </c>
      <c r="BA5" s="295" t="s">
        <v>50</v>
      </c>
      <c r="BB5" s="295" t="s">
        <v>51</v>
      </c>
      <c r="BC5" s="303" t="s">
        <v>45</v>
      </c>
      <c r="BD5" s="482"/>
      <c r="BE5" s="343" t="s">
        <v>43</v>
      </c>
      <c r="BF5" s="295" t="s">
        <v>44</v>
      </c>
      <c r="BG5" s="301" t="s">
        <v>45</v>
      </c>
      <c r="BH5" s="302" t="s">
        <v>83</v>
      </c>
      <c r="BI5" s="295" t="s">
        <v>47</v>
      </c>
      <c r="BJ5" s="295" t="s">
        <v>48</v>
      </c>
      <c r="BK5" s="295" t="s">
        <v>49</v>
      </c>
      <c r="BL5" s="295" t="s">
        <v>50</v>
      </c>
      <c r="BM5" s="295" t="s">
        <v>51</v>
      </c>
      <c r="BN5" s="301" t="s">
        <v>45</v>
      </c>
      <c r="BO5" s="482"/>
      <c r="BP5" s="343" t="s">
        <v>43</v>
      </c>
      <c r="BQ5" s="295" t="s">
        <v>44</v>
      </c>
      <c r="BR5" s="301" t="s">
        <v>45</v>
      </c>
      <c r="BS5" s="302" t="s">
        <v>83</v>
      </c>
      <c r="BT5" s="295" t="s">
        <v>47</v>
      </c>
      <c r="BU5" s="295" t="s">
        <v>48</v>
      </c>
      <c r="BV5" s="295" t="s">
        <v>49</v>
      </c>
      <c r="BW5" s="295" t="s">
        <v>50</v>
      </c>
      <c r="BX5" s="295" t="s">
        <v>51</v>
      </c>
      <c r="BY5" s="301" t="s">
        <v>45</v>
      </c>
      <c r="BZ5" s="482"/>
      <c r="CA5" s="343" t="s">
        <v>43</v>
      </c>
      <c r="CB5" s="295" t="s">
        <v>44</v>
      </c>
      <c r="CC5" s="301" t="s">
        <v>45</v>
      </c>
      <c r="CD5" s="302" t="s">
        <v>83</v>
      </c>
      <c r="CE5" s="295" t="s">
        <v>47</v>
      </c>
      <c r="CF5" s="295" t="s">
        <v>48</v>
      </c>
      <c r="CG5" s="295" t="s">
        <v>49</v>
      </c>
      <c r="CH5" s="295" t="s">
        <v>50</v>
      </c>
      <c r="CI5" s="295" t="s">
        <v>51</v>
      </c>
      <c r="CJ5" s="301" t="s">
        <v>45</v>
      </c>
      <c r="CK5" s="482"/>
      <c r="CL5" s="343" t="s">
        <v>43</v>
      </c>
      <c r="CM5" s="295" t="s">
        <v>44</v>
      </c>
      <c r="CN5" s="301" t="s">
        <v>45</v>
      </c>
      <c r="CO5" s="302" t="s">
        <v>83</v>
      </c>
      <c r="CP5" s="295" t="s">
        <v>47</v>
      </c>
      <c r="CQ5" s="295" t="s">
        <v>48</v>
      </c>
      <c r="CR5" s="295" t="s">
        <v>49</v>
      </c>
      <c r="CS5" s="295" t="s">
        <v>50</v>
      </c>
      <c r="CT5" s="295" t="s">
        <v>51</v>
      </c>
      <c r="CU5" s="301" t="s">
        <v>45</v>
      </c>
      <c r="CV5" s="482"/>
      <c r="CW5" s="406" t="s">
        <v>43</v>
      </c>
      <c r="CX5" s="295" t="s">
        <v>44</v>
      </c>
      <c r="CY5" s="301" t="s">
        <v>45</v>
      </c>
      <c r="CZ5" s="302" t="s">
        <v>83</v>
      </c>
      <c r="DA5" s="295" t="s">
        <v>47</v>
      </c>
      <c r="DB5" s="295" t="s">
        <v>48</v>
      </c>
      <c r="DC5" s="295" t="s">
        <v>49</v>
      </c>
      <c r="DD5" s="295" t="s">
        <v>50</v>
      </c>
      <c r="DE5" s="295" t="s">
        <v>51</v>
      </c>
      <c r="DF5" s="301" t="s">
        <v>45</v>
      </c>
      <c r="DG5" s="482"/>
    </row>
    <row r="6" spans="1:111" ht="18.75" customHeight="1" x14ac:dyDescent="0.2">
      <c r="A6" s="296" t="s">
        <v>4</v>
      </c>
      <c r="B6" s="304">
        <v>0</v>
      </c>
      <c r="C6" s="307">
        <v>0</v>
      </c>
      <c r="D6" s="440">
        <v>0</v>
      </c>
      <c r="E6" s="306">
        <v>0</v>
      </c>
      <c r="F6" s="307">
        <v>211640</v>
      </c>
      <c r="G6" s="307">
        <v>329971</v>
      </c>
      <c r="H6" s="307">
        <v>331643</v>
      </c>
      <c r="I6" s="307">
        <v>393826</v>
      </c>
      <c r="J6" s="307">
        <v>380624</v>
      </c>
      <c r="K6" s="308">
        <v>1647704</v>
      </c>
      <c r="L6" s="309">
        <v>1647704</v>
      </c>
      <c r="M6" s="304">
        <v>3</v>
      </c>
      <c r="N6" s="307">
        <v>149</v>
      </c>
      <c r="O6" s="305">
        <v>152</v>
      </c>
      <c r="P6" s="306">
        <v>0</v>
      </c>
      <c r="Q6" s="307">
        <v>592</v>
      </c>
      <c r="R6" s="307">
        <v>2234</v>
      </c>
      <c r="S6" s="307">
        <v>3885</v>
      </c>
      <c r="T6" s="307">
        <v>9655</v>
      </c>
      <c r="U6" s="307">
        <v>19028</v>
      </c>
      <c r="V6" s="305">
        <v>35394</v>
      </c>
      <c r="W6" s="309">
        <v>35546</v>
      </c>
      <c r="X6" s="304">
        <v>12003</v>
      </c>
      <c r="Y6" s="307">
        <v>40831</v>
      </c>
      <c r="Z6" s="305">
        <v>52834</v>
      </c>
      <c r="AA6" s="306">
        <v>0</v>
      </c>
      <c r="AB6" s="307">
        <v>94856</v>
      </c>
      <c r="AC6" s="307">
        <v>150420</v>
      </c>
      <c r="AD6" s="307">
        <v>93924</v>
      </c>
      <c r="AE6" s="307">
        <v>87950</v>
      </c>
      <c r="AF6" s="307">
        <v>74357</v>
      </c>
      <c r="AG6" s="305">
        <v>501507</v>
      </c>
      <c r="AH6" s="309">
        <v>554341</v>
      </c>
      <c r="AI6" s="304">
        <v>2220</v>
      </c>
      <c r="AJ6" s="307">
        <v>8018</v>
      </c>
      <c r="AK6" s="305">
        <v>10238</v>
      </c>
      <c r="AL6" s="306">
        <v>0</v>
      </c>
      <c r="AM6" s="307">
        <v>11992</v>
      </c>
      <c r="AN6" s="307">
        <v>20860</v>
      </c>
      <c r="AO6" s="307">
        <v>13792</v>
      </c>
      <c r="AP6" s="307">
        <v>12223</v>
      </c>
      <c r="AQ6" s="307">
        <v>7963</v>
      </c>
      <c r="AR6" s="305">
        <v>66830</v>
      </c>
      <c r="AS6" s="309">
        <v>77068</v>
      </c>
      <c r="AT6" s="304">
        <v>0</v>
      </c>
      <c r="AU6" s="307">
        <v>1</v>
      </c>
      <c r="AV6" s="305">
        <v>1</v>
      </c>
      <c r="AW6" s="306">
        <v>0</v>
      </c>
      <c r="AX6" s="307">
        <v>184845</v>
      </c>
      <c r="AY6" s="307">
        <v>187189</v>
      </c>
      <c r="AZ6" s="307">
        <v>114941</v>
      </c>
      <c r="BA6" s="307">
        <v>67910</v>
      </c>
      <c r="BB6" s="307">
        <v>31436</v>
      </c>
      <c r="BC6" s="308">
        <v>586321</v>
      </c>
      <c r="BD6" s="309">
        <v>586322</v>
      </c>
      <c r="BE6" s="304">
        <v>0</v>
      </c>
      <c r="BF6" s="307">
        <v>0</v>
      </c>
      <c r="BG6" s="305">
        <v>0</v>
      </c>
      <c r="BH6" s="306">
        <v>0</v>
      </c>
      <c r="BI6" s="307">
        <v>30327</v>
      </c>
      <c r="BJ6" s="307">
        <v>48103</v>
      </c>
      <c r="BK6" s="307">
        <v>28426</v>
      </c>
      <c r="BL6" s="307">
        <v>18296</v>
      </c>
      <c r="BM6" s="307">
        <v>6363</v>
      </c>
      <c r="BN6" s="305">
        <v>131515</v>
      </c>
      <c r="BO6" s="309">
        <v>131515</v>
      </c>
      <c r="BP6" s="304">
        <v>299</v>
      </c>
      <c r="BQ6" s="307">
        <v>1194</v>
      </c>
      <c r="BR6" s="305">
        <v>1493</v>
      </c>
      <c r="BS6" s="306">
        <v>0</v>
      </c>
      <c r="BT6" s="307">
        <v>16402</v>
      </c>
      <c r="BU6" s="307">
        <v>32249</v>
      </c>
      <c r="BV6" s="307">
        <v>54113</v>
      </c>
      <c r="BW6" s="307">
        <v>42268</v>
      </c>
      <c r="BX6" s="307">
        <v>21474</v>
      </c>
      <c r="BY6" s="305">
        <v>166506</v>
      </c>
      <c r="BZ6" s="309">
        <v>167999</v>
      </c>
      <c r="CA6" s="304">
        <v>30</v>
      </c>
      <c r="CB6" s="307">
        <v>126</v>
      </c>
      <c r="CC6" s="305">
        <v>156</v>
      </c>
      <c r="CD6" s="306">
        <v>0</v>
      </c>
      <c r="CE6" s="307">
        <v>1375</v>
      </c>
      <c r="CF6" s="307">
        <v>3533</v>
      </c>
      <c r="CG6" s="307">
        <v>4991</v>
      </c>
      <c r="CH6" s="307">
        <v>4395</v>
      </c>
      <c r="CI6" s="307">
        <v>2866</v>
      </c>
      <c r="CJ6" s="305">
        <v>17160</v>
      </c>
      <c r="CK6" s="309">
        <v>17316</v>
      </c>
      <c r="CL6" s="304">
        <v>0</v>
      </c>
      <c r="CM6" s="307">
        <v>0</v>
      </c>
      <c r="CN6" s="305">
        <v>0</v>
      </c>
      <c r="CO6" s="306">
        <v>0</v>
      </c>
      <c r="CP6" s="307">
        <v>0</v>
      </c>
      <c r="CQ6" s="307">
        <v>0</v>
      </c>
      <c r="CR6" s="307">
        <v>0</v>
      </c>
      <c r="CS6" s="307">
        <v>0</v>
      </c>
      <c r="CT6" s="307">
        <v>0</v>
      </c>
      <c r="CU6" s="305">
        <v>0</v>
      </c>
      <c r="CV6" s="309">
        <v>0</v>
      </c>
      <c r="CW6" s="304">
        <v>0</v>
      </c>
      <c r="CX6" s="307">
        <v>0</v>
      </c>
      <c r="CY6" s="305">
        <v>0</v>
      </c>
      <c r="CZ6" s="306">
        <v>0</v>
      </c>
      <c r="DA6" s="307">
        <v>0</v>
      </c>
      <c r="DB6" s="307">
        <v>0</v>
      </c>
      <c r="DC6" s="307">
        <v>5</v>
      </c>
      <c r="DD6" s="307">
        <v>0</v>
      </c>
      <c r="DE6" s="307">
        <v>0</v>
      </c>
      <c r="DF6" s="305">
        <v>5</v>
      </c>
      <c r="DG6" s="309">
        <v>5</v>
      </c>
    </row>
    <row r="7" spans="1:111" ht="18.75" customHeight="1" x14ac:dyDescent="0.2">
      <c r="A7" s="297" t="s">
        <v>5</v>
      </c>
      <c r="B7" s="310">
        <v>0</v>
      </c>
      <c r="C7" s="313">
        <v>0</v>
      </c>
      <c r="D7" s="441">
        <v>0</v>
      </c>
      <c r="E7" s="312">
        <v>0</v>
      </c>
      <c r="F7" s="313">
        <v>70468</v>
      </c>
      <c r="G7" s="313">
        <v>141994</v>
      </c>
      <c r="H7" s="313">
        <v>126245</v>
      </c>
      <c r="I7" s="313">
        <v>137961</v>
      </c>
      <c r="J7" s="313">
        <v>141619</v>
      </c>
      <c r="K7" s="314">
        <v>618287</v>
      </c>
      <c r="L7" s="315">
        <v>618287</v>
      </c>
      <c r="M7" s="310">
        <v>0</v>
      </c>
      <c r="N7" s="313">
        <v>71</v>
      </c>
      <c r="O7" s="311">
        <v>71</v>
      </c>
      <c r="P7" s="312">
        <v>0</v>
      </c>
      <c r="Q7" s="313">
        <v>154</v>
      </c>
      <c r="R7" s="313">
        <v>846</v>
      </c>
      <c r="S7" s="313">
        <v>1507</v>
      </c>
      <c r="T7" s="313">
        <v>3736</v>
      </c>
      <c r="U7" s="313">
        <v>8360</v>
      </c>
      <c r="V7" s="311">
        <v>14603</v>
      </c>
      <c r="W7" s="315">
        <v>14674</v>
      </c>
      <c r="X7" s="310">
        <v>5282</v>
      </c>
      <c r="Y7" s="313">
        <v>21130</v>
      </c>
      <c r="Z7" s="311">
        <v>26412</v>
      </c>
      <c r="AA7" s="312">
        <v>0</v>
      </c>
      <c r="AB7" s="313">
        <v>34060</v>
      </c>
      <c r="AC7" s="313">
        <v>80885</v>
      </c>
      <c r="AD7" s="313">
        <v>46333</v>
      </c>
      <c r="AE7" s="313">
        <v>40838</v>
      </c>
      <c r="AF7" s="313">
        <v>34578</v>
      </c>
      <c r="AG7" s="311">
        <v>236694</v>
      </c>
      <c r="AH7" s="315">
        <v>263106</v>
      </c>
      <c r="AI7" s="310">
        <v>930</v>
      </c>
      <c r="AJ7" s="313">
        <v>4149</v>
      </c>
      <c r="AK7" s="311">
        <v>5079</v>
      </c>
      <c r="AL7" s="312">
        <v>0</v>
      </c>
      <c r="AM7" s="313">
        <v>3155</v>
      </c>
      <c r="AN7" s="313">
        <v>9173</v>
      </c>
      <c r="AO7" s="313">
        <v>5673</v>
      </c>
      <c r="AP7" s="313">
        <v>5390</v>
      </c>
      <c r="AQ7" s="313">
        <v>3312</v>
      </c>
      <c r="AR7" s="311">
        <v>26703</v>
      </c>
      <c r="AS7" s="315">
        <v>31782</v>
      </c>
      <c r="AT7" s="310">
        <v>0</v>
      </c>
      <c r="AU7" s="313">
        <v>0</v>
      </c>
      <c r="AV7" s="311">
        <v>0</v>
      </c>
      <c r="AW7" s="312">
        <v>0</v>
      </c>
      <c r="AX7" s="313">
        <v>57085</v>
      </c>
      <c r="AY7" s="313">
        <v>76195</v>
      </c>
      <c r="AZ7" s="313">
        <v>41148</v>
      </c>
      <c r="BA7" s="313">
        <v>22492</v>
      </c>
      <c r="BB7" s="313">
        <v>10936</v>
      </c>
      <c r="BC7" s="314">
        <v>207856</v>
      </c>
      <c r="BD7" s="315">
        <v>207856</v>
      </c>
      <c r="BE7" s="310">
        <v>0</v>
      </c>
      <c r="BF7" s="313">
        <v>0</v>
      </c>
      <c r="BG7" s="311">
        <v>0</v>
      </c>
      <c r="BH7" s="312">
        <v>0</v>
      </c>
      <c r="BI7" s="313">
        <v>9066</v>
      </c>
      <c r="BJ7" s="313">
        <v>22334</v>
      </c>
      <c r="BK7" s="313">
        <v>13041</v>
      </c>
      <c r="BL7" s="313">
        <v>7649</v>
      </c>
      <c r="BM7" s="313">
        <v>2840</v>
      </c>
      <c r="BN7" s="311">
        <v>54930</v>
      </c>
      <c r="BO7" s="315">
        <v>54930</v>
      </c>
      <c r="BP7" s="310">
        <v>82</v>
      </c>
      <c r="BQ7" s="313">
        <v>465</v>
      </c>
      <c r="BR7" s="311">
        <v>547</v>
      </c>
      <c r="BS7" s="312">
        <v>0</v>
      </c>
      <c r="BT7" s="313">
        <v>4648</v>
      </c>
      <c r="BU7" s="313">
        <v>12143</v>
      </c>
      <c r="BV7" s="313">
        <v>20204</v>
      </c>
      <c r="BW7" s="313">
        <v>15233</v>
      </c>
      <c r="BX7" s="313">
        <v>7722</v>
      </c>
      <c r="BY7" s="311">
        <v>59950</v>
      </c>
      <c r="BZ7" s="315">
        <v>60497</v>
      </c>
      <c r="CA7" s="310">
        <v>25</v>
      </c>
      <c r="CB7" s="313">
        <v>78</v>
      </c>
      <c r="CC7" s="311">
        <v>103</v>
      </c>
      <c r="CD7" s="312">
        <v>0</v>
      </c>
      <c r="CE7" s="313">
        <v>742</v>
      </c>
      <c r="CF7" s="313">
        <v>1930</v>
      </c>
      <c r="CG7" s="313">
        <v>2769</v>
      </c>
      <c r="CH7" s="313">
        <v>2375</v>
      </c>
      <c r="CI7" s="313">
        <v>1718</v>
      </c>
      <c r="CJ7" s="311">
        <v>9534</v>
      </c>
      <c r="CK7" s="315">
        <v>9637</v>
      </c>
      <c r="CL7" s="310">
        <v>0</v>
      </c>
      <c r="CM7" s="313">
        <v>0</v>
      </c>
      <c r="CN7" s="311">
        <v>0</v>
      </c>
      <c r="CO7" s="312">
        <v>0</v>
      </c>
      <c r="CP7" s="313">
        <v>0</v>
      </c>
      <c r="CQ7" s="313">
        <v>0</v>
      </c>
      <c r="CR7" s="313">
        <v>0</v>
      </c>
      <c r="CS7" s="313">
        <v>0</v>
      </c>
      <c r="CT7" s="313">
        <v>0</v>
      </c>
      <c r="CU7" s="311">
        <v>0</v>
      </c>
      <c r="CV7" s="315">
        <v>0</v>
      </c>
      <c r="CW7" s="310">
        <v>0</v>
      </c>
      <c r="CX7" s="313">
        <v>0</v>
      </c>
      <c r="CY7" s="311">
        <v>0</v>
      </c>
      <c r="CZ7" s="312">
        <v>0</v>
      </c>
      <c r="DA7" s="313">
        <v>0</v>
      </c>
      <c r="DB7" s="313">
        <v>0</v>
      </c>
      <c r="DC7" s="313">
        <v>0</v>
      </c>
      <c r="DD7" s="313">
        <v>0</v>
      </c>
      <c r="DE7" s="313">
        <v>0</v>
      </c>
      <c r="DF7" s="311">
        <v>0</v>
      </c>
      <c r="DG7" s="315">
        <v>0</v>
      </c>
    </row>
    <row r="8" spans="1:111" ht="18.75" customHeight="1" x14ac:dyDescent="0.2">
      <c r="A8" s="297" t="s">
        <v>6</v>
      </c>
      <c r="B8" s="310">
        <v>0</v>
      </c>
      <c r="C8" s="313">
        <v>0</v>
      </c>
      <c r="D8" s="441">
        <v>0</v>
      </c>
      <c r="E8" s="312">
        <v>0</v>
      </c>
      <c r="F8" s="313">
        <v>37933</v>
      </c>
      <c r="G8" s="313">
        <v>48737</v>
      </c>
      <c r="H8" s="313">
        <v>51583</v>
      </c>
      <c r="I8" s="313">
        <v>65701</v>
      </c>
      <c r="J8" s="313">
        <v>63325</v>
      </c>
      <c r="K8" s="314">
        <v>267279</v>
      </c>
      <c r="L8" s="315">
        <v>267279</v>
      </c>
      <c r="M8" s="310">
        <v>0</v>
      </c>
      <c r="N8" s="313">
        <v>17</v>
      </c>
      <c r="O8" s="311">
        <v>17</v>
      </c>
      <c r="P8" s="312">
        <v>0</v>
      </c>
      <c r="Q8" s="313">
        <v>82</v>
      </c>
      <c r="R8" s="313">
        <v>261</v>
      </c>
      <c r="S8" s="313">
        <v>545</v>
      </c>
      <c r="T8" s="313">
        <v>1379</v>
      </c>
      <c r="U8" s="313">
        <v>2670</v>
      </c>
      <c r="V8" s="311">
        <v>4937</v>
      </c>
      <c r="W8" s="315">
        <v>4954</v>
      </c>
      <c r="X8" s="310">
        <v>2023</v>
      </c>
      <c r="Y8" s="313">
        <v>6165</v>
      </c>
      <c r="Z8" s="311">
        <v>8188</v>
      </c>
      <c r="AA8" s="312">
        <v>0</v>
      </c>
      <c r="AB8" s="313">
        <v>20388</v>
      </c>
      <c r="AC8" s="313">
        <v>21679</v>
      </c>
      <c r="AD8" s="313">
        <v>14177</v>
      </c>
      <c r="AE8" s="313">
        <v>14478</v>
      </c>
      <c r="AF8" s="313">
        <v>11698</v>
      </c>
      <c r="AG8" s="311">
        <v>82420</v>
      </c>
      <c r="AH8" s="315">
        <v>90608</v>
      </c>
      <c r="AI8" s="310">
        <v>202</v>
      </c>
      <c r="AJ8" s="313">
        <v>563</v>
      </c>
      <c r="AK8" s="311">
        <v>765</v>
      </c>
      <c r="AL8" s="312">
        <v>0</v>
      </c>
      <c r="AM8" s="313">
        <v>1991</v>
      </c>
      <c r="AN8" s="313">
        <v>2392</v>
      </c>
      <c r="AO8" s="313">
        <v>1611</v>
      </c>
      <c r="AP8" s="313">
        <v>1591</v>
      </c>
      <c r="AQ8" s="313">
        <v>929</v>
      </c>
      <c r="AR8" s="311">
        <v>8514</v>
      </c>
      <c r="AS8" s="315">
        <v>9279</v>
      </c>
      <c r="AT8" s="310">
        <v>0</v>
      </c>
      <c r="AU8" s="313">
        <v>0</v>
      </c>
      <c r="AV8" s="311">
        <v>0</v>
      </c>
      <c r="AW8" s="312">
        <v>0</v>
      </c>
      <c r="AX8" s="313">
        <v>31666</v>
      </c>
      <c r="AY8" s="313">
        <v>24475</v>
      </c>
      <c r="AZ8" s="313">
        <v>15970</v>
      </c>
      <c r="BA8" s="313">
        <v>10681</v>
      </c>
      <c r="BB8" s="313">
        <v>4676</v>
      </c>
      <c r="BC8" s="314">
        <v>87468</v>
      </c>
      <c r="BD8" s="315">
        <v>87468</v>
      </c>
      <c r="BE8" s="310">
        <v>0</v>
      </c>
      <c r="BF8" s="313">
        <v>0</v>
      </c>
      <c r="BG8" s="311">
        <v>0</v>
      </c>
      <c r="BH8" s="312">
        <v>0</v>
      </c>
      <c r="BI8" s="313">
        <v>4062</v>
      </c>
      <c r="BJ8" s="313">
        <v>5502</v>
      </c>
      <c r="BK8" s="313">
        <v>3818</v>
      </c>
      <c r="BL8" s="313">
        <v>2561</v>
      </c>
      <c r="BM8" s="313">
        <v>844</v>
      </c>
      <c r="BN8" s="311">
        <v>16787</v>
      </c>
      <c r="BO8" s="315">
        <v>16787</v>
      </c>
      <c r="BP8" s="310">
        <v>28</v>
      </c>
      <c r="BQ8" s="313">
        <v>95</v>
      </c>
      <c r="BR8" s="311">
        <v>123</v>
      </c>
      <c r="BS8" s="312">
        <v>0</v>
      </c>
      <c r="BT8" s="313">
        <v>2275</v>
      </c>
      <c r="BU8" s="313">
        <v>3640</v>
      </c>
      <c r="BV8" s="313">
        <v>6137</v>
      </c>
      <c r="BW8" s="313">
        <v>4432</v>
      </c>
      <c r="BX8" s="313">
        <v>2440</v>
      </c>
      <c r="BY8" s="311">
        <v>18924</v>
      </c>
      <c r="BZ8" s="315">
        <v>19047</v>
      </c>
      <c r="CA8" s="310">
        <v>5</v>
      </c>
      <c r="CB8" s="313">
        <v>0</v>
      </c>
      <c r="CC8" s="311">
        <v>5</v>
      </c>
      <c r="CD8" s="312">
        <v>0</v>
      </c>
      <c r="CE8" s="313">
        <v>200</v>
      </c>
      <c r="CF8" s="313">
        <v>437</v>
      </c>
      <c r="CG8" s="313">
        <v>552</v>
      </c>
      <c r="CH8" s="313">
        <v>695</v>
      </c>
      <c r="CI8" s="313">
        <v>355</v>
      </c>
      <c r="CJ8" s="311">
        <v>2239</v>
      </c>
      <c r="CK8" s="315">
        <v>2244</v>
      </c>
      <c r="CL8" s="310">
        <v>0</v>
      </c>
      <c r="CM8" s="313">
        <v>0</v>
      </c>
      <c r="CN8" s="311">
        <v>0</v>
      </c>
      <c r="CO8" s="312">
        <v>0</v>
      </c>
      <c r="CP8" s="313">
        <v>0</v>
      </c>
      <c r="CQ8" s="313">
        <v>0</v>
      </c>
      <c r="CR8" s="313">
        <v>0</v>
      </c>
      <c r="CS8" s="313">
        <v>0</v>
      </c>
      <c r="CT8" s="313">
        <v>0</v>
      </c>
      <c r="CU8" s="311">
        <v>0</v>
      </c>
      <c r="CV8" s="315">
        <v>0</v>
      </c>
      <c r="CW8" s="310">
        <v>0</v>
      </c>
      <c r="CX8" s="313">
        <v>0</v>
      </c>
      <c r="CY8" s="311">
        <v>0</v>
      </c>
      <c r="CZ8" s="312">
        <v>0</v>
      </c>
      <c r="DA8" s="313">
        <v>0</v>
      </c>
      <c r="DB8" s="313">
        <v>0</v>
      </c>
      <c r="DC8" s="313">
        <v>0</v>
      </c>
      <c r="DD8" s="313">
        <v>0</v>
      </c>
      <c r="DE8" s="313">
        <v>0</v>
      </c>
      <c r="DF8" s="311">
        <v>0</v>
      </c>
      <c r="DG8" s="315">
        <v>0</v>
      </c>
    </row>
    <row r="9" spans="1:111" ht="18.75" customHeight="1" x14ac:dyDescent="0.2">
      <c r="A9" s="297" t="s">
        <v>14</v>
      </c>
      <c r="B9" s="310">
        <v>0</v>
      </c>
      <c r="C9" s="313">
        <v>0</v>
      </c>
      <c r="D9" s="441">
        <v>0</v>
      </c>
      <c r="E9" s="312">
        <v>0</v>
      </c>
      <c r="F9" s="313">
        <v>14033</v>
      </c>
      <c r="G9" s="313">
        <v>23851</v>
      </c>
      <c r="H9" s="313">
        <v>24631</v>
      </c>
      <c r="I9" s="313">
        <v>27335</v>
      </c>
      <c r="J9" s="313">
        <v>21833</v>
      </c>
      <c r="K9" s="314">
        <v>111683</v>
      </c>
      <c r="L9" s="315">
        <v>111683</v>
      </c>
      <c r="M9" s="310">
        <v>0</v>
      </c>
      <c r="N9" s="313">
        <v>12</v>
      </c>
      <c r="O9" s="311">
        <v>12</v>
      </c>
      <c r="P9" s="312">
        <v>0</v>
      </c>
      <c r="Q9" s="313">
        <v>24</v>
      </c>
      <c r="R9" s="313">
        <v>93</v>
      </c>
      <c r="S9" s="313">
        <v>258</v>
      </c>
      <c r="T9" s="313">
        <v>647</v>
      </c>
      <c r="U9" s="313">
        <v>1206</v>
      </c>
      <c r="V9" s="311">
        <v>2228</v>
      </c>
      <c r="W9" s="315">
        <v>2240</v>
      </c>
      <c r="X9" s="310">
        <v>629</v>
      </c>
      <c r="Y9" s="313">
        <v>3236</v>
      </c>
      <c r="Z9" s="311">
        <v>3865</v>
      </c>
      <c r="AA9" s="312">
        <v>0</v>
      </c>
      <c r="AB9" s="313">
        <v>4949</v>
      </c>
      <c r="AC9" s="313">
        <v>9651</v>
      </c>
      <c r="AD9" s="313">
        <v>6899</v>
      </c>
      <c r="AE9" s="313">
        <v>7158</v>
      </c>
      <c r="AF9" s="313">
        <v>4992</v>
      </c>
      <c r="AG9" s="311">
        <v>33649</v>
      </c>
      <c r="AH9" s="315">
        <v>37514</v>
      </c>
      <c r="AI9" s="310">
        <v>50</v>
      </c>
      <c r="AJ9" s="313">
        <v>492</v>
      </c>
      <c r="AK9" s="311">
        <v>542</v>
      </c>
      <c r="AL9" s="312">
        <v>0</v>
      </c>
      <c r="AM9" s="313">
        <v>293</v>
      </c>
      <c r="AN9" s="313">
        <v>707</v>
      </c>
      <c r="AO9" s="313">
        <v>892</v>
      </c>
      <c r="AP9" s="313">
        <v>514</v>
      </c>
      <c r="AQ9" s="313">
        <v>357</v>
      </c>
      <c r="AR9" s="311">
        <v>2763</v>
      </c>
      <c r="AS9" s="315">
        <v>3305</v>
      </c>
      <c r="AT9" s="310">
        <v>0</v>
      </c>
      <c r="AU9" s="313">
        <v>0</v>
      </c>
      <c r="AV9" s="311">
        <v>0</v>
      </c>
      <c r="AW9" s="312">
        <v>0</v>
      </c>
      <c r="AX9" s="313">
        <v>13829</v>
      </c>
      <c r="AY9" s="313">
        <v>14947</v>
      </c>
      <c r="AZ9" s="313">
        <v>11559</v>
      </c>
      <c r="BA9" s="313">
        <v>7194</v>
      </c>
      <c r="BB9" s="313">
        <v>3282</v>
      </c>
      <c r="BC9" s="314">
        <v>50811</v>
      </c>
      <c r="BD9" s="315">
        <v>50811</v>
      </c>
      <c r="BE9" s="310">
        <v>0</v>
      </c>
      <c r="BF9" s="313">
        <v>0</v>
      </c>
      <c r="BG9" s="311">
        <v>0</v>
      </c>
      <c r="BH9" s="312">
        <v>0</v>
      </c>
      <c r="BI9" s="313">
        <v>983</v>
      </c>
      <c r="BJ9" s="313">
        <v>2743</v>
      </c>
      <c r="BK9" s="313">
        <v>1750</v>
      </c>
      <c r="BL9" s="313">
        <v>1437</v>
      </c>
      <c r="BM9" s="313">
        <v>359</v>
      </c>
      <c r="BN9" s="311">
        <v>7272</v>
      </c>
      <c r="BO9" s="315">
        <v>7272</v>
      </c>
      <c r="BP9" s="310">
        <v>27</v>
      </c>
      <c r="BQ9" s="313">
        <v>120</v>
      </c>
      <c r="BR9" s="311">
        <v>147</v>
      </c>
      <c r="BS9" s="312">
        <v>0</v>
      </c>
      <c r="BT9" s="313">
        <v>1284</v>
      </c>
      <c r="BU9" s="313">
        <v>2573</v>
      </c>
      <c r="BV9" s="313">
        <v>4857</v>
      </c>
      <c r="BW9" s="313">
        <v>4405</v>
      </c>
      <c r="BX9" s="313">
        <v>1973</v>
      </c>
      <c r="BY9" s="311">
        <v>15092</v>
      </c>
      <c r="BZ9" s="315">
        <v>15239</v>
      </c>
      <c r="CA9" s="310">
        <v>0</v>
      </c>
      <c r="CB9" s="313">
        <v>4</v>
      </c>
      <c r="CC9" s="311">
        <v>4</v>
      </c>
      <c r="CD9" s="312">
        <v>0</v>
      </c>
      <c r="CE9" s="313">
        <v>22</v>
      </c>
      <c r="CF9" s="313">
        <v>68</v>
      </c>
      <c r="CG9" s="313">
        <v>67</v>
      </c>
      <c r="CH9" s="313">
        <v>109</v>
      </c>
      <c r="CI9" s="313">
        <v>94</v>
      </c>
      <c r="CJ9" s="311">
        <v>360</v>
      </c>
      <c r="CK9" s="315">
        <v>364</v>
      </c>
      <c r="CL9" s="310">
        <v>0</v>
      </c>
      <c r="CM9" s="313">
        <v>0</v>
      </c>
      <c r="CN9" s="311">
        <v>0</v>
      </c>
      <c r="CO9" s="312">
        <v>0</v>
      </c>
      <c r="CP9" s="313">
        <v>0</v>
      </c>
      <c r="CQ9" s="313">
        <v>0</v>
      </c>
      <c r="CR9" s="313">
        <v>0</v>
      </c>
      <c r="CS9" s="313">
        <v>0</v>
      </c>
      <c r="CT9" s="313">
        <v>0</v>
      </c>
      <c r="CU9" s="311">
        <v>0</v>
      </c>
      <c r="CV9" s="315">
        <v>0</v>
      </c>
      <c r="CW9" s="310">
        <v>0</v>
      </c>
      <c r="CX9" s="313">
        <v>0</v>
      </c>
      <c r="CY9" s="311">
        <v>0</v>
      </c>
      <c r="CZ9" s="312">
        <v>0</v>
      </c>
      <c r="DA9" s="313">
        <v>0</v>
      </c>
      <c r="DB9" s="313">
        <v>0</v>
      </c>
      <c r="DC9" s="313">
        <v>0</v>
      </c>
      <c r="DD9" s="313">
        <v>0</v>
      </c>
      <c r="DE9" s="313">
        <v>0</v>
      </c>
      <c r="DF9" s="311">
        <v>0</v>
      </c>
      <c r="DG9" s="315">
        <v>0</v>
      </c>
    </row>
    <row r="10" spans="1:111" ht="18.75" customHeight="1" x14ac:dyDescent="0.2">
      <c r="A10" s="297" t="s">
        <v>7</v>
      </c>
      <c r="B10" s="310">
        <v>0</v>
      </c>
      <c r="C10" s="313">
        <v>0</v>
      </c>
      <c r="D10" s="441">
        <v>0</v>
      </c>
      <c r="E10" s="312">
        <v>0</v>
      </c>
      <c r="F10" s="313">
        <v>16232</v>
      </c>
      <c r="G10" s="313">
        <v>18856</v>
      </c>
      <c r="H10" s="313">
        <v>20002</v>
      </c>
      <c r="I10" s="313">
        <v>27570</v>
      </c>
      <c r="J10" s="313">
        <v>22351</v>
      </c>
      <c r="K10" s="314">
        <v>105011</v>
      </c>
      <c r="L10" s="315">
        <v>105011</v>
      </c>
      <c r="M10" s="310">
        <v>0</v>
      </c>
      <c r="N10" s="313">
        <v>0</v>
      </c>
      <c r="O10" s="311">
        <v>0</v>
      </c>
      <c r="P10" s="312">
        <v>0</v>
      </c>
      <c r="Q10" s="313">
        <v>91</v>
      </c>
      <c r="R10" s="313">
        <v>178</v>
      </c>
      <c r="S10" s="313">
        <v>279</v>
      </c>
      <c r="T10" s="313">
        <v>667</v>
      </c>
      <c r="U10" s="313">
        <v>1078</v>
      </c>
      <c r="V10" s="311">
        <v>2293</v>
      </c>
      <c r="W10" s="315">
        <v>2293</v>
      </c>
      <c r="X10" s="310">
        <v>60</v>
      </c>
      <c r="Y10" s="313">
        <v>161</v>
      </c>
      <c r="Z10" s="311">
        <v>221</v>
      </c>
      <c r="AA10" s="312">
        <v>0</v>
      </c>
      <c r="AB10" s="313">
        <v>3494</v>
      </c>
      <c r="AC10" s="313">
        <v>4486</v>
      </c>
      <c r="AD10" s="313">
        <v>2994</v>
      </c>
      <c r="AE10" s="313">
        <v>3059</v>
      </c>
      <c r="AF10" s="313">
        <v>2703</v>
      </c>
      <c r="AG10" s="311">
        <v>16736</v>
      </c>
      <c r="AH10" s="315">
        <v>16957</v>
      </c>
      <c r="AI10" s="310">
        <v>38</v>
      </c>
      <c r="AJ10" s="313">
        <v>71</v>
      </c>
      <c r="AK10" s="311">
        <v>109</v>
      </c>
      <c r="AL10" s="312">
        <v>0</v>
      </c>
      <c r="AM10" s="313">
        <v>615</v>
      </c>
      <c r="AN10" s="313">
        <v>946</v>
      </c>
      <c r="AO10" s="313">
        <v>344</v>
      </c>
      <c r="AP10" s="313">
        <v>549</v>
      </c>
      <c r="AQ10" s="313">
        <v>399</v>
      </c>
      <c r="AR10" s="311">
        <v>2853</v>
      </c>
      <c r="AS10" s="315">
        <v>2962</v>
      </c>
      <c r="AT10" s="310">
        <v>0</v>
      </c>
      <c r="AU10" s="313">
        <v>0</v>
      </c>
      <c r="AV10" s="311">
        <v>0</v>
      </c>
      <c r="AW10" s="312">
        <v>0</v>
      </c>
      <c r="AX10" s="313">
        <v>13726</v>
      </c>
      <c r="AY10" s="313">
        <v>10095</v>
      </c>
      <c r="AZ10" s="313">
        <v>4976</v>
      </c>
      <c r="BA10" s="313">
        <v>3484</v>
      </c>
      <c r="BB10" s="313">
        <v>1315</v>
      </c>
      <c r="BC10" s="314">
        <v>33596</v>
      </c>
      <c r="BD10" s="315">
        <v>33596</v>
      </c>
      <c r="BE10" s="310">
        <v>0</v>
      </c>
      <c r="BF10" s="313">
        <v>0</v>
      </c>
      <c r="BG10" s="311">
        <v>0</v>
      </c>
      <c r="BH10" s="312">
        <v>0</v>
      </c>
      <c r="BI10" s="313">
        <v>1744</v>
      </c>
      <c r="BJ10" s="313">
        <v>1638</v>
      </c>
      <c r="BK10" s="313">
        <v>957</v>
      </c>
      <c r="BL10" s="313">
        <v>522</v>
      </c>
      <c r="BM10" s="313">
        <v>140</v>
      </c>
      <c r="BN10" s="311">
        <v>5001</v>
      </c>
      <c r="BO10" s="315">
        <v>5001</v>
      </c>
      <c r="BP10" s="310">
        <v>7</v>
      </c>
      <c r="BQ10" s="313">
        <v>7</v>
      </c>
      <c r="BR10" s="311">
        <v>14</v>
      </c>
      <c r="BS10" s="312">
        <v>0</v>
      </c>
      <c r="BT10" s="313">
        <v>1589</v>
      </c>
      <c r="BU10" s="313">
        <v>2471</v>
      </c>
      <c r="BV10" s="313">
        <v>2804</v>
      </c>
      <c r="BW10" s="313">
        <v>2340</v>
      </c>
      <c r="BX10" s="313">
        <v>1033</v>
      </c>
      <c r="BY10" s="311">
        <v>10237</v>
      </c>
      <c r="BZ10" s="315">
        <v>10251</v>
      </c>
      <c r="CA10" s="310">
        <v>0</v>
      </c>
      <c r="CB10" s="313">
        <v>0</v>
      </c>
      <c r="CC10" s="311">
        <v>0</v>
      </c>
      <c r="CD10" s="312">
        <v>0</v>
      </c>
      <c r="CE10" s="313">
        <v>35</v>
      </c>
      <c r="CF10" s="313">
        <v>182</v>
      </c>
      <c r="CG10" s="313">
        <v>159</v>
      </c>
      <c r="CH10" s="313">
        <v>99</v>
      </c>
      <c r="CI10" s="313">
        <v>78</v>
      </c>
      <c r="CJ10" s="311">
        <v>553</v>
      </c>
      <c r="CK10" s="315">
        <v>553</v>
      </c>
      <c r="CL10" s="310">
        <v>0</v>
      </c>
      <c r="CM10" s="313">
        <v>0</v>
      </c>
      <c r="CN10" s="311">
        <v>0</v>
      </c>
      <c r="CO10" s="312">
        <v>0</v>
      </c>
      <c r="CP10" s="313">
        <v>0</v>
      </c>
      <c r="CQ10" s="313">
        <v>0</v>
      </c>
      <c r="CR10" s="313">
        <v>0</v>
      </c>
      <c r="CS10" s="313">
        <v>0</v>
      </c>
      <c r="CT10" s="313">
        <v>0</v>
      </c>
      <c r="CU10" s="311">
        <v>0</v>
      </c>
      <c r="CV10" s="315">
        <v>0</v>
      </c>
      <c r="CW10" s="310">
        <v>0</v>
      </c>
      <c r="CX10" s="313">
        <v>0</v>
      </c>
      <c r="CY10" s="311">
        <v>0</v>
      </c>
      <c r="CZ10" s="312">
        <v>0</v>
      </c>
      <c r="DA10" s="313">
        <v>0</v>
      </c>
      <c r="DB10" s="313">
        <v>0</v>
      </c>
      <c r="DC10" s="313">
        <v>0</v>
      </c>
      <c r="DD10" s="313">
        <v>0</v>
      </c>
      <c r="DE10" s="313">
        <v>0</v>
      </c>
      <c r="DF10" s="311">
        <v>0</v>
      </c>
      <c r="DG10" s="315">
        <v>0</v>
      </c>
    </row>
    <row r="11" spans="1:111" ht="18.75" customHeight="1" x14ac:dyDescent="0.2">
      <c r="A11" s="297" t="s">
        <v>8</v>
      </c>
      <c r="B11" s="310">
        <v>0</v>
      </c>
      <c r="C11" s="313">
        <v>0</v>
      </c>
      <c r="D11" s="441">
        <v>0</v>
      </c>
      <c r="E11" s="312">
        <v>0</v>
      </c>
      <c r="F11" s="313">
        <v>6454</v>
      </c>
      <c r="G11" s="313">
        <v>10689</v>
      </c>
      <c r="H11" s="313">
        <v>12049</v>
      </c>
      <c r="I11" s="313">
        <v>12952</v>
      </c>
      <c r="J11" s="313">
        <v>14000</v>
      </c>
      <c r="K11" s="314">
        <v>56144</v>
      </c>
      <c r="L11" s="315">
        <v>56144</v>
      </c>
      <c r="M11" s="310">
        <v>0</v>
      </c>
      <c r="N11" s="313">
        <v>0</v>
      </c>
      <c r="O11" s="311">
        <v>0</v>
      </c>
      <c r="P11" s="312">
        <v>0</v>
      </c>
      <c r="Q11" s="313">
        <v>23</v>
      </c>
      <c r="R11" s="313">
        <v>64</v>
      </c>
      <c r="S11" s="313">
        <v>148</v>
      </c>
      <c r="T11" s="313">
        <v>262</v>
      </c>
      <c r="U11" s="313">
        <v>527</v>
      </c>
      <c r="V11" s="311">
        <v>1024</v>
      </c>
      <c r="W11" s="315">
        <v>1024</v>
      </c>
      <c r="X11" s="310">
        <v>224</v>
      </c>
      <c r="Y11" s="313">
        <v>433</v>
      </c>
      <c r="Z11" s="311">
        <v>657</v>
      </c>
      <c r="AA11" s="312">
        <v>0</v>
      </c>
      <c r="AB11" s="313">
        <v>1570</v>
      </c>
      <c r="AC11" s="313">
        <v>2389</v>
      </c>
      <c r="AD11" s="313">
        <v>1616</v>
      </c>
      <c r="AE11" s="313">
        <v>1451</v>
      </c>
      <c r="AF11" s="313">
        <v>1688</v>
      </c>
      <c r="AG11" s="311">
        <v>8714</v>
      </c>
      <c r="AH11" s="315">
        <v>9371</v>
      </c>
      <c r="AI11" s="310">
        <v>40</v>
      </c>
      <c r="AJ11" s="313">
        <v>202</v>
      </c>
      <c r="AK11" s="311">
        <v>242</v>
      </c>
      <c r="AL11" s="312">
        <v>0</v>
      </c>
      <c r="AM11" s="313">
        <v>523</v>
      </c>
      <c r="AN11" s="313">
        <v>1029</v>
      </c>
      <c r="AO11" s="313">
        <v>756</v>
      </c>
      <c r="AP11" s="313">
        <v>420</v>
      </c>
      <c r="AQ11" s="313">
        <v>278</v>
      </c>
      <c r="AR11" s="311">
        <v>3006</v>
      </c>
      <c r="AS11" s="315">
        <v>3248</v>
      </c>
      <c r="AT11" s="310">
        <v>0</v>
      </c>
      <c r="AU11" s="313">
        <v>0</v>
      </c>
      <c r="AV11" s="311">
        <v>0</v>
      </c>
      <c r="AW11" s="312">
        <v>0</v>
      </c>
      <c r="AX11" s="313">
        <v>5582</v>
      </c>
      <c r="AY11" s="313">
        <v>6008</v>
      </c>
      <c r="AZ11" s="313">
        <v>4026</v>
      </c>
      <c r="BA11" s="313">
        <v>2282</v>
      </c>
      <c r="BB11" s="313">
        <v>1607</v>
      </c>
      <c r="BC11" s="314">
        <v>19505</v>
      </c>
      <c r="BD11" s="315">
        <v>19505</v>
      </c>
      <c r="BE11" s="310">
        <v>0</v>
      </c>
      <c r="BF11" s="313">
        <v>0</v>
      </c>
      <c r="BG11" s="311">
        <v>0</v>
      </c>
      <c r="BH11" s="312">
        <v>0</v>
      </c>
      <c r="BI11" s="313">
        <v>875</v>
      </c>
      <c r="BJ11" s="313">
        <v>1281</v>
      </c>
      <c r="BK11" s="313">
        <v>658</v>
      </c>
      <c r="BL11" s="313">
        <v>463</v>
      </c>
      <c r="BM11" s="313">
        <v>128</v>
      </c>
      <c r="BN11" s="311">
        <v>3405</v>
      </c>
      <c r="BO11" s="315">
        <v>3405</v>
      </c>
      <c r="BP11" s="310">
        <v>3</v>
      </c>
      <c r="BQ11" s="313">
        <v>45</v>
      </c>
      <c r="BR11" s="311">
        <v>48</v>
      </c>
      <c r="BS11" s="312">
        <v>0</v>
      </c>
      <c r="BT11" s="313">
        <v>532</v>
      </c>
      <c r="BU11" s="313">
        <v>1254</v>
      </c>
      <c r="BV11" s="313">
        <v>2449</v>
      </c>
      <c r="BW11" s="313">
        <v>1782</v>
      </c>
      <c r="BX11" s="313">
        <v>855</v>
      </c>
      <c r="BY11" s="311">
        <v>6872</v>
      </c>
      <c r="BZ11" s="315">
        <v>6920</v>
      </c>
      <c r="CA11" s="310">
        <v>0</v>
      </c>
      <c r="CB11" s="313">
        <v>0</v>
      </c>
      <c r="CC11" s="311">
        <v>0</v>
      </c>
      <c r="CD11" s="312">
        <v>0</v>
      </c>
      <c r="CE11" s="313">
        <v>8</v>
      </c>
      <c r="CF11" s="313">
        <v>67</v>
      </c>
      <c r="CG11" s="313">
        <v>119</v>
      </c>
      <c r="CH11" s="313">
        <v>31</v>
      </c>
      <c r="CI11" s="313">
        <v>12</v>
      </c>
      <c r="CJ11" s="311">
        <v>237</v>
      </c>
      <c r="CK11" s="315">
        <v>237</v>
      </c>
      <c r="CL11" s="310">
        <v>0</v>
      </c>
      <c r="CM11" s="313">
        <v>0</v>
      </c>
      <c r="CN11" s="311">
        <v>0</v>
      </c>
      <c r="CO11" s="312">
        <v>0</v>
      </c>
      <c r="CP11" s="313">
        <v>0</v>
      </c>
      <c r="CQ11" s="313">
        <v>0</v>
      </c>
      <c r="CR11" s="313">
        <v>0</v>
      </c>
      <c r="CS11" s="313">
        <v>0</v>
      </c>
      <c r="CT11" s="313">
        <v>0</v>
      </c>
      <c r="CU11" s="311">
        <v>0</v>
      </c>
      <c r="CV11" s="315">
        <v>0</v>
      </c>
      <c r="CW11" s="310">
        <v>0</v>
      </c>
      <c r="CX11" s="313">
        <v>0</v>
      </c>
      <c r="CY11" s="311">
        <v>0</v>
      </c>
      <c r="CZ11" s="312">
        <v>0</v>
      </c>
      <c r="DA11" s="313">
        <v>0</v>
      </c>
      <c r="DB11" s="313">
        <v>0</v>
      </c>
      <c r="DC11" s="313">
        <v>0</v>
      </c>
      <c r="DD11" s="313">
        <v>0</v>
      </c>
      <c r="DE11" s="313">
        <v>0</v>
      </c>
      <c r="DF11" s="311">
        <v>0</v>
      </c>
      <c r="DG11" s="315">
        <v>0</v>
      </c>
    </row>
    <row r="12" spans="1:111" ht="18.75" customHeight="1" x14ac:dyDescent="0.2">
      <c r="A12" s="297" t="s">
        <v>9</v>
      </c>
      <c r="B12" s="310">
        <v>0</v>
      </c>
      <c r="C12" s="313">
        <v>0</v>
      </c>
      <c r="D12" s="441">
        <v>0</v>
      </c>
      <c r="E12" s="312">
        <v>0</v>
      </c>
      <c r="F12" s="313">
        <v>6100</v>
      </c>
      <c r="G12" s="313">
        <v>8467</v>
      </c>
      <c r="H12" s="313">
        <v>11318</v>
      </c>
      <c r="I12" s="313">
        <v>16510</v>
      </c>
      <c r="J12" s="313">
        <v>14892</v>
      </c>
      <c r="K12" s="314">
        <v>57287</v>
      </c>
      <c r="L12" s="315">
        <v>57287</v>
      </c>
      <c r="M12" s="310">
        <v>0</v>
      </c>
      <c r="N12" s="313">
        <v>0</v>
      </c>
      <c r="O12" s="311">
        <v>0</v>
      </c>
      <c r="P12" s="312">
        <v>0</v>
      </c>
      <c r="Q12" s="313">
        <v>38</v>
      </c>
      <c r="R12" s="313">
        <v>37</v>
      </c>
      <c r="S12" s="313">
        <v>88</v>
      </c>
      <c r="T12" s="313">
        <v>286</v>
      </c>
      <c r="U12" s="313">
        <v>594</v>
      </c>
      <c r="V12" s="311">
        <v>1043</v>
      </c>
      <c r="W12" s="315">
        <v>1043</v>
      </c>
      <c r="X12" s="310">
        <v>192</v>
      </c>
      <c r="Y12" s="313">
        <v>408</v>
      </c>
      <c r="Z12" s="311">
        <v>600</v>
      </c>
      <c r="AA12" s="312">
        <v>0</v>
      </c>
      <c r="AB12" s="313">
        <v>3112</v>
      </c>
      <c r="AC12" s="313">
        <v>2536</v>
      </c>
      <c r="AD12" s="313">
        <v>2055</v>
      </c>
      <c r="AE12" s="313">
        <v>2287</v>
      </c>
      <c r="AF12" s="313">
        <v>2100</v>
      </c>
      <c r="AG12" s="311">
        <v>12090</v>
      </c>
      <c r="AH12" s="315">
        <v>12690</v>
      </c>
      <c r="AI12" s="310">
        <v>40</v>
      </c>
      <c r="AJ12" s="313">
        <v>135</v>
      </c>
      <c r="AK12" s="311">
        <v>175</v>
      </c>
      <c r="AL12" s="312">
        <v>0</v>
      </c>
      <c r="AM12" s="313">
        <v>508</v>
      </c>
      <c r="AN12" s="313">
        <v>715</v>
      </c>
      <c r="AO12" s="313">
        <v>665</v>
      </c>
      <c r="AP12" s="313">
        <v>648</v>
      </c>
      <c r="AQ12" s="313">
        <v>577</v>
      </c>
      <c r="AR12" s="311">
        <v>3113</v>
      </c>
      <c r="AS12" s="315">
        <v>3288</v>
      </c>
      <c r="AT12" s="310">
        <v>0</v>
      </c>
      <c r="AU12" s="313">
        <v>0</v>
      </c>
      <c r="AV12" s="311">
        <v>0</v>
      </c>
      <c r="AW12" s="312">
        <v>0</v>
      </c>
      <c r="AX12" s="313">
        <v>4032</v>
      </c>
      <c r="AY12" s="313">
        <v>3448</v>
      </c>
      <c r="AZ12" s="313">
        <v>2405</v>
      </c>
      <c r="BA12" s="313">
        <v>1490</v>
      </c>
      <c r="BB12" s="313">
        <v>619</v>
      </c>
      <c r="BC12" s="314">
        <v>11994</v>
      </c>
      <c r="BD12" s="315">
        <v>11994</v>
      </c>
      <c r="BE12" s="310">
        <v>0</v>
      </c>
      <c r="BF12" s="313">
        <v>0</v>
      </c>
      <c r="BG12" s="311">
        <v>0</v>
      </c>
      <c r="BH12" s="312">
        <v>0</v>
      </c>
      <c r="BI12" s="313">
        <v>763</v>
      </c>
      <c r="BJ12" s="313">
        <v>887</v>
      </c>
      <c r="BK12" s="313">
        <v>553</v>
      </c>
      <c r="BL12" s="313">
        <v>626</v>
      </c>
      <c r="BM12" s="313">
        <v>143</v>
      </c>
      <c r="BN12" s="311">
        <v>2972</v>
      </c>
      <c r="BO12" s="315">
        <v>2972</v>
      </c>
      <c r="BP12" s="310">
        <v>3</v>
      </c>
      <c r="BQ12" s="313">
        <v>0</v>
      </c>
      <c r="BR12" s="311">
        <v>3</v>
      </c>
      <c r="BS12" s="312">
        <v>0</v>
      </c>
      <c r="BT12" s="313">
        <v>422</v>
      </c>
      <c r="BU12" s="313">
        <v>827</v>
      </c>
      <c r="BV12" s="313">
        <v>1369</v>
      </c>
      <c r="BW12" s="313">
        <v>1420</v>
      </c>
      <c r="BX12" s="313">
        <v>698</v>
      </c>
      <c r="BY12" s="311">
        <v>4736</v>
      </c>
      <c r="BZ12" s="315">
        <v>4739</v>
      </c>
      <c r="CA12" s="310">
        <v>0</v>
      </c>
      <c r="CB12" s="313">
        <v>0</v>
      </c>
      <c r="CC12" s="311">
        <v>0</v>
      </c>
      <c r="CD12" s="312">
        <v>0</v>
      </c>
      <c r="CE12" s="313">
        <v>29</v>
      </c>
      <c r="CF12" s="313">
        <v>80</v>
      </c>
      <c r="CG12" s="313">
        <v>259</v>
      </c>
      <c r="CH12" s="313">
        <v>171</v>
      </c>
      <c r="CI12" s="313">
        <v>94</v>
      </c>
      <c r="CJ12" s="311">
        <v>633</v>
      </c>
      <c r="CK12" s="315">
        <v>633</v>
      </c>
      <c r="CL12" s="310">
        <v>0</v>
      </c>
      <c r="CM12" s="313">
        <v>0</v>
      </c>
      <c r="CN12" s="311">
        <v>0</v>
      </c>
      <c r="CO12" s="312">
        <v>0</v>
      </c>
      <c r="CP12" s="313">
        <v>0</v>
      </c>
      <c r="CQ12" s="313">
        <v>0</v>
      </c>
      <c r="CR12" s="313">
        <v>0</v>
      </c>
      <c r="CS12" s="313">
        <v>0</v>
      </c>
      <c r="CT12" s="313">
        <v>0</v>
      </c>
      <c r="CU12" s="311">
        <v>0</v>
      </c>
      <c r="CV12" s="315">
        <v>0</v>
      </c>
      <c r="CW12" s="310">
        <v>0</v>
      </c>
      <c r="CX12" s="313">
        <v>0</v>
      </c>
      <c r="CY12" s="311">
        <v>0</v>
      </c>
      <c r="CZ12" s="312">
        <v>0</v>
      </c>
      <c r="DA12" s="313">
        <v>0</v>
      </c>
      <c r="DB12" s="313">
        <v>0</v>
      </c>
      <c r="DC12" s="313">
        <v>0</v>
      </c>
      <c r="DD12" s="313">
        <v>0</v>
      </c>
      <c r="DE12" s="313">
        <v>0</v>
      </c>
      <c r="DF12" s="311">
        <v>0</v>
      </c>
      <c r="DG12" s="315">
        <v>0</v>
      </c>
    </row>
    <row r="13" spans="1:111" ht="18.75" customHeight="1" x14ac:dyDescent="0.2">
      <c r="A13" s="297" t="s">
        <v>10</v>
      </c>
      <c r="B13" s="310">
        <v>0</v>
      </c>
      <c r="C13" s="313">
        <v>0</v>
      </c>
      <c r="D13" s="441">
        <v>0</v>
      </c>
      <c r="E13" s="312">
        <v>0</v>
      </c>
      <c r="F13" s="313">
        <v>17140</v>
      </c>
      <c r="G13" s="313">
        <v>14443</v>
      </c>
      <c r="H13" s="313">
        <v>16806</v>
      </c>
      <c r="I13" s="313">
        <v>21981</v>
      </c>
      <c r="J13" s="313">
        <v>20371</v>
      </c>
      <c r="K13" s="314">
        <v>90741</v>
      </c>
      <c r="L13" s="315">
        <v>90741</v>
      </c>
      <c r="M13" s="310">
        <v>0</v>
      </c>
      <c r="N13" s="313">
        <v>1</v>
      </c>
      <c r="O13" s="311">
        <v>1</v>
      </c>
      <c r="P13" s="312">
        <v>0</v>
      </c>
      <c r="Q13" s="313">
        <v>60</v>
      </c>
      <c r="R13" s="313">
        <v>90</v>
      </c>
      <c r="S13" s="313">
        <v>132</v>
      </c>
      <c r="T13" s="313">
        <v>474</v>
      </c>
      <c r="U13" s="313">
        <v>760</v>
      </c>
      <c r="V13" s="311">
        <v>1516</v>
      </c>
      <c r="W13" s="315">
        <v>1517</v>
      </c>
      <c r="X13" s="310">
        <v>820</v>
      </c>
      <c r="Y13" s="313">
        <v>2362</v>
      </c>
      <c r="Z13" s="311">
        <v>3182</v>
      </c>
      <c r="AA13" s="312">
        <v>0</v>
      </c>
      <c r="AB13" s="313">
        <v>6960</v>
      </c>
      <c r="AC13" s="313">
        <v>4653</v>
      </c>
      <c r="AD13" s="313">
        <v>3220</v>
      </c>
      <c r="AE13" s="313">
        <v>2994</v>
      </c>
      <c r="AF13" s="313">
        <v>2779</v>
      </c>
      <c r="AG13" s="311">
        <v>20606</v>
      </c>
      <c r="AH13" s="315">
        <v>23788</v>
      </c>
      <c r="AI13" s="310">
        <v>188</v>
      </c>
      <c r="AJ13" s="313">
        <v>484</v>
      </c>
      <c r="AK13" s="311">
        <v>672</v>
      </c>
      <c r="AL13" s="312">
        <v>0</v>
      </c>
      <c r="AM13" s="313">
        <v>1131</v>
      </c>
      <c r="AN13" s="313">
        <v>1086</v>
      </c>
      <c r="AO13" s="313">
        <v>717</v>
      </c>
      <c r="AP13" s="313">
        <v>553</v>
      </c>
      <c r="AQ13" s="313">
        <v>284</v>
      </c>
      <c r="AR13" s="311">
        <v>3771</v>
      </c>
      <c r="AS13" s="315">
        <v>4443</v>
      </c>
      <c r="AT13" s="310">
        <v>0</v>
      </c>
      <c r="AU13" s="313">
        <v>0</v>
      </c>
      <c r="AV13" s="311">
        <v>0</v>
      </c>
      <c r="AW13" s="312">
        <v>0</v>
      </c>
      <c r="AX13" s="313">
        <v>12916</v>
      </c>
      <c r="AY13" s="313">
        <v>8142</v>
      </c>
      <c r="AZ13" s="313">
        <v>5009</v>
      </c>
      <c r="BA13" s="313">
        <v>2854</v>
      </c>
      <c r="BB13" s="313">
        <v>1289</v>
      </c>
      <c r="BC13" s="314">
        <v>30210</v>
      </c>
      <c r="BD13" s="315">
        <v>30210</v>
      </c>
      <c r="BE13" s="310">
        <v>0</v>
      </c>
      <c r="BF13" s="313">
        <v>0</v>
      </c>
      <c r="BG13" s="311">
        <v>0</v>
      </c>
      <c r="BH13" s="312">
        <v>0</v>
      </c>
      <c r="BI13" s="313">
        <v>1797</v>
      </c>
      <c r="BJ13" s="313">
        <v>1213</v>
      </c>
      <c r="BK13" s="313">
        <v>660</v>
      </c>
      <c r="BL13" s="313">
        <v>476</v>
      </c>
      <c r="BM13" s="313">
        <v>153</v>
      </c>
      <c r="BN13" s="311">
        <v>4299</v>
      </c>
      <c r="BO13" s="315">
        <v>4299</v>
      </c>
      <c r="BP13" s="310">
        <v>46</v>
      </c>
      <c r="BQ13" s="313">
        <v>176</v>
      </c>
      <c r="BR13" s="311">
        <v>222</v>
      </c>
      <c r="BS13" s="312">
        <v>0</v>
      </c>
      <c r="BT13" s="313">
        <v>1394</v>
      </c>
      <c r="BU13" s="313">
        <v>1475</v>
      </c>
      <c r="BV13" s="313">
        <v>2562</v>
      </c>
      <c r="BW13" s="313">
        <v>1891</v>
      </c>
      <c r="BX13" s="313">
        <v>1240</v>
      </c>
      <c r="BY13" s="311">
        <v>8562</v>
      </c>
      <c r="BZ13" s="315">
        <v>8784</v>
      </c>
      <c r="CA13" s="310">
        <v>0</v>
      </c>
      <c r="CB13" s="313">
        <v>8</v>
      </c>
      <c r="CC13" s="311">
        <v>8</v>
      </c>
      <c r="CD13" s="312">
        <v>0</v>
      </c>
      <c r="CE13" s="313">
        <v>61</v>
      </c>
      <c r="CF13" s="313">
        <v>131</v>
      </c>
      <c r="CG13" s="313">
        <v>173</v>
      </c>
      <c r="CH13" s="313">
        <v>66</v>
      </c>
      <c r="CI13" s="313">
        <v>31</v>
      </c>
      <c r="CJ13" s="311">
        <v>462</v>
      </c>
      <c r="CK13" s="315">
        <v>470</v>
      </c>
      <c r="CL13" s="310">
        <v>0</v>
      </c>
      <c r="CM13" s="313">
        <v>0</v>
      </c>
      <c r="CN13" s="311">
        <v>0</v>
      </c>
      <c r="CO13" s="312">
        <v>0</v>
      </c>
      <c r="CP13" s="313">
        <v>0</v>
      </c>
      <c r="CQ13" s="313">
        <v>0</v>
      </c>
      <c r="CR13" s="313">
        <v>0</v>
      </c>
      <c r="CS13" s="313">
        <v>0</v>
      </c>
      <c r="CT13" s="313">
        <v>0</v>
      </c>
      <c r="CU13" s="311">
        <v>0</v>
      </c>
      <c r="CV13" s="315">
        <v>0</v>
      </c>
      <c r="CW13" s="310">
        <v>0</v>
      </c>
      <c r="CX13" s="313">
        <v>0</v>
      </c>
      <c r="CY13" s="311">
        <v>0</v>
      </c>
      <c r="CZ13" s="312">
        <v>0</v>
      </c>
      <c r="DA13" s="313">
        <v>0</v>
      </c>
      <c r="DB13" s="313">
        <v>0</v>
      </c>
      <c r="DC13" s="313">
        <v>0</v>
      </c>
      <c r="DD13" s="313">
        <v>0</v>
      </c>
      <c r="DE13" s="313">
        <v>0</v>
      </c>
      <c r="DF13" s="311">
        <v>0</v>
      </c>
      <c r="DG13" s="315">
        <v>0</v>
      </c>
    </row>
    <row r="14" spans="1:111" ht="18.75" customHeight="1" x14ac:dyDescent="0.2">
      <c r="A14" s="297" t="s">
        <v>11</v>
      </c>
      <c r="B14" s="310">
        <v>0</v>
      </c>
      <c r="C14" s="313">
        <v>0</v>
      </c>
      <c r="D14" s="441">
        <v>0</v>
      </c>
      <c r="E14" s="312">
        <v>0</v>
      </c>
      <c r="F14" s="313">
        <v>6422</v>
      </c>
      <c r="G14" s="313">
        <v>6484</v>
      </c>
      <c r="H14" s="313">
        <v>8358</v>
      </c>
      <c r="I14" s="313">
        <v>9316</v>
      </c>
      <c r="J14" s="313">
        <v>8175</v>
      </c>
      <c r="K14" s="314">
        <v>38755</v>
      </c>
      <c r="L14" s="315">
        <v>38755</v>
      </c>
      <c r="M14" s="310">
        <v>0</v>
      </c>
      <c r="N14" s="313">
        <v>5</v>
      </c>
      <c r="O14" s="311">
        <v>5</v>
      </c>
      <c r="P14" s="312">
        <v>0</v>
      </c>
      <c r="Q14" s="313">
        <v>18</v>
      </c>
      <c r="R14" s="313">
        <v>65</v>
      </c>
      <c r="S14" s="313">
        <v>114</v>
      </c>
      <c r="T14" s="313">
        <v>219</v>
      </c>
      <c r="U14" s="313">
        <v>342</v>
      </c>
      <c r="V14" s="311">
        <v>758</v>
      </c>
      <c r="W14" s="315">
        <v>763</v>
      </c>
      <c r="X14" s="310">
        <v>231</v>
      </c>
      <c r="Y14" s="313">
        <v>485</v>
      </c>
      <c r="Z14" s="311">
        <v>716</v>
      </c>
      <c r="AA14" s="312">
        <v>0</v>
      </c>
      <c r="AB14" s="313">
        <v>2568</v>
      </c>
      <c r="AC14" s="313">
        <v>1702</v>
      </c>
      <c r="AD14" s="313">
        <v>1783</v>
      </c>
      <c r="AE14" s="313">
        <v>1575</v>
      </c>
      <c r="AF14" s="313">
        <v>1659</v>
      </c>
      <c r="AG14" s="311">
        <v>9287</v>
      </c>
      <c r="AH14" s="315">
        <v>10003</v>
      </c>
      <c r="AI14" s="310">
        <v>61</v>
      </c>
      <c r="AJ14" s="313">
        <v>109</v>
      </c>
      <c r="AK14" s="311">
        <v>170</v>
      </c>
      <c r="AL14" s="312">
        <v>0</v>
      </c>
      <c r="AM14" s="313">
        <v>469</v>
      </c>
      <c r="AN14" s="313">
        <v>340</v>
      </c>
      <c r="AO14" s="313">
        <v>318</v>
      </c>
      <c r="AP14" s="313">
        <v>306</v>
      </c>
      <c r="AQ14" s="313">
        <v>62</v>
      </c>
      <c r="AR14" s="311">
        <v>1495</v>
      </c>
      <c r="AS14" s="315">
        <v>1665</v>
      </c>
      <c r="AT14" s="310">
        <v>0</v>
      </c>
      <c r="AU14" s="313">
        <v>0</v>
      </c>
      <c r="AV14" s="311">
        <v>0</v>
      </c>
      <c r="AW14" s="312">
        <v>0</v>
      </c>
      <c r="AX14" s="313">
        <v>7005</v>
      </c>
      <c r="AY14" s="313">
        <v>3991</v>
      </c>
      <c r="AZ14" s="313">
        <v>3056</v>
      </c>
      <c r="BA14" s="313">
        <v>1612</v>
      </c>
      <c r="BB14" s="313">
        <v>979</v>
      </c>
      <c r="BC14" s="314">
        <v>16643</v>
      </c>
      <c r="BD14" s="315">
        <v>16643</v>
      </c>
      <c r="BE14" s="310">
        <v>0</v>
      </c>
      <c r="BF14" s="313">
        <v>0</v>
      </c>
      <c r="BG14" s="311">
        <v>0</v>
      </c>
      <c r="BH14" s="312">
        <v>0</v>
      </c>
      <c r="BI14" s="313">
        <v>1490</v>
      </c>
      <c r="BJ14" s="313">
        <v>861</v>
      </c>
      <c r="BK14" s="313">
        <v>650</v>
      </c>
      <c r="BL14" s="313">
        <v>373</v>
      </c>
      <c r="BM14" s="313">
        <v>152</v>
      </c>
      <c r="BN14" s="311">
        <v>3526</v>
      </c>
      <c r="BO14" s="315">
        <v>3526</v>
      </c>
      <c r="BP14" s="310">
        <v>31</v>
      </c>
      <c r="BQ14" s="313">
        <v>60</v>
      </c>
      <c r="BR14" s="311">
        <v>91</v>
      </c>
      <c r="BS14" s="312">
        <v>0</v>
      </c>
      <c r="BT14" s="313">
        <v>691</v>
      </c>
      <c r="BU14" s="313">
        <v>805</v>
      </c>
      <c r="BV14" s="313">
        <v>1340</v>
      </c>
      <c r="BW14" s="313">
        <v>1143</v>
      </c>
      <c r="BX14" s="313">
        <v>420</v>
      </c>
      <c r="BY14" s="311">
        <v>4399</v>
      </c>
      <c r="BZ14" s="315">
        <v>4490</v>
      </c>
      <c r="CA14" s="310">
        <v>0</v>
      </c>
      <c r="CB14" s="313">
        <v>3</v>
      </c>
      <c r="CC14" s="311">
        <v>3</v>
      </c>
      <c r="CD14" s="312">
        <v>0</v>
      </c>
      <c r="CE14" s="313">
        <v>45</v>
      </c>
      <c r="CF14" s="313">
        <v>61</v>
      </c>
      <c r="CG14" s="313">
        <v>119</v>
      </c>
      <c r="CH14" s="313">
        <v>161</v>
      </c>
      <c r="CI14" s="313">
        <v>71</v>
      </c>
      <c r="CJ14" s="311">
        <v>457</v>
      </c>
      <c r="CK14" s="315">
        <v>460</v>
      </c>
      <c r="CL14" s="310">
        <v>0</v>
      </c>
      <c r="CM14" s="313">
        <v>0</v>
      </c>
      <c r="CN14" s="311">
        <v>0</v>
      </c>
      <c r="CO14" s="312">
        <v>0</v>
      </c>
      <c r="CP14" s="313">
        <v>0</v>
      </c>
      <c r="CQ14" s="313">
        <v>0</v>
      </c>
      <c r="CR14" s="313">
        <v>0</v>
      </c>
      <c r="CS14" s="313">
        <v>0</v>
      </c>
      <c r="CT14" s="313">
        <v>0</v>
      </c>
      <c r="CU14" s="311">
        <v>0</v>
      </c>
      <c r="CV14" s="315">
        <v>0</v>
      </c>
      <c r="CW14" s="310">
        <v>0</v>
      </c>
      <c r="CX14" s="313">
        <v>0</v>
      </c>
      <c r="CY14" s="311">
        <v>0</v>
      </c>
      <c r="CZ14" s="312">
        <v>0</v>
      </c>
      <c r="DA14" s="313">
        <v>0</v>
      </c>
      <c r="DB14" s="313">
        <v>0</v>
      </c>
      <c r="DC14" s="313">
        <v>0</v>
      </c>
      <c r="DD14" s="313">
        <v>0</v>
      </c>
      <c r="DE14" s="313">
        <v>0</v>
      </c>
      <c r="DF14" s="311">
        <v>0</v>
      </c>
      <c r="DG14" s="315">
        <v>0</v>
      </c>
    </row>
    <row r="15" spans="1:111" ht="18.75" customHeight="1" x14ac:dyDescent="0.2">
      <c r="A15" s="297" t="s">
        <v>12</v>
      </c>
      <c r="B15" s="310">
        <v>0</v>
      </c>
      <c r="C15" s="313">
        <v>0</v>
      </c>
      <c r="D15" s="441">
        <v>0</v>
      </c>
      <c r="E15" s="312">
        <v>0</v>
      </c>
      <c r="F15" s="313">
        <v>6157</v>
      </c>
      <c r="G15" s="313">
        <v>8204</v>
      </c>
      <c r="H15" s="313">
        <v>8417</v>
      </c>
      <c r="I15" s="313">
        <v>11404</v>
      </c>
      <c r="J15" s="313">
        <v>11611</v>
      </c>
      <c r="K15" s="314">
        <v>45793</v>
      </c>
      <c r="L15" s="315">
        <v>45793</v>
      </c>
      <c r="M15" s="310">
        <v>0</v>
      </c>
      <c r="N15" s="313">
        <v>22</v>
      </c>
      <c r="O15" s="311">
        <v>22</v>
      </c>
      <c r="P15" s="312">
        <v>0</v>
      </c>
      <c r="Q15" s="313">
        <v>10</v>
      </c>
      <c r="R15" s="313">
        <v>111</v>
      </c>
      <c r="S15" s="313">
        <v>85</v>
      </c>
      <c r="T15" s="313">
        <v>287</v>
      </c>
      <c r="U15" s="313">
        <v>462</v>
      </c>
      <c r="V15" s="311">
        <v>955</v>
      </c>
      <c r="W15" s="315">
        <v>977</v>
      </c>
      <c r="X15" s="310">
        <v>484</v>
      </c>
      <c r="Y15" s="313">
        <v>1177</v>
      </c>
      <c r="Z15" s="311">
        <v>1661</v>
      </c>
      <c r="AA15" s="312">
        <v>0</v>
      </c>
      <c r="AB15" s="313">
        <v>1724</v>
      </c>
      <c r="AC15" s="313">
        <v>2104</v>
      </c>
      <c r="AD15" s="313">
        <v>1610</v>
      </c>
      <c r="AE15" s="313">
        <v>1681</v>
      </c>
      <c r="AF15" s="313">
        <v>1485</v>
      </c>
      <c r="AG15" s="311">
        <v>8604</v>
      </c>
      <c r="AH15" s="315">
        <v>10265</v>
      </c>
      <c r="AI15" s="310">
        <v>32</v>
      </c>
      <c r="AJ15" s="313">
        <v>198</v>
      </c>
      <c r="AK15" s="311">
        <v>230</v>
      </c>
      <c r="AL15" s="312">
        <v>0</v>
      </c>
      <c r="AM15" s="313">
        <v>125</v>
      </c>
      <c r="AN15" s="313">
        <v>517</v>
      </c>
      <c r="AO15" s="313">
        <v>296</v>
      </c>
      <c r="AP15" s="313">
        <v>282</v>
      </c>
      <c r="AQ15" s="313">
        <v>242</v>
      </c>
      <c r="AR15" s="311">
        <v>1462</v>
      </c>
      <c r="AS15" s="315">
        <v>1692</v>
      </c>
      <c r="AT15" s="310">
        <v>0</v>
      </c>
      <c r="AU15" s="313">
        <v>0</v>
      </c>
      <c r="AV15" s="311">
        <v>0</v>
      </c>
      <c r="AW15" s="312">
        <v>0</v>
      </c>
      <c r="AX15" s="313">
        <v>5498</v>
      </c>
      <c r="AY15" s="313">
        <v>3844</v>
      </c>
      <c r="AZ15" s="313">
        <v>3348</v>
      </c>
      <c r="BA15" s="313">
        <v>2258</v>
      </c>
      <c r="BB15" s="313">
        <v>825</v>
      </c>
      <c r="BC15" s="314">
        <v>15773</v>
      </c>
      <c r="BD15" s="315">
        <v>15773</v>
      </c>
      <c r="BE15" s="310">
        <v>0</v>
      </c>
      <c r="BF15" s="313">
        <v>0</v>
      </c>
      <c r="BG15" s="311">
        <v>0</v>
      </c>
      <c r="BH15" s="312">
        <v>0</v>
      </c>
      <c r="BI15" s="313">
        <v>867</v>
      </c>
      <c r="BJ15" s="313">
        <v>1346</v>
      </c>
      <c r="BK15" s="313">
        <v>905</v>
      </c>
      <c r="BL15" s="313">
        <v>612</v>
      </c>
      <c r="BM15" s="313">
        <v>242</v>
      </c>
      <c r="BN15" s="311">
        <v>3972</v>
      </c>
      <c r="BO15" s="315">
        <v>3972</v>
      </c>
      <c r="BP15" s="310">
        <v>11</v>
      </c>
      <c r="BQ15" s="313">
        <v>72</v>
      </c>
      <c r="BR15" s="311">
        <v>83</v>
      </c>
      <c r="BS15" s="312">
        <v>0</v>
      </c>
      <c r="BT15" s="313">
        <v>657</v>
      </c>
      <c r="BU15" s="313">
        <v>828</v>
      </c>
      <c r="BV15" s="313">
        <v>1279</v>
      </c>
      <c r="BW15" s="313">
        <v>1082</v>
      </c>
      <c r="BX15" s="313">
        <v>562</v>
      </c>
      <c r="BY15" s="311">
        <v>4408</v>
      </c>
      <c r="BZ15" s="315">
        <v>4491</v>
      </c>
      <c r="CA15" s="310">
        <v>0</v>
      </c>
      <c r="CB15" s="313">
        <v>0</v>
      </c>
      <c r="CC15" s="311">
        <v>0</v>
      </c>
      <c r="CD15" s="312">
        <v>0</v>
      </c>
      <c r="CE15" s="313">
        <v>18</v>
      </c>
      <c r="CF15" s="313">
        <v>25</v>
      </c>
      <c r="CG15" s="313">
        <v>24</v>
      </c>
      <c r="CH15" s="313">
        <v>32</v>
      </c>
      <c r="CI15" s="313">
        <v>6</v>
      </c>
      <c r="CJ15" s="311">
        <v>105</v>
      </c>
      <c r="CK15" s="315">
        <v>105</v>
      </c>
      <c r="CL15" s="310">
        <v>0</v>
      </c>
      <c r="CM15" s="313">
        <v>0</v>
      </c>
      <c r="CN15" s="311">
        <v>0</v>
      </c>
      <c r="CO15" s="312">
        <v>0</v>
      </c>
      <c r="CP15" s="313">
        <v>0</v>
      </c>
      <c r="CQ15" s="313">
        <v>0</v>
      </c>
      <c r="CR15" s="313">
        <v>0</v>
      </c>
      <c r="CS15" s="313">
        <v>0</v>
      </c>
      <c r="CT15" s="313">
        <v>0</v>
      </c>
      <c r="CU15" s="311">
        <v>0</v>
      </c>
      <c r="CV15" s="315">
        <v>0</v>
      </c>
      <c r="CW15" s="310">
        <v>0</v>
      </c>
      <c r="CX15" s="313">
        <v>0</v>
      </c>
      <c r="CY15" s="311">
        <v>0</v>
      </c>
      <c r="CZ15" s="312">
        <v>0</v>
      </c>
      <c r="DA15" s="313">
        <v>0</v>
      </c>
      <c r="DB15" s="313">
        <v>0</v>
      </c>
      <c r="DC15" s="313">
        <v>0</v>
      </c>
      <c r="DD15" s="313">
        <v>0</v>
      </c>
      <c r="DE15" s="313">
        <v>0</v>
      </c>
      <c r="DF15" s="311">
        <v>0</v>
      </c>
      <c r="DG15" s="315">
        <v>0</v>
      </c>
    </row>
    <row r="16" spans="1:111" ht="18.75" customHeight="1" x14ac:dyDescent="0.2">
      <c r="A16" s="297" t="s">
        <v>13</v>
      </c>
      <c r="B16" s="310">
        <v>0</v>
      </c>
      <c r="C16" s="313">
        <v>0</v>
      </c>
      <c r="D16" s="441">
        <v>0</v>
      </c>
      <c r="E16" s="312">
        <v>0</v>
      </c>
      <c r="F16" s="313">
        <v>1933</v>
      </c>
      <c r="G16" s="313">
        <v>3638</v>
      </c>
      <c r="H16" s="313">
        <v>4095</v>
      </c>
      <c r="I16" s="313">
        <v>4045</v>
      </c>
      <c r="J16" s="313">
        <v>6010</v>
      </c>
      <c r="K16" s="314">
        <v>19721</v>
      </c>
      <c r="L16" s="315">
        <v>19721</v>
      </c>
      <c r="M16" s="310">
        <v>3</v>
      </c>
      <c r="N16" s="313">
        <v>0</v>
      </c>
      <c r="O16" s="311">
        <v>3</v>
      </c>
      <c r="P16" s="312">
        <v>0</v>
      </c>
      <c r="Q16" s="313">
        <v>0</v>
      </c>
      <c r="R16" s="313">
        <v>16</v>
      </c>
      <c r="S16" s="313">
        <v>53</v>
      </c>
      <c r="T16" s="313">
        <v>99</v>
      </c>
      <c r="U16" s="313">
        <v>172</v>
      </c>
      <c r="V16" s="311">
        <v>340</v>
      </c>
      <c r="W16" s="315">
        <v>343</v>
      </c>
      <c r="X16" s="310">
        <v>44</v>
      </c>
      <c r="Y16" s="313">
        <v>168</v>
      </c>
      <c r="Z16" s="311">
        <v>212</v>
      </c>
      <c r="AA16" s="312">
        <v>0</v>
      </c>
      <c r="AB16" s="313">
        <v>778</v>
      </c>
      <c r="AC16" s="313">
        <v>1282</v>
      </c>
      <c r="AD16" s="313">
        <v>943</v>
      </c>
      <c r="AE16" s="313">
        <v>833</v>
      </c>
      <c r="AF16" s="313">
        <v>826</v>
      </c>
      <c r="AG16" s="311">
        <v>4662</v>
      </c>
      <c r="AH16" s="315">
        <v>4874</v>
      </c>
      <c r="AI16" s="310">
        <v>36</v>
      </c>
      <c r="AJ16" s="313">
        <v>41</v>
      </c>
      <c r="AK16" s="311">
        <v>77</v>
      </c>
      <c r="AL16" s="312">
        <v>0</v>
      </c>
      <c r="AM16" s="313">
        <v>130</v>
      </c>
      <c r="AN16" s="313">
        <v>248</v>
      </c>
      <c r="AO16" s="313">
        <v>115</v>
      </c>
      <c r="AP16" s="313">
        <v>146</v>
      </c>
      <c r="AQ16" s="313">
        <v>63</v>
      </c>
      <c r="AR16" s="311">
        <v>702</v>
      </c>
      <c r="AS16" s="315">
        <v>779</v>
      </c>
      <c r="AT16" s="310">
        <v>0</v>
      </c>
      <c r="AU16" s="313">
        <v>0</v>
      </c>
      <c r="AV16" s="311">
        <v>0</v>
      </c>
      <c r="AW16" s="312">
        <v>0</v>
      </c>
      <c r="AX16" s="313">
        <v>1529</v>
      </c>
      <c r="AY16" s="313">
        <v>1633</v>
      </c>
      <c r="AZ16" s="313">
        <v>1157</v>
      </c>
      <c r="BA16" s="313">
        <v>576</v>
      </c>
      <c r="BB16" s="313">
        <v>246</v>
      </c>
      <c r="BC16" s="314">
        <v>5141</v>
      </c>
      <c r="BD16" s="315">
        <v>5141</v>
      </c>
      <c r="BE16" s="310">
        <v>0</v>
      </c>
      <c r="BF16" s="313">
        <v>0</v>
      </c>
      <c r="BG16" s="311">
        <v>0</v>
      </c>
      <c r="BH16" s="312">
        <v>0</v>
      </c>
      <c r="BI16" s="313">
        <v>172</v>
      </c>
      <c r="BJ16" s="313">
        <v>302</v>
      </c>
      <c r="BK16" s="313">
        <v>163</v>
      </c>
      <c r="BL16" s="313">
        <v>222</v>
      </c>
      <c r="BM16" s="313">
        <v>83</v>
      </c>
      <c r="BN16" s="311">
        <v>942</v>
      </c>
      <c r="BO16" s="315">
        <v>942</v>
      </c>
      <c r="BP16" s="310">
        <v>0</v>
      </c>
      <c r="BQ16" s="313">
        <v>0</v>
      </c>
      <c r="BR16" s="311">
        <v>0</v>
      </c>
      <c r="BS16" s="312">
        <v>0</v>
      </c>
      <c r="BT16" s="313">
        <v>90</v>
      </c>
      <c r="BU16" s="313">
        <v>230</v>
      </c>
      <c r="BV16" s="313">
        <v>777</v>
      </c>
      <c r="BW16" s="313">
        <v>671</v>
      </c>
      <c r="BX16" s="313">
        <v>384</v>
      </c>
      <c r="BY16" s="311">
        <v>2152</v>
      </c>
      <c r="BZ16" s="315">
        <v>2152</v>
      </c>
      <c r="CA16" s="310">
        <v>0</v>
      </c>
      <c r="CB16" s="313">
        <v>4</v>
      </c>
      <c r="CC16" s="311">
        <v>4</v>
      </c>
      <c r="CD16" s="312">
        <v>0</v>
      </c>
      <c r="CE16" s="313">
        <v>19</v>
      </c>
      <c r="CF16" s="313">
        <v>38</v>
      </c>
      <c r="CG16" s="313">
        <v>60</v>
      </c>
      <c r="CH16" s="313">
        <v>45</v>
      </c>
      <c r="CI16" s="313">
        <v>0</v>
      </c>
      <c r="CJ16" s="311">
        <v>162</v>
      </c>
      <c r="CK16" s="315">
        <v>166</v>
      </c>
      <c r="CL16" s="310">
        <v>0</v>
      </c>
      <c r="CM16" s="313">
        <v>0</v>
      </c>
      <c r="CN16" s="311">
        <v>0</v>
      </c>
      <c r="CO16" s="312">
        <v>0</v>
      </c>
      <c r="CP16" s="313">
        <v>0</v>
      </c>
      <c r="CQ16" s="313">
        <v>0</v>
      </c>
      <c r="CR16" s="313">
        <v>0</v>
      </c>
      <c r="CS16" s="313">
        <v>0</v>
      </c>
      <c r="CT16" s="313">
        <v>0</v>
      </c>
      <c r="CU16" s="311">
        <v>0</v>
      </c>
      <c r="CV16" s="315">
        <v>0</v>
      </c>
      <c r="CW16" s="310">
        <v>0</v>
      </c>
      <c r="CX16" s="313">
        <v>0</v>
      </c>
      <c r="CY16" s="311">
        <v>0</v>
      </c>
      <c r="CZ16" s="312">
        <v>0</v>
      </c>
      <c r="DA16" s="313">
        <v>0</v>
      </c>
      <c r="DB16" s="313">
        <v>0</v>
      </c>
      <c r="DC16" s="313">
        <v>0</v>
      </c>
      <c r="DD16" s="313">
        <v>0</v>
      </c>
      <c r="DE16" s="313">
        <v>0</v>
      </c>
      <c r="DF16" s="311">
        <v>0</v>
      </c>
      <c r="DG16" s="315">
        <v>0</v>
      </c>
    </row>
    <row r="17" spans="1:111" ht="18.75" customHeight="1" x14ac:dyDescent="0.2">
      <c r="A17" s="297" t="s">
        <v>15</v>
      </c>
      <c r="B17" s="310">
        <v>0</v>
      </c>
      <c r="C17" s="313">
        <v>0</v>
      </c>
      <c r="D17" s="441">
        <v>0</v>
      </c>
      <c r="E17" s="312">
        <v>0</v>
      </c>
      <c r="F17" s="313">
        <v>1186</v>
      </c>
      <c r="G17" s="313">
        <v>2072</v>
      </c>
      <c r="H17" s="313">
        <v>1491</v>
      </c>
      <c r="I17" s="313">
        <v>1381</v>
      </c>
      <c r="J17" s="313">
        <v>2321</v>
      </c>
      <c r="K17" s="314">
        <v>8451</v>
      </c>
      <c r="L17" s="315">
        <v>8451</v>
      </c>
      <c r="M17" s="310">
        <v>0</v>
      </c>
      <c r="N17" s="313">
        <v>0</v>
      </c>
      <c r="O17" s="311">
        <v>0</v>
      </c>
      <c r="P17" s="312">
        <v>0</v>
      </c>
      <c r="Q17" s="313">
        <v>5</v>
      </c>
      <c r="R17" s="313">
        <v>32</v>
      </c>
      <c r="S17" s="313">
        <v>41</v>
      </c>
      <c r="T17" s="313">
        <v>91</v>
      </c>
      <c r="U17" s="313">
        <v>198</v>
      </c>
      <c r="V17" s="311">
        <v>367</v>
      </c>
      <c r="W17" s="315">
        <v>367</v>
      </c>
      <c r="X17" s="310">
        <v>10</v>
      </c>
      <c r="Y17" s="313">
        <v>59</v>
      </c>
      <c r="Z17" s="311">
        <v>69</v>
      </c>
      <c r="AA17" s="312">
        <v>0</v>
      </c>
      <c r="AB17" s="313">
        <v>279</v>
      </c>
      <c r="AC17" s="313">
        <v>511</v>
      </c>
      <c r="AD17" s="313">
        <v>266</v>
      </c>
      <c r="AE17" s="313">
        <v>308</v>
      </c>
      <c r="AF17" s="313">
        <v>353</v>
      </c>
      <c r="AG17" s="311">
        <v>1717</v>
      </c>
      <c r="AH17" s="315">
        <v>1786</v>
      </c>
      <c r="AI17" s="310">
        <v>4</v>
      </c>
      <c r="AJ17" s="313">
        <v>8</v>
      </c>
      <c r="AK17" s="311">
        <v>12</v>
      </c>
      <c r="AL17" s="312">
        <v>0</v>
      </c>
      <c r="AM17" s="313">
        <v>54</v>
      </c>
      <c r="AN17" s="313">
        <v>170</v>
      </c>
      <c r="AO17" s="313">
        <v>54</v>
      </c>
      <c r="AP17" s="313">
        <v>46</v>
      </c>
      <c r="AQ17" s="313">
        <v>95</v>
      </c>
      <c r="AR17" s="311">
        <v>419</v>
      </c>
      <c r="AS17" s="315">
        <v>431</v>
      </c>
      <c r="AT17" s="310">
        <v>0</v>
      </c>
      <c r="AU17" s="313">
        <v>0</v>
      </c>
      <c r="AV17" s="311">
        <v>0</v>
      </c>
      <c r="AW17" s="312">
        <v>0</v>
      </c>
      <c r="AX17" s="313">
        <v>818</v>
      </c>
      <c r="AY17" s="313">
        <v>1331</v>
      </c>
      <c r="AZ17" s="313">
        <v>669</v>
      </c>
      <c r="BA17" s="313">
        <v>247</v>
      </c>
      <c r="BB17" s="313">
        <v>108</v>
      </c>
      <c r="BC17" s="314">
        <v>3173</v>
      </c>
      <c r="BD17" s="315">
        <v>3173</v>
      </c>
      <c r="BE17" s="310">
        <v>0</v>
      </c>
      <c r="BF17" s="313">
        <v>0</v>
      </c>
      <c r="BG17" s="311">
        <v>0</v>
      </c>
      <c r="BH17" s="312">
        <v>0</v>
      </c>
      <c r="BI17" s="313">
        <v>256</v>
      </c>
      <c r="BJ17" s="313">
        <v>263</v>
      </c>
      <c r="BK17" s="313">
        <v>118</v>
      </c>
      <c r="BL17" s="313">
        <v>65</v>
      </c>
      <c r="BM17" s="313">
        <v>29</v>
      </c>
      <c r="BN17" s="311">
        <v>731</v>
      </c>
      <c r="BO17" s="315">
        <v>731</v>
      </c>
      <c r="BP17" s="310">
        <v>0</v>
      </c>
      <c r="BQ17" s="313">
        <v>8</v>
      </c>
      <c r="BR17" s="311">
        <v>8</v>
      </c>
      <c r="BS17" s="312">
        <v>0</v>
      </c>
      <c r="BT17" s="313">
        <v>113</v>
      </c>
      <c r="BU17" s="313">
        <v>277</v>
      </c>
      <c r="BV17" s="313">
        <v>775</v>
      </c>
      <c r="BW17" s="313">
        <v>396</v>
      </c>
      <c r="BX17" s="313">
        <v>369</v>
      </c>
      <c r="BY17" s="311">
        <v>1930</v>
      </c>
      <c r="BZ17" s="315">
        <v>1938</v>
      </c>
      <c r="CA17" s="310">
        <v>0</v>
      </c>
      <c r="CB17" s="313">
        <v>0</v>
      </c>
      <c r="CC17" s="311">
        <v>0</v>
      </c>
      <c r="CD17" s="312">
        <v>0</v>
      </c>
      <c r="CE17" s="313">
        <v>0</v>
      </c>
      <c r="CF17" s="313">
        <v>56</v>
      </c>
      <c r="CG17" s="313">
        <v>42</v>
      </c>
      <c r="CH17" s="313">
        <v>36</v>
      </c>
      <c r="CI17" s="313">
        <v>0</v>
      </c>
      <c r="CJ17" s="311">
        <v>134</v>
      </c>
      <c r="CK17" s="315">
        <v>134</v>
      </c>
      <c r="CL17" s="310">
        <v>0</v>
      </c>
      <c r="CM17" s="313">
        <v>0</v>
      </c>
      <c r="CN17" s="311">
        <v>0</v>
      </c>
      <c r="CO17" s="312">
        <v>0</v>
      </c>
      <c r="CP17" s="313">
        <v>0</v>
      </c>
      <c r="CQ17" s="313">
        <v>0</v>
      </c>
      <c r="CR17" s="313">
        <v>0</v>
      </c>
      <c r="CS17" s="313">
        <v>0</v>
      </c>
      <c r="CT17" s="313">
        <v>0</v>
      </c>
      <c r="CU17" s="311">
        <v>0</v>
      </c>
      <c r="CV17" s="315">
        <v>0</v>
      </c>
      <c r="CW17" s="310">
        <v>0</v>
      </c>
      <c r="CX17" s="313">
        <v>0</v>
      </c>
      <c r="CY17" s="311">
        <v>0</v>
      </c>
      <c r="CZ17" s="312">
        <v>0</v>
      </c>
      <c r="DA17" s="313">
        <v>0</v>
      </c>
      <c r="DB17" s="313">
        <v>0</v>
      </c>
      <c r="DC17" s="313">
        <v>0</v>
      </c>
      <c r="DD17" s="313">
        <v>0</v>
      </c>
      <c r="DE17" s="313">
        <v>0</v>
      </c>
      <c r="DF17" s="311">
        <v>0</v>
      </c>
      <c r="DG17" s="315">
        <v>0</v>
      </c>
    </row>
    <row r="18" spans="1:111" ht="18.75" customHeight="1" x14ac:dyDescent="0.2">
      <c r="A18" s="297" t="s">
        <v>16</v>
      </c>
      <c r="B18" s="310">
        <v>0</v>
      </c>
      <c r="C18" s="313">
        <v>0</v>
      </c>
      <c r="D18" s="441">
        <v>0</v>
      </c>
      <c r="E18" s="312">
        <v>0</v>
      </c>
      <c r="F18" s="313">
        <v>2260</v>
      </c>
      <c r="G18" s="313">
        <v>3905</v>
      </c>
      <c r="H18" s="313">
        <v>4501</v>
      </c>
      <c r="I18" s="313">
        <v>4644</v>
      </c>
      <c r="J18" s="313">
        <v>4163</v>
      </c>
      <c r="K18" s="314">
        <v>19473</v>
      </c>
      <c r="L18" s="315">
        <v>19473</v>
      </c>
      <c r="M18" s="310">
        <v>0</v>
      </c>
      <c r="N18" s="313">
        <v>0</v>
      </c>
      <c r="O18" s="311">
        <v>0</v>
      </c>
      <c r="P18" s="312">
        <v>0</v>
      </c>
      <c r="Q18" s="313">
        <v>11</v>
      </c>
      <c r="R18" s="313">
        <v>41</v>
      </c>
      <c r="S18" s="313">
        <v>42</v>
      </c>
      <c r="T18" s="313">
        <v>134</v>
      </c>
      <c r="U18" s="313">
        <v>224</v>
      </c>
      <c r="V18" s="311">
        <v>452</v>
      </c>
      <c r="W18" s="315">
        <v>452</v>
      </c>
      <c r="X18" s="310">
        <v>90</v>
      </c>
      <c r="Y18" s="313">
        <v>400</v>
      </c>
      <c r="Z18" s="311">
        <v>490</v>
      </c>
      <c r="AA18" s="312">
        <v>0</v>
      </c>
      <c r="AB18" s="313">
        <v>1220</v>
      </c>
      <c r="AC18" s="313">
        <v>2253</v>
      </c>
      <c r="AD18" s="313">
        <v>1555</v>
      </c>
      <c r="AE18" s="313">
        <v>1474</v>
      </c>
      <c r="AF18" s="313">
        <v>1151</v>
      </c>
      <c r="AG18" s="311">
        <v>7653</v>
      </c>
      <c r="AH18" s="315">
        <v>8143</v>
      </c>
      <c r="AI18" s="310">
        <v>0</v>
      </c>
      <c r="AJ18" s="313">
        <v>45</v>
      </c>
      <c r="AK18" s="311">
        <v>45</v>
      </c>
      <c r="AL18" s="312">
        <v>0</v>
      </c>
      <c r="AM18" s="313">
        <v>118</v>
      </c>
      <c r="AN18" s="313">
        <v>279</v>
      </c>
      <c r="AO18" s="313">
        <v>232</v>
      </c>
      <c r="AP18" s="313">
        <v>124</v>
      </c>
      <c r="AQ18" s="313">
        <v>111</v>
      </c>
      <c r="AR18" s="311">
        <v>864</v>
      </c>
      <c r="AS18" s="315">
        <v>909</v>
      </c>
      <c r="AT18" s="310">
        <v>0</v>
      </c>
      <c r="AU18" s="313">
        <v>0</v>
      </c>
      <c r="AV18" s="311">
        <v>0</v>
      </c>
      <c r="AW18" s="312">
        <v>0</v>
      </c>
      <c r="AX18" s="313">
        <v>2907</v>
      </c>
      <c r="AY18" s="313">
        <v>4027</v>
      </c>
      <c r="AZ18" s="313">
        <v>3338</v>
      </c>
      <c r="BA18" s="313">
        <v>1619</v>
      </c>
      <c r="BB18" s="313">
        <v>1092</v>
      </c>
      <c r="BC18" s="314">
        <v>12983</v>
      </c>
      <c r="BD18" s="315">
        <v>12983</v>
      </c>
      <c r="BE18" s="310">
        <v>0</v>
      </c>
      <c r="BF18" s="313">
        <v>0</v>
      </c>
      <c r="BG18" s="311">
        <v>0</v>
      </c>
      <c r="BH18" s="312">
        <v>0</v>
      </c>
      <c r="BI18" s="313">
        <v>1392</v>
      </c>
      <c r="BJ18" s="313">
        <v>2258</v>
      </c>
      <c r="BK18" s="313">
        <v>964</v>
      </c>
      <c r="BL18" s="313">
        <v>560</v>
      </c>
      <c r="BM18" s="313">
        <v>217</v>
      </c>
      <c r="BN18" s="311">
        <v>5391</v>
      </c>
      <c r="BO18" s="315">
        <v>5391</v>
      </c>
      <c r="BP18" s="310">
        <v>0</v>
      </c>
      <c r="BQ18" s="313">
        <v>6</v>
      </c>
      <c r="BR18" s="311">
        <v>6</v>
      </c>
      <c r="BS18" s="312">
        <v>0</v>
      </c>
      <c r="BT18" s="313">
        <v>314</v>
      </c>
      <c r="BU18" s="313">
        <v>577</v>
      </c>
      <c r="BV18" s="313">
        <v>1125</v>
      </c>
      <c r="BW18" s="313">
        <v>515</v>
      </c>
      <c r="BX18" s="313">
        <v>327</v>
      </c>
      <c r="BY18" s="311">
        <v>2858</v>
      </c>
      <c r="BZ18" s="315">
        <v>2864</v>
      </c>
      <c r="CA18" s="310">
        <v>0</v>
      </c>
      <c r="CB18" s="313">
        <v>0</v>
      </c>
      <c r="CC18" s="311">
        <v>0</v>
      </c>
      <c r="CD18" s="312">
        <v>0</v>
      </c>
      <c r="CE18" s="313">
        <v>20</v>
      </c>
      <c r="CF18" s="313">
        <v>37</v>
      </c>
      <c r="CG18" s="313">
        <v>95</v>
      </c>
      <c r="CH18" s="313">
        <v>54</v>
      </c>
      <c r="CI18" s="313">
        <v>16</v>
      </c>
      <c r="CJ18" s="311">
        <v>222</v>
      </c>
      <c r="CK18" s="315">
        <v>222</v>
      </c>
      <c r="CL18" s="310">
        <v>0</v>
      </c>
      <c r="CM18" s="313">
        <v>0</v>
      </c>
      <c r="CN18" s="311">
        <v>0</v>
      </c>
      <c r="CO18" s="312">
        <v>0</v>
      </c>
      <c r="CP18" s="313">
        <v>0</v>
      </c>
      <c r="CQ18" s="313">
        <v>0</v>
      </c>
      <c r="CR18" s="313">
        <v>0</v>
      </c>
      <c r="CS18" s="313">
        <v>0</v>
      </c>
      <c r="CT18" s="313">
        <v>0</v>
      </c>
      <c r="CU18" s="311">
        <v>0</v>
      </c>
      <c r="CV18" s="315">
        <v>0</v>
      </c>
      <c r="CW18" s="310">
        <v>0</v>
      </c>
      <c r="CX18" s="313">
        <v>0</v>
      </c>
      <c r="CY18" s="311">
        <v>0</v>
      </c>
      <c r="CZ18" s="312">
        <v>0</v>
      </c>
      <c r="DA18" s="313">
        <v>0</v>
      </c>
      <c r="DB18" s="313">
        <v>0</v>
      </c>
      <c r="DC18" s="313">
        <v>0</v>
      </c>
      <c r="DD18" s="313">
        <v>0</v>
      </c>
      <c r="DE18" s="313">
        <v>0</v>
      </c>
      <c r="DF18" s="311">
        <v>0</v>
      </c>
      <c r="DG18" s="315">
        <v>0</v>
      </c>
    </row>
    <row r="19" spans="1:111" ht="18.75" customHeight="1" x14ac:dyDescent="0.2">
      <c r="A19" s="297" t="s">
        <v>17</v>
      </c>
      <c r="B19" s="310">
        <v>0</v>
      </c>
      <c r="C19" s="313">
        <v>0</v>
      </c>
      <c r="D19" s="441">
        <v>0</v>
      </c>
      <c r="E19" s="312">
        <v>0</v>
      </c>
      <c r="F19" s="313">
        <v>2383</v>
      </c>
      <c r="G19" s="313">
        <v>7126</v>
      </c>
      <c r="H19" s="313">
        <v>7845</v>
      </c>
      <c r="I19" s="313">
        <v>9898</v>
      </c>
      <c r="J19" s="313">
        <v>11301</v>
      </c>
      <c r="K19" s="314">
        <v>38553</v>
      </c>
      <c r="L19" s="315">
        <v>38553</v>
      </c>
      <c r="M19" s="310">
        <v>0</v>
      </c>
      <c r="N19" s="313">
        <v>8</v>
      </c>
      <c r="O19" s="311">
        <v>8</v>
      </c>
      <c r="P19" s="312">
        <v>0</v>
      </c>
      <c r="Q19" s="313">
        <v>0</v>
      </c>
      <c r="R19" s="313">
        <v>77</v>
      </c>
      <c r="S19" s="313">
        <v>103</v>
      </c>
      <c r="T19" s="313">
        <v>231</v>
      </c>
      <c r="U19" s="313">
        <v>426</v>
      </c>
      <c r="V19" s="311">
        <v>837</v>
      </c>
      <c r="W19" s="315">
        <v>845</v>
      </c>
      <c r="X19" s="310">
        <v>191</v>
      </c>
      <c r="Y19" s="313">
        <v>653</v>
      </c>
      <c r="Z19" s="311">
        <v>844</v>
      </c>
      <c r="AA19" s="312">
        <v>0</v>
      </c>
      <c r="AB19" s="313">
        <v>1170</v>
      </c>
      <c r="AC19" s="313">
        <v>2419</v>
      </c>
      <c r="AD19" s="313">
        <v>1642</v>
      </c>
      <c r="AE19" s="313">
        <v>1658</v>
      </c>
      <c r="AF19" s="313">
        <v>1522</v>
      </c>
      <c r="AG19" s="311">
        <v>8411</v>
      </c>
      <c r="AH19" s="315">
        <v>9255</v>
      </c>
      <c r="AI19" s="310">
        <v>32</v>
      </c>
      <c r="AJ19" s="313">
        <v>65</v>
      </c>
      <c r="AK19" s="311">
        <v>97</v>
      </c>
      <c r="AL19" s="312">
        <v>0</v>
      </c>
      <c r="AM19" s="313">
        <v>65</v>
      </c>
      <c r="AN19" s="313">
        <v>385</v>
      </c>
      <c r="AO19" s="313">
        <v>261</v>
      </c>
      <c r="AP19" s="313">
        <v>120</v>
      </c>
      <c r="AQ19" s="313">
        <v>104</v>
      </c>
      <c r="AR19" s="311">
        <v>935</v>
      </c>
      <c r="AS19" s="315">
        <v>1032</v>
      </c>
      <c r="AT19" s="310">
        <v>0</v>
      </c>
      <c r="AU19" s="313">
        <v>1</v>
      </c>
      <c r="AV19" s="311">
        <v>1</v>
      </c>
      <c r="AW19" s="312">
        <v>0</v>
      </c>
      <c r="AX19" s="313">
        <v>3370</v>
      </c>
      <c r="AY19" s="313">
        <v>5333</v>
      </c>
      <c r="AZ19" s="313">
        <v>3637</v>
      </c>
      <c r="BA19" s="313">
        <v>2304</v>
      </c>
      <c r="BB19" s="313">
        <v>889</v>
      </c>
      <c r="BC19" s="314">
        <v>15533</v>
      </c>
      <c r="BD19" s="315">
        <v>15534</v>
      </c>
      <c r="BE19" s="310">
        <v>0</v>
      </c>
      <c r="BF19" s="313">
        <v>0</v>
      </c>
      <c r="BG19" s="311">
        <v>0</v>
      </c>
      <c r="BH19" s="312">
        <v>0</v>
      </c>
      <c r="BI19" s="313">
        <v>605</v>
      </c>
      <c r="BJ19" s="313">
        <v>1302</v>
      </c>
      <c r="BK19" s="313">
        <v>654</v>
      </c>
      <c r="BL19" s="313">
        <v>412</v>
      </c>
      <c r="BM19" s="313">
        <v>149</v>
      </c>
      <c r="BN19" s="311">
        <v>3122</v>
      </c>
      <c r="BO19" s="315">
        <v>3122</v>
      </c>
      <c r="BP19" s="310">
        <v>2</v>
      </c>
      <c r="BQ19" s="313">
        <v>13</v>
      </c>
      <c r="BR19" s="311">
        <v>15</v>
      </c>
      <c r="BS19" s="312">
        <v>0</v>
      </c>
      <c r="BT19" s="313">
        <v>340</v>
      </c>
      <c r="BU19" s="313">
        <v>744</v>
      </c>
      <c r="BV19" s="313">
        <v>1203</v>
      </c>
      <c r="BW19" s="313">
        <v>1404</v>
      </c>
      <c r="BX19" s="313">
        <v>499</v>
      </c>
      <c r="BY19" s="311">
        <v>4190</v>
      </c>
      <c r="BZ19" s="315">
        <v>4205</v>
      </c>
      <c r="CA19" s="310">
        <v>0</v>
      </c>
      <c r="CB19" s="313">
        <v>0</v>
      </c>
      <c r="CC19" s="311">
        <v>0</v>
      </c>
      <c r="CD19" s="312">
        <v>0</v>
      </c>
      <c r="CE19" s="313">
        <v>24</v>
      </c>
      <c r="CF19" s="313">
        <v>98</v>
      </c>
      <c r="CG19" s="313">
        <v>100</v>
      </c>
      <c r="CH19" s="313">
        <v>62</v>
      </c>
      <c r="CI19" s="313">
        <v>92</v>
      </c>
      <c r="CJ19" s="311">
        <v>376</v>
      </c>
      <c r="CK19" s="315">
        <v>376</v>
      </c>
      <c r="CL19" s="310">
        <v>0</v>
      </c>
      <c r="CM19" s="313">
        <v>0</v>
      </c>
      <c r="CN19" s="311">
        <v>0</v>
      </c>
      <c r="CO19" s="312">
        <v>0</v>
      </c>
      <c r="CP19" s="313">
        <v>0</v>
      </c>
      <c r="CQ19" s="313">
        <v>0</v>
      </c>
      <c r="CR19" s="313">
        <v>0</v>
      </c>
      <c r="CS19" s="313">
        <v>0</v>
      </c>
      <c r="CT19" s="313">
        <v>0</v>
      </c>
      <c r="CU19" s="311">
        <v>0</v>
      </c>
      <c r="CV19" s="315">
        <v>0</v>
      </c>
      <c r="CW19" s="310">
        <v>0</v>
      </c>
      <c r="CX19" s="313">
        <v>0</v>
      </c>
      <c r="CY19" s="311">
        <v>0</v>
      </c>
      <c r="CZ19" s="312">
        <v>0</v>
      </c>
      <c r="DA19" s="313">
        <v>0</v>
      </c>
      <c r="DB19" s="313">
        <v>0</v>
      </c>
      <c r="DC19" s="313">
        <v>0</v>
      </c>
      <c r="DD19" s="313">
        <v>0</v>
      </c>
      <c r="DE19" s="313">
        <v>0</v>
      </c>
      <c r="DF19" s="311">
        <v>0</v>
      </c>
      <c r="DG19" s="315">
        <v>0</v>
      </c>
    </row>
    <row r="20" spans="1:111" ht="18.75" customHeight="1" x14ac:dyDescent="0.2">
      <c r="A20" s="297" t="s">
        <v>18</v>
      </c>
      <c r="B20" s="310">
        <v>0</v>
      </c>
      <c r="C20" s="313">
        <v>0</v>
      </c>
      <c r="D20" s="441">
        <v>0</v>
      </c>
      <c r="E20" s="312">
        <v>0</v>
      </c>
      <c r="F20" s="313">
        <v>5514</v>
      </c>
      <c r="G20" s="313">
        <v>7164</v>
      </c>
      <c r="H20" s="313">
        <v>8770</v>
      </c>
      <c r="I20" s="313">
        <v>11772</v>
      </c>
      <c r="J20" s="313">
        <v>9277</v>
      </c>
      <c r="K20" s="314">
        <v>42497</v>
      </c>
      <c r="L20" s="315">
        <v>42497</v>
      </c>
      <c r="M20" s="310">
        <v>0</v>
      </c>
      <c r="N20" s="313">
        <v>4</v>
      </c>
      <c r="O20" s="311">
        <v>4</v>
      </c>
      <c r="P20" s="312">
        <v>0</v>
      </c>
      <c r="Q20" s="313">
        <v>12</v>
      </c>
      <c r="R20" s="313">
        <v>69</v>
      </c>
      <c r="S20" s="313">
        <v>74</v>
      </c>
      <c r="T20" s="313">
        <v>207</v>
      </c>
      <c r="U20" s="313">
        <v>466</v>
      </c>
      <c r="V20" s="311">
        <v>828</v>
      </c>
      <c r="W20" s="315">
        <v>832</v>
      </c>
      <c r="X20" s="310">
        <v>260</v>
      </c>
      <c r="Y20" s="313">
        <v>704</v>
      </c>
      <c r="Z20" s="311">
        <v>964</v>
      </c>
      <c r="AA20" s="312">
        <v>0</v>
      </c>
      <c r="AB20" s="313">
        <v>2581</v>
      </c>
      <c r="AC20" s="313">
        <v>2872</v>
      </c>
      <c r="AD20" s="313">
        <v>2108</v>
      </c>
      <c r="AE20" s="313">
        <v>1866</v>
      </c>
      <c r="AF20" s="313">
        <v>1452</v>
      </c>
      <c r="AG20" s="311">
        <v>10879</v>
      </c>
      <c r="AH20" s="315">
        <v>11843</v>
      </c>
      <c r="AI20" s="310">
        <v>59</v>
      </c>
      <c r="AJ20" s="313">
        <v>95</v>
      </c>
      <c r="AK20" s="311">
        <v>154</v>
      </c>
      <c r="AL20" s="312">
        <v>0</v>
      </c>
      <c r="AM20" s="313">
        <v>502</v>
      </c>
      <c r="AN20" s="313">
        <v>548</v>
      </c>
      <c r="AO20" s="313">
        <v>464</v>
      </c>
      <c r="AP20" s="313">
        <v>306</v>
      </c>
      <c r="AQ20" s="313">
        <v>182</v>
      </c>
      <c r="AR20" s="311">
        <v>2002</v>
      </c>
      <c r="AS20" s="315">
        <v>2156</v>
      </c>
      <c r="AT20" s="310">
        <v>0</v>
      </c>
      <c r="AU20" s="313">
        <v>0</v>
      </c>
      <c r="AV20" s="311">
        <v>0</v>
      </c>
      <c r="AW20" s="312">
        <v>0</v>
      </c>
      <c r="AX20" s="313">
        <v>5378</v>
      </c>
      <c r="AY20" s="313">
        <v>5856</v>
      </c>
      <c r="AZ20" s="313">
        <v>4061</v>
      </c>
      <c r="BA20" s="313">
        <v>2220</v>
      </c>
      <c r="BB20" s="313">
        <v>852</v>
      </c>
      <c r="BC20" s="314">
        <v>18367</v>
      </c>
      <c r="BD20" s="315">
        <v>18367</v>
      </c>
      <c r="BE20" s="310">
        <v>0</v>
      </c>
      <c r="BF20" s="313">
        <v>0</v>
      </c>
      <c r="BG20" s="311">
        <v>0</v>
      </c>
      <c r="BH20" s="312">
        <v>0</v>
      </c>
      <c r="BI20" s="313">
        <v>1317</v>
      </c>
      <c r="BJ20" s="313">
        <v>1298</v>
      </c>
      <c r="BK20" s="313">
        <v>787</v>
      </c>
      <c r="BL20" s="313">
        <v>465</v>
      </c>
      <c r="BM20" s="313">
        <v>119</v>
      </c>
      <c r="BN20" s="311">
        <v>3986</v>
      </c>
      <c r="BO20" s="315">
        <v>3986</v>
      </c>
      <c r="BP20" s="310">
        <v>12</v>
      </c>
      <c r="BQ20" s="313">
        <v>25</v>
      </c>
      <c r="BR20" s="311">
        <v>37</v>
      </c>
      <c r="BS20" s="312">
        <v>0</v>
      </c>
      <c r="BT20" s="313">
        <v>295</v>
      </c>
      <c r="BU20" s="313">
        <v>1134</v>
      </c>
      <c r="BV20" s="313">
        <v>1644</v>
      </c>
      <c r="BW20" s="313">
        <v>1612</v>
      </c>
      <c r="BX20" s="313">
        <v>825</v>
      </c>
      <c r="BY20" s="311">
        <v>5510</v>
      </c>
      <c r="BZ20" s="315">
        <v>5547</v>
      </c>
      <c r="CA20" s="310">
        <v>0</v>
      </c>
      <c r="CB20" s="313">
        <v>0</v>
      </c>
      <c r="CC20" s="311">
        <v>0</v>
      </c>
      <c r="CD20" s="312">
        <v>0</v>
      </c>
      <c r="CE20" s="313">
        <v>7</v>
      </c>
      <c r="CF20" s="313">
        <v>24</v>
      </c>
      <c r="CG20" s="313">
        <v>28</v>
      </c>
      <c r="CH20" s="313">
        <v>23</v>
      </c>
      <c r="CI20" s="313">
        <v>14</v>
      </c>
      <c r="CJ20" s="311">
        <v>96</v>
      </c>
      <c r="CK20" s="315">
        <v>96</v>
      </c>
      <c r="CL20" s="310">
        <v>0</v>
      </c>
      <c r="CM20" s="313">
        <v>0</v>
      </c>
      <c r="CN20" s="311">
        <v>0</v>
      </c>
      <c r="CO20" s="312">
        <v>0</v>
      </c>
      <c r="CP20" s="313">
        <v>0</v>
      </c>
      <c r="CQ20" s="313">
        <v>0</v>
      </c>
      <c r="CR20" s="313">
        <v>0</v>
      </c>
      <c r="CS20" s="313">
        <v>0</v>
      </c>
      <c r="CT20" s="313">
        <v>0</v>
      </c>
      <c r="CU20" s="311">
        <v>0</v>
      </c>
      <c r="CV20" s="315">
        <v>0</v>
      </c>
      <c r="CW20" s="310">
        <v>0</v>
      </c>
      <c r="CX20" s="313">
        <v>0</v>
      </c>
      <c r="CY20" s="311">
        <v>0</v>
      </c>
      <c r="CZ20" s="312">
        <v>0</v>
      </c>
      <c r="DA20" s="313">
        <v>0</v>
      </c>
      <c r="DB20" s="313">
        <v>0</v>
      </c>
      <c r="DC20" s="313">
        <v>0</v>
      </c>
      <c r="DD20" s="313">
        <v>0</v>
      </c>
      <c r="DE20" s="313">
        <v>0</v>
      </c>
      <c r="DF20" s="311">
        <v>0</v>
      </c>
      <c r="DG20" s="315">
        <v>0</v>
      </c>
    </row>
    <row r="21" spans="1:111" ht="18.75" customHeight="1" x14ac:dyDescent="0.2">
      <c r="A21" s="297" t="s">
        <v>19</v>
      </c>
      <c r="B21" s="310">
        <v>0</v>
      </c>
      <c r="C21" s="313">
        <v>0</v>
      </c>
      <c r="D21" s="441">
        <v>0</v>
      </c>
      <c r="E21" s="312">
        <v>0</v>
      </c>
      <c r="F21" s="313">
        <v>2032</v>
      </c>
      <c r="G21" s="313">
        <v>2270</v>
      </c>
      <c r="H21" s="313">
        <v>3249</v>
      </c>
      <c r="I21" s="313">
        <v>4061</v>
      </c>
      <c r="J21" s="313">
        <v>2160</v>
      </c>
      <c r="K21" s="314">
        <v>13772</v>
      </c>
      <c r="L21" s="315">
        <v>13772</v>
      </c>
      <c r="M21" s="310">
        <v>0</v>
      </c>
      <c r="N21" s="313">
        <v>6</v>
      </c>
      <c r="O21" s="311">
        <v>6</v>
      </c>
      <c r="P21" s="312">
        <v>0</v>
      </c>
      <c r="Q21" s="313">
        <v>10</v>
      </c>
      <c r="R21" s="313">
        <v>15</v>
      </c>
      <c r="S21" s="313">
        <v>61</v>
      </c>
      <c r="T21" s="313">
        <v>99</v>
      </c>
      <c r="U21" s="313">
        <v>156</v>
      </c>
      <c r="V21" s="311">
        <v>341</v>
      </c>
      <c r="W21" s="315">
        <v>347</v>
      </c>
      <c r="X21" s="310">
        <v>143</v>
      </c>
      <c r="Y21" s="313">
        <v>346</v>
      </c>
      <c r="Z21" s="311">
        <v>489</v>
      </c>
      <c r="AA21" s="312">
        <v>0</v>
      </c>
      <c r="AB21" s="313">
        <v>1260</v>
      </c>
      <c r="AC21" s="313">
        <v>1104</v>
      </c>
      <c r="AD21" s="313">
        <v>769</v>
      </c>
      <c r="AE21" s="313">
        <v>810</v>
      </c>
      <c r="AF21" s="313">
        <v>555</v>
      </c>
      <c r="AG21" s="311">
        <v>4498</v>
      </c>
      <c r="AH21" s="315">
        <v>4987</v>
      </c>
      <c r="AI21" s="310">
        <v>40</v>
      </c>
      <c r="AJ21" s="313">
        <v>93</v>
      </c>
      <c r="AK21" s="311">
        <v>133</v>
      </c>
      <c r="AL21" s="312">
        <v>0</v>
      </c>
      <c r="AM21" s="313">
        <v>225</v>
      </c>
      <c r="AN21" s="313">
        <v>178</v>
      </c>
      <c r="AO21" s="313">
        <v>132</v>
      </c>
      <c r="AP21" s="313">
        <v>95</v>
      </c>
      <c r="AQ21" s="313">
        <v>36</v>
      </c>
      <c r="AR21" s="311">
        <v>666</v>
      </c>
      <c r="AS21" s="315">
        <v>799</v>
      </c>
      <c r="AT21" s="310">
        <v>0</v>
      </c>
      <c r="AU21" s="313">
        <v>0</v>
      </c>
      <c r="AV21" s="311">
        <v>0</v>
      </c>
      <c r="AW21" s="312">
        <v>0</v>
      </c>
      <c r="AX21" s="313">
        <v>2146</v>
      </c>
      <c r="AY21" s="313">
        <v>2501</v>
      </c>
      <c r="AZ21" s="313">
        <v>1385</v>
      </c>
      <c r="BA21" s="313">
        <v>614</v>
      </c>
      <c r="BB21" s="313">
        <v>370</v>
      </c>
      <c r="BC21" s="314">
        <v>7016</v>
      </c>
      <c r="BD21" s="315">
        <v>7016</v>
      </c>
      <c r="BE21" s="310">
        <v>0</v>
      </c>
      <c r="BF21" s="313">
        <v>0</v>
      </c>
      <c r="BG21" s="311">
        <v>0</v>
      </c>
      <c r="BH21" s="312">
        <v>0</v>
      </c>
      <c r="BI21" s="313">
        <v>654</v>
      </c>
      <c r="BJ21" s="313">
        <v>692</v>
      </c>
      <c r="BK21" s="313">
        <v>459</v>
      </c>
      <c r="BL21" s="313">
        <v>262</v>
      </c>
      <c r="BM21" s="313">
        <v>102</v>
      </c>
      <c r="BN21" s="311">
        <v>2169</v>
      </c>
      <c r="BO21" s="315">
        <v>2169</v>
      </c>
      <c r="BP21" s="310">
        <v>0</v>
      </c>
      <c r="BQ21" s="313">
        <v>8</v>
      </c>
      <c r="BR21" s="311">
        <v>8</v>
      </c>
      <c r="BS21" s="312">
        <v>0</v>
      </c>
      <c r="BT21" s="313">
        <v>154</v>
      </c>
      <c r="BU21" s="313">
        <v>362</v>
      </c>
      <c r="BV21" s="313">
        <v>672</v>
      </c>
      <c r="BW21" s="313">
        <v>215</v>
      </c>
      <c r="BX21" s="313">
        <v>196</v>
      </c>
      <c r="BY21" s="311">
        <v>1599</v>
      </c>
      <c r="BZ21" s="315">
        <v>1607</v>
      </c>
      <c r="CA21" s="310">
        <v>0</v>
      </c>
      <c r="CB21" s="313">
        <v>4</v>
      </c>
      <c r="CC21" s="311">
        <v>4</v>
      </c>
      <c r="CD21" s="312">
        <v>0</v>
      </c>
      <c r="CE21" s="313">
        <v>18</v>
      </c>
      <c r="CF21" s="313">
        <v>57</v>
      </c>
      <c r="CG21" s="313">
        <v>56</v>
      </c>
      <c r="CH21" s="313">
        <v>62</v>
      </c>
      <c r="CI21" s="313">
        <v>36</v>
      </c>
      <c r="CJ21" s="311">
        <v>229</v>
      </c>
      <c r="CK21" s="315">
        <v>233</v>
      </c>
      <c r="CL21" s="310">
        <v>0</v>
      </c>
      <c r="CM21" s="313">
        <v>0</v>
      </c>
      <c r="CN21" s="311">
        <v>0</v>
      </c>
      <c r="CO21" s="312">
        <v>0</v>
      </c>
      <c r="CP21" s="313">
        <v>0</v>
      </c>
      <c r="CQ21" s="313">
        <v>0</v>
      </c>
      <c r="CR21" s="313">
        <v>0</v>
      </c>
      <c r="CS21" s="313">
        <v>0</v>
      </c>
      <c r="CT21" s="313">
        <v>0</v>
      </c>
      <c r="CU21" s="311">
        <v>0</v>
      </c>
      <c r="CV21" s="315">
        <v>0</v>
      </c>
      <c r="CW21" s="310">
        <v>0</v>
      </c>
      <c r="CX21" s="313">
        <v>0</v>
      </c>
      <c r="CY21" s="311">
        <v>0</v>
      </c>
      <c r="CZ21" s="312">
        <v>0</v>
      </c>
      <c r="DA21" s="313">
        <v>0</v>
      </c>
      <c r="DB21" s="313">
        <v>0</v>
      </c>
      <c r="DC21" s="313">
        <v>0</v>
      </c>
      <c r="DD21" s="313">
        <v>0</v>
      </c>
      <c r="DE21" s="313">
        <v>0</v>
      </c>
      <c r="DF21" s="311">
        <v>0</v>
      </c>
      <c r="DG21" s="315">
        <v>0</v>
      </c>
    </row>
    <row r="22" spans="1:111" ht="18.75" customHeight="1" x14ac:dyDescent="0.2">
      <c r="A22" s="297" t="s">
        <v>20</v>
      </c>
      <c r="B22" s="310">
        <v>0</v>
      </c>
      <c r="C22" s="313">
        <v>0</v>
      </c>
      <c r="D22" s="441">
        <v>0</v>
      </c>
      <c r="E22" s="312">
        <v>0</v>
      </c>
      <c r="F22" s="313">
        <v>3052</v>
      </c>
      <c r="G22" s="313">
        <v>3714</v>
      </c>
      <c r="H22" s="313">
        <v>3322</v>
      </c>
      <c r="I22" s="313">
        <v>3650</v>
      </c>
      <c r="J22" s="313">
        <v>3621</v>
      </c>
      <c r="K22" s="314">
        <v>17359</v>
      </c>
      <c r="L22" s="315">
        <v>17359</v>
      </c>
      <c r="M22" s="310">
        <v>0</v>
      </c>
      <c r="N22" s="313">
        <v>3</v>
      </c>
      <c r="O22" s="311">
        <v>3</v>
      </c>
      <c r="P22" s="312">
        <v>0</v>
      </c>
      <c r="Q22" s="313">
        <v>8</v>
      </c>
      <c r="R22" s="313">
        <v>32</v>
      </c>
      <c r="S22" s="313">
        <v>46</v>
      </c>
      <c r="T22" s="313">
        <v>111</v>
      </c>
      <c r="U22" s="313">
        <v>211</v>
      </c>
      <c r="V22" s="311">
        <v>408</v>
      </c>
      <c r="W22" s="315">
        <v>411</v>
      </c>
      <c r="X22" s="310">
        <v>190</v>
      </c>
      <c r="Y22" s="313">
        <v>648</v>
      </c>
      <c r="Z22" s="311">
        <v>838</v>
      </c>
      <c r="AA22" s="312">
        <v>0</v>
      </c>
      <c r="AB22" s="313">
        <v>2485</v>
      </c>
      <c r="AC22" s="313">
        <v>1434</v>
      </c>
      <c r="AD22" s="313">
        <v>1023</v>
      </c>
      <c r="AE22" s="313">
        <v>898</v>
      </c>
      <c r="AF22" s="313">
        <v>591</v>
      </c>
      <c r="AG22" s="311">
        <v>6431</v>
      </c>
      <c r="AH22" s="315">
        <v>7269</v>
      </c>
      <c r="AI22" s="310">
        <v>128</v>
      </c>
      <c r="AJ22" s="313">
        <v>323</v>
      </c>
      <c r="AK22" s="311">
        <v>451</v>
      </c>
      <c r="AL22" s="312">
        <v>0</v>
      </c>
      <c r="AM22" s="313">
        <v>539</v>
      </c>
      <c r="AN22" s="313">
        <v>579</v>
      </c>
      <c r="AO22" s="313">
        <v>348</v>
      </c>
      <c r="AP22" s="313">
        <v>389</v>
      </c>
      <c r="AQ22" s="313">
        <v>175</v>
      </c>
      <c r="AR22" s="311">
        <v>2030</v>
      </c>
      <c r="AS22" s="315">
        <v>2481</v>
      </c>
      <c r="AT22" s="310">
        <v>0</v>
      </c>
      <c r="AU22" s="313">
        <v>0</v>
      </c>
      <c r="AV22" s="311">
        <v>0</v>
      </c>
      <c r="AW22" s="312">
        <v>0</v>
      </c>
      <c r="AX22" s="313">
        <v>2587</v>
      </c>
      <c r="AY22" s="313">
        <v>1562</v>
      </c>
      <c r="AZ22" s="313">
        <v>1476</v>
      </c>
      <c r="BA22" s="313">
        <v>652</v>
      </c>
      <c r="BB22" s="313">
        <v>318</v>
      </c>
      <c r="BC22" s="314">
        <v>6595</v>
      </c>
      <c r="BD22" s="315">
        <v>6595</v>
      </c>
      <c r="BE22" s="310">
        <v>0</v>
      </c>
      <c r="BF22" s="313">
        <v>0</v>
      </c>
      <c r="BG22" s="311">
        <v>0</v>
      </c>
      <c r="BH22" s="312">
        <v>0</v>
      </c>
      <c r="BI22" s="313">
        <v>1296</v>
      </c>
      <c r="BJ22" s="313">
        <v>856</v>
      </c>
      <c r="BK22" s="313">
        <v>469</v>
      </c>
      <c r="BL22" s="313">
        <v>341</v>
      </c>
      <c r="BM22" s="313">
        <v>75</v>
      </c>
      <c r="BN22" s="311">
        <v>3037</v>
      </c>
      <c r="BO22" s="315">
        <v>3037</v>
      </c>
      <c r="BP22" s="310">
        <v>2</v>
      </c>
      <c r="BQ22" s="313">
        <v>16</v>
      </c>
      <c r="BR22" s="311">
        <v>18</v>
      </c>
      <c r="BS22" s="312">
        <v>0</v>
      </c>
      <c r="BT22" s="313">
        <v>318</v>
      </c>
      <c r="BU22" s="313">
        <v>523</v>
      </c>
      <c r="BV22" s="313">
        <v>1001</v>
      </c>
      <c r="BW22" s="313">
        <v>567</v>
      </c>
      <c r="BX22" s="313">
        <v>467</v>
      </c>
      <c r="BY22" s="311">
        <v>2876</v>
      </c>
      <c r="BZ22" s="315">
        <v>2894</v>
      </c>
      <c r="CA22" s="310">
        <v>0</v>
      </c>
      <c r="CB22" s="313">
        <v>10</v>
      </c>
      <c r="CC22" s="311">
        <v>10</v>
      </c>
      <c r="CD22" s="312">
        <v>0</v>
      </c>
      <c r="CE22" s="313">
        <v>10</v>
      </c>
      <c r="CF22" s="313">
        <v>42</v>
      </c>
      <c r="CG22" s="313">
        <v>71</v>
      </c>
      <c r="CH22" s="313">
        <v>74</v>
      </c>
      <c r="CI22" s="313">
        <v>30</v>
      </c>
      <c r="CJ22" s="311">
        <v>227</v>
      </c>
      <c r="CK22" s="315">
        <v>237</v>
      </c>
      <c r="CL22" s="310">
        <v>0</v>
      </c>
      <c r="CM22" s="313">
        <v>0</v>
      </c>
      <c r="CN22" s="311">
        <v>0</v>
      </c>
      <c r="CO22" s="312">
        <v>0</v>
      </c>
      <c r="CP22" s="313">
        <v>0</v>
      </c>
      <c r="CQ22" s="313">
        <v>0</v>
      </c>
      <c r="CR22" s="313">
        <v>0</v>
      </c>
      <c r="CS22" s="313">
        <v>0</v>
      </c>
      <c r="CT22" s="313">
        <v>0</v>
      </c>
      <c r="CU22" s="311">
        <v>0</v>
      </c>
      <c r="CV22" s="315">
        <v>0</v>
      </c>
      <c r="CW22" s="310">
        <v>0</v>
      </c>
      <c r="CX22" s="313">
        <v>0</v>
      </c>
      <c r="CY22" s="311">
        <v>0</v>
      </c>
      <c r="CZ22" s="312">
        <v>0</v>
      </c>
      <c r="DA22" s="313">
        <v>0</v>
      </c>
      <c r="DB22" s="313">
        <v>0</v>
      </c>
      <c r="DC22" s="313">
        <v>0</v>
      </c>
      <c r="DD22" s="313">
        <v>0</v>
      </c>
      <c r="DE22" s="313">
        <v>0</v>
      </c>
      <c r="DF22" s="311">
        <v>0</v>
      </c>
      <c r="DG22" s="315">
        <v>0</v>
      </c>
    </row>
    <row r="23" spans="1:111" ht="18.75" customHeight="1" x14ac:dyDescent="0.2">
      <c r="A23" s="297" t="s">
        <v>21</v>
      </c>
      <c r="B23" s="310">
        <v>0</v>
      </c>
      <c r="C23" s="313">
        <v>0</v>
      </c>
      <c r="D23" s="441">
        <v>0</v>
      </c>
      <c r="E23" s="312">
        <v>0</v>
      </c>
      <c r="F23" s="313">
        <v>3027</v>
      </c>
      <c r="G23" s="313">
        <v>5920</v>
      </c>
      <c r="H23" s="313">
        <v>5928</v>
      </c>
      <c r="I23" s="313">
        <v>6753</v>
      </c>
      <c r="J23" s="313">
        <v>5287</v>
      </c>
      <c r="K23" s="314">
        <v>26915</v>
      </c>
      <c r="L23" s="315">
        <v>26915</v>
      </c>
      <c r="M23" s="310">
        <v>0</v>
      </c>
      <c r="N23" s="313">
        <v>0</v>
      </c>
      <c r="O23" s="311">
        <v>0</v>
      </c>
      <c r="P23" s="312">
        <v>0</v>
      </c>
      <c r="Q23" s="313">
        <v>4</v>
      </c>
      <c r="R23" s="313">
        <v>24</v>
      </c>
      <c r="S23" s="313">
        <v>76</v>
      </c>
      <c r="T23" s="313">
        <v>148</v>
      </c>
      <c r="U23" s="313">
        <v>254</v>
      </c>
      <c r="V23" s="311">
        <v>506</v>
      </c>
      <c r="W23" s="315">
        <v>506</v>
      </c>
      <c r="X23" s="310">
        <v>309</v>
      </c>
      <c r="Y23" s="313">
        <v>648</v>
      </c>
      <c r="Z23" s="311">
        <v>957</v>
      </c>
      <c r="AA23" s="312">
        <v>0</v>
      </c>
      <c r="AB23" s="313">
        <v>1557</v>
      </c>
      <c r="AC23" s="313">
        <v>2700</v>
      </c>
      <c r="AD23" s="313">
        <v>1477</v>
      </c>
      <c r="AE23" s="313">
        <v>1281</v>
      </c>
      <c r="AF23" s="313">
        <v>676</v>
      </c>
      <c r="AG23" s="311">
        <v>7691</v>
      </c>
      <c r="AH23" s="315">
        <v>8648</v>
      </c>
      <c r="AI23" s="310">
        <v>133</v>
      </c>
      <c r="AJ23" s="313">
        <v>277</v>
      </c>
      <c r="AK23" s="311">
        <v>410</v>
      </c>
      <c r="AL23" s="312">
        <v>0</v>
      </c>
      <c r="AM23" s="313">
        <v>267</v>
      </c>
      <c r="AN23" s="313">
        <v>407</v>
      </c>
      <c r="AO23" s="313">
        <v>190</v>
      </c>
      <c r="AP23" s="313">
        <v>230</v>
      </c>
      <c r="AQ23" s="313">
        <v>82</v>
      </c>
      <c r="AR23" s="311">
        <v>1176</v>
      </c>
      <c r="AS23" s="315">
        <v>1586</v>
      </c>
      <c r="AT23" s="310">
        <v>0</v>
      </c>
      <c r="AU23" s="313">
        <v>0</v>
      </c>
      <c r="AV23" s="311">
        <v>0</v>
      </c>
      <c r="AW23" s="312">
        <v>0</v>
      </c>
      <c r="AX23" s="313">
        <v>2350</v>
      </c>
      <c r="AY23" s="313">
        <v>3188</v>
      </c>
      <c r="AZ23" s="313">
        <v>1821</v>
      </c>
      <c r="BA23" s="313">
        <v>1116</v>
      </c>
      <c r="BB23" s="313">
        <v>341</v>
      </c>
      <c r="BC23" s="314">
        <v>8816</v>
      </c>
      <c r="BD23" s="315">
        <v>8816</v>
      </c>
      <c r="BE23" s="310">
        <v>0</v>
      </c>
      <c r="BF23" s="313">
        <v>0</v>
      </c>
      <c r="BG23" s="311">
        <v>0</v>
      </c>
      <c r="BH23" s="312">
        <v>0</v>
      </c>
      <c r="BI23" s="313">
        <v>369</v>
      </c>
      <c r="BJ23" s="313">
        <v>485</v>
      </c>
      <c r="BK23" s="313">
        <v>301</v>
      </c>
      <c r="BL23" s="313">
        <v>84</v>
      </c>
      <c r="BM23" s="313">
        <v>114</v>
      </c>
      <c r="BN23" s="311">
        <v>1353</v>
      </c>
      <c r="BO23" s="315">
        <v>1353</v>
      </c>
      <c r="BP23" s="310">
        <v>7</v>
      </c>
      <c r="BQ23" s="313">
        <v>11</v>
      </c>
      <c r="BR23" s="311">
        <v>18</v>
      </c>
      <c r="BS23" s="312">
        <v>0</v>
      </c>
      <c r="BT23" s="313">
        <v>174</v>
      </c>
      <c r="BU23" s="313">
        <v>523</v>
      </c>
      <c r="BV23" s="313">
        <v>1161</v>
      </c>
      <c r="BW23" s="313">
        <v>1078</v>
      </c>
      <c r="BX23" s="313">
        <v>379</v>
      </c>
      <c r="BY23" s="311">
        <v>3315</v>
      </c>
      <c r="BZ23" s="315">
        <v>3333</v>
      </c>
      <c r="CA23" s="310">
        <v>0</v>
      </c>
      <c r="CB23" s="313">
        <v>0</v>
      </c>
      <c r="CC23" s="311">
        <v>0</v>
      </c>
      <c r="CD23" s="312">
        <v>0</v>
      </c>
      <c r="CE23" s="313">
        <v>5</v>
      </c>
      <c r="CF23" s="313">
        <v>14</v>
      </c>
      <c r="CG23" s="313">
        <v>23</v>
      </c>
      <c r="CH23" s="313">
        <v>3</v>
      </c>
      <c r="CI23" s="313">
        <v>41</v>
      </c>
      <c r="CJ23" s="311">
        <v>86</v>
      </c>
      <c r="CK23" s="315">
        <v>86</v>
      </c>
      <c r="CL23" s="310">
        <v>0</v>
      </c>
      <c r="CM23" s="313">
        <v>0</v>
      </c>
      <c r="CN23" s="311">
        <v>0</v>
      </c>
      <c r="CO23" s="312">
        <v>0</v>
      </c>
      <c r="CP23" s="313">
        <v>0</v>
      </c>
      <c r="CQ23" s="313">
        <v>0</v>
      </c>
      <c r="CR23" s="313">
        <v>0</v>
      </c>
      <c r="CS23" s="313">
        <v>0</v>
      </c>
      <c r="CT23" s="313">
        <v>0</v>
      </c>
      <c r="CU23" s="311">
        <v>0</v>
      </c>
      <c r="CV23" s="315">
        <v>0</v>
      </c>
      <c r="CW23" s="310">
        <v>0</v>
      </c>
      <c r="CX23" s="313">
        <v>0</v>
      </c>
      <c r="CY23" s="311">
        <v>0</v>
      </c>
      <c r="CZ23" s="312">
        <v>0</v>
      </c>
      <c r="DA23" s="313">
        <v>0</v>
      </c>
      <c r="DB23" s="313">
        <v>0</v>
      </c>
      <c r="DC23" s="313">
        <v>0</v>
      </c>
      <c r="DD23" s="313">
        <v>0</v>
      </c>
      <c r="DE23" s="313">
        <v>0</v>
      </c>
      <c r="DF23" s="311">
        <v>0</v>
      </c>
      <c r="DG23" s="315">
        <v>0</v>
      </c>
    </row>
    <row r="24" spans="1:111" ht="18.75" customHeight="1" x14ac:dyDescent="0.2">
      <c r="A24" s="297" t="s">
        <v>22</v>
      </c>
      <c r="B24" s="310">
        <v>0</v>
      </c>
      <c r="C24" s="313">
        <v>0</v>
      </c>
      <c r="D24" s="441">
        <v>0</v>
      </c>
      <c r="E24" s="312">
        <v>0</v>
      </c>
      <c r="F24" s="313">
        <v>748</v>
      </c>
      <c r="G24" s="313">
        <v>1162</v>
      </c>
      <c r="H24" s="313">
        <v>640</v>
      </c>
      <c r="I24" s="313">
        <v>1446</v>
      </c>
      <c r="J24" s="313">
        <v>1287</v>
      </c>
      <c r="K24" s="314">
        <v>5283</v>
      </c>
      <c r="L24" s="315">
        <v>5283</v>
      </c>
      <c r="M24" s="310">
        <v>0</v>
      </c>
      <c r="N24" s="313">
        <v>0</v>
      </c>
      <c r="O24" s="311">
        <v>0</v>
      </c>
      <c r="P24" s="312">
        <v>0</v>
      </c>
      <c r="Q24" s="313">
        <v>0</v>
      </c>
      <c r="R24" s="313">
        <v>5</v>
      </c>
      <c r="S24" s="313">
        <v>27</v>
      </c>
      <c r="T24" s="313">
        <v>28</v>
      </c>
      <c r="U24" s="313">
        <v>115</v>
      </c>
      <c r="V24" s="311">
        <v>175</v>
      </c>
      <c r="W24" s="315">
        <v>175</v>
      </c>
      <c r="X24" s="310">
        <v>14</v>
      </c>
      <c r="Y24" s="313">
        <v>80</v>
      </c>
      <c r="Z24" s="311">
        <v>94</v>
      </c>
      <c r="AA24" s="312">
        <v>0</v>
      </c>
      <c r="AB24" s="313">
        <v>297</v>
      </c>
      <c r="AC24" s="313">
        <v>609</v>
      </c>
      <c r="AD24" s="313">
        <v>155</v>
      </c>
      <c r="AE24" s="313">
        <v>283</v>
      </c>
      <c r="AF24" s="313">
        <v>438</v>
      </c>
      <c r="AG24" s="311">
        <v>1782</v>
      </c>
      <c r="AH24" s="315">
        <v>1876</v>
      </c>
      <c r="AI24" s="310">
        <v>12</v>
      </c>
      <c r="AJ24" s="313">
        <v>20</v>
      </c>
      <c r="AK24" s="311">
        <v>32</v>
      </c>
      <c r="AL24" s="312">
        <v>0</v>
      </c>
      <c r="AM24" s="313">
        <v>101</v>
      </c>
      <c r="AN24" s="313">
        <v>135</v>
      </c>
      <c r="AO24" s="313">
        <v>109</v>
      </c>
      <c r="AP24" s="313">
        <v>41</v>
      </c>
      <c r="AQ24" s="313">
        <v>69</v>
      </c>
      <c r="AR24" s="311">
        <v>455</v>
      </c>
      <c r="AS24" s="315">
        <v>487</v>
      </c>
      <c r="AT24" s="310">
        <v>0</v>
      </c>
      <c r="AU24" s="313">
        <v>0</v>
      </c>
      <c r="AV24" s="311">
        <v>0</v>
      </c>
      <c r="AW24" s="312">
        <v>0</v>
      </c>
      <c r="AX24" s="313">
        <v>1257</v>
      </c>
      <c r="AY24" s="313">
        <v>1177</v>
      </c>
      <c r="AZ24" s="313">
        <v>368</v>
      </c>
      <c r="BA24" s="313">
        <v>370</v>
      </c>
      <c r="BB24" s="313">
        <v>150</v>
      </c>
      <c r="BC24" s="314">
        <v>3322</v>
      </c>
      <c r="BD24" s="315">
        <v>3322</v>
      </c>
      <c r="BE24" s="310">
        <v>0</v>
      </c>
      <c r="BF24" s="313">
        <v>0</v>
      </c>
      <c r="BG24" s="311">
        <v>0</v>
      </c>
      <c r="BH24" s="312">
        <v>0</v>
      </c>
      <c r="BI24" s="313">
        <v>138</v>
      </c>
      <c r="BJ24" s="313">
        <v>166</v>
      </c>
      <c r="BK24" s="313">
        <v>143</v>
      </c>
      <c r="BL24" s="313">
        <v>99</v>
      </c>
      <c r="BM24" s="313">
        <v>34</v>
      </c>
      <c r="BN24" s="311">
        <v>580</v>
      </c>
      <c r="BO24" s="315">
        <v>580</v>
      </c>
      <c r="BP24" s="310">
        <v>0</v>
      </c>
      <c r="BQ24" s="313">
        <v>5</v>
      </c>
      <c r="BR24" s="311">
        <v>5</v>
      </c>
      <c r="BS24" s="312">
        <v>0</v>
      </c>
      <c r="BT24" s="313">
        <v>68</v>
      </c>
      <c r="BU24" s="313">
        <v>190</v>
      </c>
      <c r="BV24" s="313">
        <v>427</v>
      </c>
      <c r="BW24" s="313">
        <v>150</v>
      </c>
      <c r="BX24" s="313">
        <v>173</v>
      </c>
      <c r="BY24" s="311">
        <v>1008</v>
      </c>
      <c r="BZ24" s="315">
        <v>1013</v>
      </c>
      <c r="CA24" s="310">
        <v>0</v>
      </c>
      <c r="CB24" s="313">
        <v>0</v>
      </c>
      <c r="CC24" s="311">
        <v>0</v>
      </c>
      <c r="CD24" s="312">
        <v>0</v>
      </c>
      <c r="CE24" s="313">
        <v>0</v>
      </c>
      <c r="CF24" s="313">
        <v>3</v>
      </c>
      <c r="CG24" s="313">
        <v>88</v>
      </c>
      <c r="CH24" s="313">
        <v>9</v>
      </c>
      <c r="CI24" s="313">
        <v>19</v>
      </c>
      <c r="CJ24" s="311">
        <v>119</v>
      </c>
      <c r="CK24" s="315">
        <v>119</v>
      </c>
      <c r="CL24" s="310">
        <v>0</v>
      </c>
      <c r="CM24" s="313">
        <v>0</v>
      </c>
      <c r="CN24" s="311">
        <v>0</v>
      </c>
      <c r="CO24" s="312">
        <v>0</v>
      </c>
      <c r="CP24" s="313">
        <v>0</v>
      </c>
      <c r="CQ24" s="313">
        <v>0</v>
      </c>
      <c r="CR24" s="313">
        <v>0</v>
      </c>
      <c r="CS24" s="313">
        <v>0</v>
      </c>
      <c r="CT24" s="313">
        <v>0</v>
      </c>
      <c r="CU24" s="311">
        <v>0</v>
      </c>
      <c r="CV24" s="315">
        <v>0</v>
      </c>
      <c r="CW24" s="310">
        <v>0</v>
      </c>
      <c r="CX24" s="313">
        <v>0</v>
      </c>
      <c r="CY24" s="311">
        <v>0</v>
      </c>
      <c r="CZ24" s="312">
        <v>0</v>
      </c>
      <c r="DA24" s="313">
        <v>0</v>
      </c>
      <c r="DB24" s="313">
        <v>0</v>
      </c>
      <c r="DC24" s="313">
        <v>0</v>
      </c>
      <c r="DD24" s="313">
        <v>0</v>
      </c>
      <c r="DE24" s="313">
        <v>0</v>
      </c>
      <c r="DF24" s="311">
        <v>0</v>
      </c>
      <c r="DG24" s="315">
        <v>0</v>
      </c>
    </row>
    <row r="25" spans="1:111" ht="18.75" customHeight="1" x14ac:dyDescent="0.2">
      <c r="A25" s="297" t="s">
        <v>23</v>
      </c>
      <c r="B25" s="310">
        <v>0</v>
      </c>
      <c r="C25" s="313">
        <v>0</v>
      </c>
      <c r="D25" s="441">
        <v>0</v>
      </c>
      <c r="E25" s="312">
        <v>0</v>
      </c>
      <c r="F25" s="313">
        <v>1556</v>
      </c>
      <c r="G25" s="313">
        <v>2566</v>
      </c>
      <c r="H25" s="313">
        <v>2436</v>
      </c>
      <c r="I25" s="313">
        <v>3051</v>
      </c>
      <c r="J25" s="313">
        <v>2734</v>
      </c>
      <c r="K25" s="314">
        <v>12343</v>
      </c>
      <c r="L25" s="315">
        <v>12343</v>
      </c>
      <c r="M25" s="310">
        <v>0</v>
      </c>
      <c r="N25" s="313">
        <v>0</v>
      </c>
      <c r="O25" s="311">
        <v>0</v>
      </c>
      <c r="P25" s="312">
        <v>0</v>
      </c>
      <c r="Q25" s="313">
        <v>2</v>
      </c>
      <c r="R25" s="313">
        <v>4</v>
      </c>
      <c r="S25" s="313">
        <v>43</v>
      </c>
      <c r="T25" s="313">
        <v>70</v>
      </c>
      <c r="U25" s="313">
        <v>67</v>
      </c>
      <c r="V25" s="311">
        <v>186</v>
      </c>
      <c r="W25" s="315">
        <v>186</v>
      </c>
      <c r="X25" s="310">
        <v>165</v>
      </c>
      <c r="Y25" s="313">
        <v>419</v>
      </c>
      <c r="Z25" s="311">
        <v>584</v>
      </c>
      <c r="AA25" s="312">
        <v>0</v>
      </c>
      <c r="AB25" s="313">
        <v>956</v>
      </c>
      <c r="AC25" s="313">
        <v>1436</v>
      </c>
      <c r="AD25" s="313">
        <v>829</v>
      </c>
      <c r="AE25" s="313">
        <v>716</v>
      </c>
      <c r="AF25" s="313">
        <v>698</v>
      </c>
      <c r="AG25" s="311">
        <v>4635</v>
      </c>
      <c r="AH25" s="315">
        <v>5219</v>
      </c>
      <c r="AI25" s="310">
        <v>4</v>
      </c>
      <c r="AJ25" s="313">
        <v>122</v>
      </c>
      <c r="AK25" s="311">
        <v>126</v>
      </c>
      <c r="AL25" s="312">
        <v>0</v>
      </c>
      <c r="AM25" s="313">
        <v>108</v>
      </c>
      <c r="AN25" s="313">
        <v>219</v>
      </c>
      <c r="AO25" s="313">
        <v>152</v>
      </c>
      <c r="AP25" s="313">
        <v>14</v>
      </c>
      <c r="AQ25" s="313">
        <v>78</v>
      </c>
      <c r="AR25" s="311">
        <v>571</v>
      </c>
      <c r="AS25" s="315">
        <v>697</v>
      </c>
      <c r="AT25" s="310">
        <v>0</v>
      </c>
      <c r="AU25" s="313">
        <v>0</v>
      </c>
      <c r="AV25" s="311">
        <v>0</v>
      </c>
      <c r="AW25" s="312">
        <v>0</v>
      </c>
      <c r="AX25" s="313">
        <v>2784</v>
      </c>
      <c r="AY25" s="313">
        <v>2349</v>
      </c>
      <c r="AZ25" s="313">
        <v>1143</v>
      </c>
      <c r="BA25" s="313">
        <v>906</v>
      </c>
      <c r="BB25" s="313">
        <v>459</v>
      </c>
      <c r="BC25" s="314">
        <v>7641</v>
      </c>
      <c r="BD25" s="315">
        <v>7641</v>
      </c>
      <c r="BE25" s="310">
        <v>0</v>
      </c>
      <c r="BF25" s="313">
        <v>0</v>
      </c>
      <c r="BG25" s="311">
        <v>0</v>
      </c>
      <c r="BH25" s="312">
        <v>0</v>
      </c>
      <c r="BI25" s="313">
        <v>318</v>
      </c>
      <c r="BJ25" s="313">
        <v>505</v>
      </c>
      <c r="BK25" s="313">
        <v>233</v>
      </c>
      <c r="BL25" s="313">
        <v>206</v>
      </c>
      <c r="BM25" s="313">
        <v>58</v>
      </c>
      <c r="BN25" s="311">
        <v>1320</v>
      </c>
      <c r="BO25" s="315">
        <v>1320</v>
      </c>
      <c r="BP25" s="310">
        <v>5</v>
      </c>
      <c r="BQ25" s="313">
        <v>26</v>
      </c>
      <c r="BR25" s="311">
        <v>31</v>
      </c>
      <c r="BS25" s="312">
        <v>0</v>
      </c>
      <c r="BT25" s="313">
        <v>194</v>
      </c>
      <c r="BU25" s="313">
        <v>346</v>
      </c>
      <c r="BV25" s="313">
        <v>465</v>
      </c>
      <c r="BW25" s="313">
        <v>469</v>
      </c>
      <c r="BX25" s="313">
        <v>133</v>
      </c>
      <c r="BY25" s="311">
        <v>1607</v>
      </c>
      <c r="BZ25" s="315">
        <v>1638</v>
      </c>
      <c r="CA25" s="310">
        <v>0</v>
      </c>
      <c r="CB25" s="313">
        <v>0</v>
      </c>
      <c r="CC25" s="311">
        <v>0</v>
      </c>
      <c r="CD25" s="312">
        <v>0</v>
      </c>
      <c r="CE25" s="313">
        <v>3</v>
      </c>
      <c r="CF25" s="313">
        <v>7</v>
      </c>
      <c r="CG25" s="313">
        <v>0</v>
      </c>
      <c r="CH25" s="313">
        <v>30</v>
      </c>
      <c r="CI25" s="313">
        <v>47</v>
      </c>
      <c r="CJ25" s="311">
        <v>87</v>
      </c>
      <c r="CK25" s="315">
        <v>87</v>
      </c>
      <c r="CL25" s="310">
        <v>0</v>
      </c>
      <c r="CM25" s="313">
        <v>0</v>
      </c>
      <c r="CN25" s="311">
        <v>0</v>
      </c>
      <c r="CO25" s="312">
        <v>0</v>
      </c>
      <c r="CP25" s="313">
        <v>0</v>
      </c>
      <c r="CQ25" s="313">
        <v>0</v>
      </c>
      <c r="CR25" s="313">
        <v>0</v>
      </c>
      <c r="CS25" s="313">
        <v>0</v>
      </c>
      <c r="CT25" s="313">
        <v>0</v>
      </c>
      <c r="CU25" s="311">
        <v>0</v>
      </c>
      <c r="CV25" s="315">
        <v>0</v>
      </c>
      <c r="CW25" s="310">
        <v>0</v>
      </c>
      <c r="CX25" s="313">
        <v>0</v>
      </c>
      <c r="CY25" s="311">
        <v>0</v>
      </c>
      <c r="CZ25" s="312">
        <v>0</v>
      </c>
      <c r="DA25" s="313">
        <v>0</v>
      </c>
      <c r="DB25" s="313">
        <v>0</v>
      </c>
      <c r="DC25" s="313">
        <v>0</v>
      </c>
      <c r="DD25" s="313">
        <v>0</v>
      </c>
      <c r="DE25" s="313">
        <v>0</v>
      </c>
      <c r="DF25" s="311">
        <v>0</v>
      </c>
      <c r="DG25" s="315">
        <v>0</v>
      </c>
    </row>
    <row r="26" spans="1:111" ht="18.75" customHeight="1" x14ac:dyDescent="0.2">
      <c r="A26" s="297" t="s">
        <v>24</v>
      </c>
      <c r="B26" s="310">
        <v>0</v>
      </c>
      <c r="C26" s="313">
        <v>0</v>
      </c>
      <c r="D26" s="441">
        <v>0</v>
      </c>
      <c r="E26" s="312">
        <v>0</v>
      </c>
      <c r="F26" s="313">
        <v>849</v>
      </c>
      <c r="G26" s="313">
        <v>790</v>
      </c>
      <c r="H26" s="313">
        <v>847</v>
      </c>
      <c r="I26" s="313">
        <v>1134</v>
      </c>
      <c r="J26" s="313">
        <v>2072</v>
      </c>
      <c r="K26" s="314">
        <v>5692</v>
      </c>
      <c r="L26" s="315">
        <v>5692</v>
      </c>
      <c r="M26" s="310">
        <v>0</v>
      </c>
      <c r="N26" s="313">
        <v>0</v>
      </c>
      <c r="O26" s="311">
        <v>0</v>
      </c>
      <c r="P26" s="312">
        <v>0</v>
      </c>
      <c r="Q26" s="313">
        <v>4</v>
      </c>
      <c r="R26" s="313">
        <v>14</v>
      </c>
      <c r="S26" s="313">
        <v>15</v>
      </c>
      <c r="T26" s="313">
        <v>40</v>
      </c>
      <c r="U26" s="313">
        <v>87</v>
      </c>
      <c r="V26" s="311">
        <v>160</v>
      </c>
      <c r="W26" s="315">
        <v>160</v>
      </c>
      <c r="X26" s="310">
        <v>80</v>
      </c>
      <c r="Y26" s="313">
        <v>137</v>
      </c>
      <c r="Z26" s="311">
        <v>217</v>
      </c>
      <c r="AA26" s="312">
        <v>0</v>
      </c>
      <c r="AB26" s="313">
        <v>576</v>
      </c>
      <c r="AC26" s="313">
        <v>475</v>
      </c>
      <c r="AD26" s="313">
        <v>298</v>
      </c>
      <c r="AE26" s="313">
        <v>314</v>
      </c>
      <c r="AF26" s="313">
        <v>304</v>
      </c>
      <c r="AG26" s="311">
        <v>1967</v>
      </c>
      <c r="AH26" s="315">
        <v>2184</v>
      </c>
      <c r="AI26" s="310">
        <v>20</v>
      </c>
      <c r="AJ26" s="313">
        <v>32</v>
      </c>
      <c r="AK26" s="311">
        <v>52</v>
      </c>
      <c r="AL26" s="312">
        <v>0</v>
      </c>
      <c r="AM26" s="313">
        <v>53</v>
      </c>
      <c r="AN26" s="313">
        <v>42</v>
      </c>
      <c r="AO26" s="313">
        <v>10</v>
      </c>
      <c r="AP26" s="313">
        <v>51</v>
      </c>
      <c r="AQ26" s="313">
        <v>93</v>
      </c>
      <c r="AR26" s="311">
        <v>249</v>
      </c>
      <c r="AS26" s="315">
        <v>301</v>
      </c>
      <c r="AT26" s="310">
        <v>0</v>
      </c>
      <c r="AU26" s="313">
        <v>0</v>
      </c>
      <c r="AV26" s="311">
        <v>0</v>
      </c>
      <c r="AW26" s="312">
        <v>0</v>
      </c>
      <c r="AX26" s="313">
        <v>758</v>
      </c>
      <c r="AY26" s="313">
        <v>625</v>
      </c>
      <c r="AZ26" s="313">
        <v>383</v>
      </c>
      <c r="BA26" s="313">
        <v>120</v>
      </c>
      <c r="BB26" s="313">
        <v>45</v>
      </c>
      <c r="BC26" s="314">
        <v>1931</v>
      </c>
      <c r="BD26" s="315">
        <v>1931</v>
      </c>
      <c r="BE26" s="310">
        <v>0</v>
      </c>
      <c r="BF26" s="313">
        <v>0</v>
      </c>
      <c r="BG26" s="311">
        <v>0</v>
      </c>
      <c r="BH26" s="312">
        <v>0</v>
      </c>
      <c r="BI26" s="313">
        <v>387</v>
      </c>
      <c r="BJ26" s="313">
        <v>258</v>
      </c>
      <c r="BK26" s="313">
        <v>165</v>
      </c>
      <c r="BL26" s="313">
        <v>103</v>
      </c>
      <c r="BM26" s="313">
        <v>79</v>
      </c>
      <c r="BN26" s="311">
        <v>992</v>
      </c>
      <c r="BO26" s="315">
        <v>992</v>
      </c>
      <c r="BP26" s="310">
        <v>9</v>
      </c>
      <c r="BQ26" s="313">
        <v>3</v>
      </c>
      <c r="BR26" s="311">
        <v>12</v>
      </c>
      <c r="BS26" s="312">
        <v>0</v>
      </c>
      <c r="BT26" s="313">
        <v>161</v>
      </c>
      <c r="BU26" s="313">
        <v>231</v>
      </c>
      <c r="BV26" s="313">
        <v>231</v>
      </c>
      <c r="BW26" s="313">
        <v>183</v>
      </c>
      <c r="BX26" s="313">
        <v>139</v>
      </c>
      <c r="BY26" s="311">
        <v>945</v>
      </c>
      <c r="BZ26" s="315">
        <v>957</v>
      </c>
      <c r="CA26" s="310">
        <v>0</v>
      </c>
      <c r="CB26" s="313">
        <v>0</v>
      </c>
      <c r="CC26" s="311">
        <v>0</v>
      </c>
      <c r="CD26" s="312">
        <v>0</v>
      </c>
      <c r="CE26" s="313">
        <v>4</v>
      </c>
      <c r="CF26" s="313">
        <v>0</v>
      </c>
      <c r="CG26" s="313">
        <v>16</v>
      </c>
      <c r="CH26" s="313">
        <v>6</v>
      </c>
      <c r="CI26" s="313">
        <v>11</v>
      </c>
      <c r="CJ26" s="311">
        <v>37</v>
      </c>
      <c r="CK26" s="315">
        <v>37</v>
      </c>
      <c r="CL26" s="310">
        <v>0</v>
      </c>
      <c r="CM26" s="313">
        <v>0</v>
      </c>
      <c r="CN26" s="311">
        <v>0</v>
      </c>
      <c r="CO26" s="312">
        <v>0</v>
      </c>
      <c r="CP26" s="313">
        <v>0</v>
      </c>
      <c r="CQ26" s="313">
        <v>0</v>
      </c>
      <c r="CR26" s="313">
        <v>0</v>
      </c>
      <c r="CS26" s="313">
        <v>0</v>
      </c>
      <c r="CT26" s="313">
        <v>0</v>
      </c>
      <c r="CU26" s="311">
        <v>0</v>
      </c>
      <c r="CV26" s="315">
        <v>0</v>
      </c>
      <c r="CW26" s="310">
        <v>0</v>
      </c>
      <c r="CX26" s="313">
        <v>0</v>
      </c>
      <c r="CY26" s="311">
        <v>0</v>
      </c>
      <c r="CZ26" s="312">
        <v>0</v>
      </c>
      <c r="DA26" s="313">
        <v>0</v>
      </c>
      <c r="DB26" s="313">
        <v>0</v>
      </c>
      <c r="DC26" s="313">
        <v>0</v>
      </c>
      <c r="DD26" s="313">
        <v>0</v>
      </c>
      <c r="DE26" s="313">
        <v>0</v>
      </c>
      <c r="DF26" s="311">
        <v>0</v>
      </c>
      <c r="DG26" s="315">
        <v>0</v>
      </c>
    </row>
    <row r="27" spans="1:111" ht="18.75" customHeight="1" x14ac:dyDescent="0.2">
      <c r="A27" s="297" t="s">
        <v>25</v>
      </c>
      <c r="B27" s="310">
        <v>0</v>
      </c>
      <c r="C27" s="313">
        <v>0</v>
      </c>
      <c r="D27" s="441">
        <v>0</v>
      </c>
      <c r="E27" s="312">
        <v>0</v>
      </c>
      <c r="F27" s="313">
        <v>1068</v>
      </c>
      <c r="G27" s="313">
        <v>1143</v>
      </c>
      <c r="H27" s="313">
        <v>1335</v>
      </c>
      <c r="I27" s="313">
        <v>2443</v>
      </c>
      <c r="J27" s="313">
        <v>2172</v>
      </c>
      <c r="K27" s="314">
        <v>8161</v>
      </c>
      <c r="L27" s="315">
        <v>8161</v>
      </c>
      <c r="M27" s="310">
        <v>0</v>
      </c>
      <c r="N27" s="313">
        <v>0</v>
      </c>
      <c r="O27" s="311">
        <v>0</v>
      </c>
      <c r="P27" s="312">
        <v>0</v>
      </c>
      <c r="Q27" s="313">
        <v>13</v>
      </c>
      <c r="R27" s="313">
        <v>35</v>
      </c>
      <c r="S27" s="313">
        <v>18</v>
      </c>
      <c r="T27" s="313">
        <v>102</v>
      </c>
      <c r="U27" s="313">
        <v>121</v>
      </c>
      <c r="V27" s="311">
        <v>289</v>
      </c>
      <c r="W27" s="315">
        <v>289</v>
      </c>
      <c r="X27" s="310">
        <v>82</v>
      </c>
      <c r="Y27" s="313">
        <v>155</v>
      </c>
      <c r="Z27" s="311">
        <v>237</v>
      </c>
      <c r="AA27" s="312">
        <v>0</v>
      </c>
      <c r="AB27" s="313">
        <v>564</v>
      </c>
      <c r="AC27" s="313">
        <v>536</v>
      </c>
      <c r="AD27" s="313">
        <v>286</v>
      </c>
      <c r="AE27" s="313">
        <v>295</v>
      </c>
      <c r="AF27" s="313">
        <v>343</v>
      </c>
      <c r="AG27" s="311">
        <v>2024</v>
      </c>
      <c r="AH27" s="315">
        <v>2261</v>
      </c>
      <c r="AI27" s="310">
        <v>20</v>
      </c>
      <c r="AJ27" s="313">
        <v>30</v>
      </c>
      <c r="AK27" s="311">
        <v>50</v>
      </c>
      <c r="AL27" s="312">
        <v>0</v>
      </c>
      <c r="AM27" s="313">
        <v>30</v>
      </c>
      <c r="AN27" s="313">
        <v>65</v>
      </c>
      <c r="AO27" s="313">
        <v>102</v>
      </c>
      <c r="AP27" s="313">
        <v>52</v>
      </c>
      <c r="AQ27" s="313">
        <v>66</v>
      </c>
      <c r="AR27" s="311">
        <v>315</v>
      </c>
      <c r="AS27" s="315">
        <v>365</v>
      </c>
      <c r="AT27" s="310">
        <v>0</v>
      </c>
      <c r="AU27" s="313">
        <v>0</v>
      </c>
      <c r="AV27" s="311">
        <v>0</v>
      </c>
      <c r="AW27" s="312">
        <v>0</v>
      </c>
      <c r="AX27" s="313">
        <v>1284</v>
      </c>
      <c r="AY27" s="313">
        <v>716</v>
      </c>
      <c r="AZ27" s="313">
        <v>364</v>
      </c>
      <c r="BA27" s="313">
        <v>577</v>
      </c>
      <c r="BB27" s="313">
        <v>68</v>
      </c>
      <c r="BC27" s="314">
        <v>3009</v>
      </c>
      <c r="BD27" s="315">
        <v>3009</v>
      </c>
      <c r="BE27" s="310">
        <v>0</v>
      </c>
      <c r="BF27" s="313">
        <v>0</v>
      </c>
      <c r="BG27" s="311">
        <v>0</v>
      </c>
      <c r="BH27" s="312">
        <v>0</v>
      </c>
      <c r="BI27" s="313">
        <v>288</v>
      </c>
      <c r="BJ27" s="313">
        <v>510</v>
      </c>
      <c r="BK27" s="313">
        <v>206</v>
      </c>
      <c r="BL27" s="313">
        <v>166</v>
      </c>
      <c r="BM27" s="313">
        <v>59</v>
      </c>
      <c r="BN27" s="311">
        <v>1229</v>
      </c>
      <c r="BO27" s="315">
        <v>1229</v>
      </c>
      <c r="BP27" s="310">
        <v>11</v>
      </c>
      <c r="BQ27" s="313">
        <v>14</v>
      </c>
      <c r="BR27" s="311">
        <v>25</v>
      </c>
      <c r="BS27" s="312">
        <v>0</v>
      </c>
      <c r="BT27" s="313">
        <v>119</v>
      </c>
      <c r="BU27" s="313">
        <v>198</v>
      </c>
      <c r="BV27" s="313">
        <v>117</v>
      </c>
      <c r="BW27" s="313">
        <v>83</v>
      </c>
      <c r="BX27" s="313">
        <v>96</v>
      </c>
      <c r="BY27" s="311">
        <v>613</v>
      </c>
      <c r="BZ27" s="315">
        <v>638</v>
      </c>
      <c r="CA27" s="310">
        <v>0</v>
      </c>
      <c r="CB27" s="313">
        <v>0</v>
      </c>
      <c r="CC27" s="311">
        <v>0</v>
      </c>
      <c r="CD27" s="312">
        <v>0</v>
      </c>
      <c r="CE27" s="313">
        <v>3</v>
      </c>
      <c r="CF27" s="313">
        <v>17</v>
      </c>
      <c r="CG27" s="313">
        <v>6</v>
      </c>
      <c r="CH27" s="313">
        <v>33</v>
      </c>
      <c r="CI27" s="313">
        <v>0</v>
      </c>
      <c r="CJ27" s="311">
        <v>59</v>
      </c>
      <c r="CK27" s="315">
        <v>59</v>
      </c>
      <c r="CL27" s="310">
        <v>0</v>
      </c>
      <c r="CM27" s="313">
        <v>0</v>
      </c>
      <c r="CN27" s="311">
        <v>0</v>
      </c>
      <c r="CO27" s="312">
        <v>0</v>
      </c>
      <c r="CP27" s="313">
        <v>0</v>
      </c>
      <c r="CQ27" s="313">
        <v>0</v>
      </c>
      <c r="CR27" s="313">
        <v>0</v>
      </c>
      <c r="CS27" s="313">
        <v>0</v>
      </c>
      <c r="CT27" s="313">
        <v>0</v>
      </c>
      <c r="CU27" s="311">
        <v>0</v>
      </c>
      <c r="CV27" s="315">
        <v>0</v>
      </c>
      <c r="CW27" s="310">
        <v>0</v>
      </c>
      <c r="CX27" s="313">
        <v>0</v>
      </c>
      <c r="CY27" s="311">
        <v>0</v>
      </c>
      <c r="CZ27" s="312">
        <v>0</v>
      </c>
      <c r="DA27" s="313">
        <v>0</v>
      </c>
      <c r="DB27" s="313">
        <v>0</v>
      </c>
      <c r="DC27" s="313">
        <v>0</v>
      </c>
      <c r="DD27" s="313">
        <v>0</v>
      </c>
      <c r="DE27" s="313">
        <v>0</v>
      </c>
      <c r="DF27" s="311">
        <v>0</v>
      </c>
      <c r="DG27" s="315">
        <v>0</v>
      </c>
    </row>
    <row r="28" spans="1:111" ht="18.75" customHeight="1" x14ac:dyDescent="0.2">
      <c r="A28" s="297" t="s">
        <v>26</v>
      </c>
      <c r="B28" s="310">
        <v>0</v>
      </c>
      <c r="C28" s="313">
        <v>0</v>
      </c>
      <c r="D28" s="441">
        <v>0</v>
      </c>
      <c r="E28" s="312">
        <v>0</v>
      </c>
      <c r="F28" s="313">
        <v>801</v>
      </c>
      <c r="G28" s="313">
        <v>1361</v>
      </c>
      <c r="H28" s="313">
        <v>1097</v>
      </c>
      <c r="I28" s="313">
        <v>1470</v>
      </c>
      <c r="J28" s="313">
        <v>2022</v>
      </c>
      <c r="K28" s="314">
        <v>6751</v>
      </c>
      <c r="L28" s="315">
        <v>6751</v>
      </c>
      <c r="M28" s="310">
        <v>0</v>
      </c>
      <c r="N28" s="313">
        <v>0</v>
      </c>
      <c r="O28" s="311">
        <v>0</v>
      </c>
      <c r="P28" s="312">
        <v>0</v>
      </c>
      <c r="Q28" s="313">
        <v>0</v>
      </c>
      <c r="R28" s="313">
        <v>18</v>
      </c>
      <c r="S28" s="313">
        <v>22</v>
      </c>
      <c r="T28" s="313">
        <v>51</v>
      </c>
      <c r="U28" s="313">
        <v>111</v>
      </c>
      <c r="V28" s="311">
        <v>202</v>
      </c>
      <c r="W28" s="315">
        <v>202</v>
      </c>
      <c r="X28" s="310">
        <v>51</v>
      </c>
      <c r="Y28" s="313">
        <v>146</v>
      </c>
      <c r="Z28" s="311">
        <v>197</v>
      </c>
      <c r="AA28" s="312">
        <v>0</v>
      </c>
      <c r="AB28" s="313">
        <v>422</v>
      </c>
      <c r="AC28" s="313">
        <v>413</v>
      </c>
      <c r="AD28" s="313">
        <v>325</v>
      </c>
      <c r="AE28" s="313">
        <v>197</v>
      </c>
      <c r="AF28" s="313">
        <v>432</v>
      </c>
      <c r="AG28" s="311">
        <v>1789</v>
      </c>
      <c r="AH28" s="315">
        <v>1986</v>
      </c>
      <c r="AI28" s="310">
        <v>18</v>
      </c>
      <c r="AJ28" s="313">
        <v>0</v>
      </c>
      <c r="AK28" s="311">
        <v>18</v>
      </c>
      <c r="AL28" s="312">
        <v>0</v>
      </c>
      <c r="AM28" s="313">
        <v>87</v>
      </c>
      <c r="AN28" s="313">
        <v>48</v>
      </c>
      <c r="AO28" s="313">
        <v>45</v>
      </c>
      <c r="AP28" s="313">
        <v>4</v>
      </c>
      <c r="AQ28" s="313">
        <v>69</v>
      </c>
      <c r="AR28" s="311">
        <v>253</v>
      </c>
      <c r="AS28" s="315">
        <v>271</v>
      </c>
      <c r="AT28" s="310">
        <v>0</v>
      </c>
      <c r="AU28" s="313">
        <v>0</v>
      </c>
      <c r="AV28" s="311">
        <v>0</v>
      </c>
      <c r="AW28" s="312">
        <v>0</v>
      </c>
      <c r="AX28" s="313">
        <v>1039</v>
      </c>
      <c r="AY28" s="313">
        <v>714</v>
      </c>
      <c r="AZ28" s="313">
        <v>564</v>
      </c>
      <c r="BA28" s="313">
        <v>261</v>
      </c>
      <c r="BB28" s="313">
        <v>244</v>
      </c>
      <c r="BC28" s="314">
        <v>2822</v>
      </c>
      <c r="BD28" s="315">
        <v>2822</v>
      </c>
      <c r="BE28" s="310">
        <v>0</v>
      </c>
      <c r="BF28" s="313">
        <v>0</v>
      </c>
      <c r="BG28" s="311">
        <v>0</v>
      </c>
      <c r="BH28" s="312">
        <v>0</v>
      </c>
      <c r="BI28" s="313">
        <v>143</v>
      </c>
      <c r="BJ28" s="313">
        <v>178</v>
      </c>
      <c r="BK28" s="313">
        <v>84</v>
      </c>
      <c r="BL28" s="313">
        <v>58</v>
      </c>
      <c r="BM28" s="313">
        <v>34</v>
      </c>
      <c r="BN28" s="311">
        <v>497</v>
      </c>
      <c r="BO28" s="315">
        <v>497</v>
      </c>
      <c r="BP28" s="310">
        <v>0</v>
      </c>
      <c r="BQ28" s="313">
        <v>5</v>
      </c>
      <c r="BR28" s="311">
        <v>5</v>
      </c>
      <c r="BS28" s="312">
        <v>0</v>
      </c>
      <c r="BT28" s="313">
        <v>50</v>
      </c>
      <c r="BU28" s="313">
        <v>91</v>
      </c>
      <c r="BV28" s="313">
        <v>229</v>
      </c>
      <c r="BW28" s="313">
        <v>270</v>
      </c>
      <c r="BX28" s="313">
        <v>84</v>
      </c>
      <c r="BY28" s="311">
        <v>724</v>
      </c>
      <c r="BZ28" s="315">
        <v>729</v>
      </c>
      <c r="CA28" s="310">
        <v>0</v>
      </c>
      <c r="CB28" s="313">
        <v>0</v>
      </c>
      <c r="CC28" s="311">
        <v>0</v>
      </c>
      <c r="CD28" s="312">
        <v>0</v>
      </c>
      <c r="CE28" s="313">
        <v>49</v>
      </c>
      <c r="CF28" s="313">
        <v>6</v>
      </c>
      <c r="CG28" s="313">
        <v>34</v>
      </c>
      <c r="CH28" s="313">
        <v>21</v>
      </c>
      <c r="CI28" s="313">
        <v>14</v>
      </c>
      <c r="CJ28" s="311">
        <v>124</v>
      </c>
      <c r="CK28" s="315">
        <v>124</v>
      </c>
      <c r="CL28" s="310">
        <v>0</v>
      </c>
      <c r="CM28" s="313">
        <v>0</v>
      </c>
      <c r="CN28" s="311">
        <v>0</v>
      </c>
      <c r="CO28" s="312">
        <v>0</v>
      </c>
      <c r="CP28" s="313">
        <v>0</v>
      </c>
      <c r="CQ28" s="313">
        <v>0</v>
      </c>
      <c r="CR28" s="313">
        <v>0</v>
      </c>
      <c r="CS28" s="313">
        <v>0</v>
      </c>
      <c r="CT28" s="313">
        <v>0</v>
      </c>
      <c r="CU28" s="311">
        <v>0</v>
      </c>
      <c r="CV28" s="315">
        <v>0</v>
      </c>
      <c r="CW28" s="310">
        <v>0</v>
      </c>
      <c r="CX28" s="313">
        <v>0</v>
      </c>
      <c r="CY28" s="311">
        <v>0</v>
      </c>
      <c r="CZ28" s="312">
        <v>0</v>
      </c>
      <c r="DA28" s="313">
        <v>0</v>
      </c>
      <c r="DB28" s="313">
        <v>0</v>
      </c>
      <c r="DC28" s="313">
        <v>0</v>
      </c>
      <c r="DD28" s="313">
        <v>0</v>
      </c>
      <c r="DE28" s="313">
        <v>0</v>
      </c>
      <c r="DF28" s="311">
        <v>0</v>
      </c>
      <c r="DG28" s="315">
        <v>0</v>
      </c>
    </row>
    <row r="29" spans="1:111" ht="18.75" customHeight="1" x14ac:dyDescent="0.2">
      <c r="A29" s="297" t="s">
        <v>27</v>
      </c>
      <c r="B29" s="310">
        <v>0</v>
      </c>
      <c r="C29" s="313">
        <v>0</v>
      </c>
      <c r="D29" s="441">
        <v>0</v>
      </c>
      <c r="E29" s="312">
        <v>0</v>
      </c>
      <c r="F29" s="313">
        <v>714</v>
      </c>
      <c r="G29" s="313">
        <v>760</v>
      </c>
      <c r="H29" s="313">
        <v>950</v>
      </c>
      <c r="I29" s="313">
        <v>1296</v>
      </c>
      <c r="J29" s="313">
        <v>1803</v>
      </c>
      <c r="K29" s="314">
        <v>5523</v>
      </c>
      <c r="L29" s="315">
        <v>5523</v>
      </c>
      <c r="M29" s="310">
        <v>0</v>
      </c>
      <c r="N29" s="313">
        <v>0</v>
      </c>
      <c r="O29" s="311">
        <v>0</v>
      </c>
      <c r="P29" s="312">
        <v>0</v>
      </c>
      <c r="Q29" s="313">
        <v>2</v>
      </c>
      <c r="R29" s="313">
        <v>9</v>
      </c>
      <c r="S29" s="313">
        <v>24</v>
      </c>
      <c r="T29" s="313">
        <v>63</v>
      </c>
      <c r="U29" s="313">
        <v>61</v>
      </c>
      <c r="V29" s="311">
        <v>159</v>
      </c>
      <c r="W29" s="315">
        <v>159</v>
      </c>
      <c r="X29" s="310">
        <v>165</v>
      </c>
      <c r="Y29" s="313">
        <v>301</v>
      </c>
      <c r="Z29" s="311">
        <v>466</v>
      </c>
      <c r="AA29" s="312">
        <v>0</v>
      </c>
      <c r="AB29" s="313">
        <v>241</v>
      </c>
      <c r="AC29" s="313">
        <v>445</v>
      </c>
      <c r="AD29" s="313">
        <v>359</v>
      </c>
      <c r="AE29" s="313">
        <v>436</v>
      </c>
      <c r="AF29" s="313">
        <v>271</v>
      </c>
      <c r="AG29" s="311">
        <v>1752</v>
      </c>
      <c r="AH29" s="315">
        <v>2218</v>
      </c>
      <c r="AI29" s="310">
        <v>0</v>
      </c>
      <c r="AJ29" s="313">
        <v>39</v>
      </c>
      <c r="AK29" s="311">
        <v>39</v>
      </c>
      <c r="AL29" s="312">
        <v>0</v>
      </c>
      <c r="AM29" s="313">
        <v>0</v>
      </c>
      <c r="AN29" s="313">
        <v>24</v>
      </c>
      <c r="AO29" s="313">
        <v>45</v>
      </c>
      <c r="AP29" s="313">
        <v>0</v>
      </c>
      <c r="AQ29" s="313">
        <v>23</v>
      </c>
      <c r="AR29" s="311">
        <v>92</v>
      </c>
      <c r="AS29" s="315">
        <v>131</v>
      </c>
      <c r="AT29" s="310">
        <v>0</v>
      </c>
      <c r="AU29" s="313">
        <v>0</v>
      </c>
      <c r="AV29" s="311">
        <v>0</v>
      </c>
      <c r="AW29" s="312">
        <v>0</v>
      </c>
      <c r="AX29" s="313">
        <v>848</v>
      </c>
      <c r="AY29" s="313">
        <v>721</v>
      </c>
      <c r="AZ29" s="313">
        <v>459</v>
      </c>
      <c r="BA29" s="313">
        <v>305</v>
      </c>
      <c r="BB29" s="313">
        <v>153</v>
      </c>
      <c r="BC29" s="314">
        <v>2486</v>
      </c>
      <c r="BD29" s="315">
        <v>2486</v>
      </c>
      <c r="BE29" s="310">
        <v>0</v>
      </c>
      <c r="BF29" s="313">
        <v>0</v>
      </c>
      <c r="BG29" s="311">
        <v>0</v>
      </c>
      <c r="BH29" s="312">
        <v>0</v>
      </c>
      <c r="BI29" s="313">
        <v>145</v>
      </c>
      <c r="BJ29" s="313">
        <v>187</v>
      </c>
      <c r="BK29" s="313">
        <v>114</v>
      </c>
      <c r="BL29" s="313">
        <v>72</v>
      </c>
      <c r="BM29" s="313">
        <v>41</v>
      </c>
      <c r="BN29" s="311">
        <v>559</v>
      </c>
      <c r="BO29" s="315">
        <v>559</v>
      </c>
      <c r="BP29" s="310">
        <v>10</v>
      </c>
      <c r="BQ29" s="313">
        <v>3</v>
      </c>
      <c r="BR29" s="311">
        <v>13</v>
      </c>
      <c r="BS29" s="312">
        <v>0</v>
      </c>
      <c r="BT29" s="313">
        <v>55</v>
      </c>
      <c r="BU29" s="313">
        <v>109</v>
      </c>
      <c r="BV29" s="313">
        <v>143</v>
      </c>
      <c r="BW29" s="313">
        <v>78</v>
      </c>
      <c r="BX29" s="313">
        <v>57</v>
      </c>
      <c r="BY29" s="311">
        <v>442</v>
      </c>
      <c r="BZ29" s="315">
        <v>455</v>
      </c>
      <c r="CA29" s="310">
        <v>0</v>
      </c>
      <c r="CB29" s="313">
        <v>0</v>
      </c>
      <c r="CC29" s="311">
        <v>0</v>
      </c>
      <c r="CD29" s="312">
        <v>0</v>
      </c>
      <c r="CE29" s="313">
        <v>14</v>
      </c>
      <c r="CF29" s="313">
        <v>15</v>
      </c>
      <c r="CG29" s="313">
        <v>29</v>
      </c>
      <c r="CH29" s="313">
        <v>10</v>
      </c>
      <c r="CI29" s="313">
        <v>32</v>
      </c>
      <c r="CJ29" s="311">
        <v>100</v>
      </c>
      <c r="CK29" s="315">
        <v>100</v>
      </c>
      <c r="CL29" s="310">
        <v>0</v>
      </c>
      <c r="CM29" s="313">
        <v>0</v>
      </c>
      <c r="CN29" s="311">
        <v>0</v>
      </c>
      <c r="CO29" s="312">
        <v>0</v>
      </c>
      <c r="CP29" s="313">
        <v>0</v>
      </c>
      <c r="CQ29" s="313">
        <v>0</v>
      </c>
      <c r="CR29" s="313">
        <v>0</v>
      </c>
      <c r="CS29" s="313">
        <v>0</v>
      </c>
      <c r="CT29" s="313">
        <v>0</v>
      </c>
      <c r="CU29" s="311">
        <v>0</v>
      </c>
      <c r="CV29" s="315">
        <v>0</v>
      </c>
      <c r="CW29" s="310">
        <v>0</v>
      </c>
      <c r="CX29" s="313">
        <v>0</v>
      </c>
      <c r="CY29" s="311">
        <v>0</v>
      </c>
      <c r="CZ29" s="312">
        <v>0</v>
      </c>
      <c r="DA29" s="313">
        <v>0</v>
      </c>
      <c r="DB29" s="313">
        <v>0</v>
      </c>
      <c r="DC29" s="313">
        <v>0</v>
      </c>
      <c r="DD29" s="313">
        <v>0</v>
      </c>
      <c r="DE29" s="313">
        <v>0</v>
      </c>
      <c r="DF29" s="311">
        <v>0</v>
      </c>
      <c r="DG29" s="315">
        <v>0</v>
      </c>
    </row>
    <row r="30" spans="1:111" ht="18.75" customHeight="1" x14ac:dyDescent="0.2">
      <c r="A30" s="297" t="s">
        <v>28</v>
      </c>
      <c r="B30" s="310">
        <v>0</v>
      </c>
      <c r="C30" s="313">
        <v>0</v>
      </c>
      <c r="D30" s="441">
        <v>0</v>
      </c>
      <c r="E30" s="312">
        <v>0</v>
      </c>
      <c r="F30" s="313">
        <v>139</v>
      </c>
      <c r="G30" s="313">
        <v>154</v>
      </c>
      <c r="H30" s="313">
        <v>127</v>
      </c>
      <c r="I30" s="313">
        <v>143</v>
      </c>
      <c r="J30" s="313">
        <v>359</v>
      </c>
      <c r="K30" s="314">
        <v>922</v>
      </c>
      <c r="L30" s="315">
        <v>922</v>
      </c>
      <c r="M30" s="310">
        <v>0</v>
      </c>
      <c r="N30" s="313">
        <v>0</v>
      </c>
      <c r="O30" s="311">
        <v>0</v>
      </c>
      <c r="P30" s="312">
        <v>0</v>
      </c>
      <c r="Q30" s="313">
        <v>0</v>
      </c>
      <c r="R30" s="313">
        <v>0</v>
      </c>
      <c r="S30" s="313">
        <v>4</v>
      </c>
      <c r="T30" s="313">
        <v>4</v>
      </c>
      <c r="U30" s="313">
        <v>30</v>
      </c>
      <c r="V30" s="311">
        <v>38</v>
      </c>
      <c r="W30" s="315">
        <v>38</v>
      </c>
      <c r="X30" s="310">
        <v>28</v>
      </c>
      <c r="Y30" s="313">
        <v>27</v>
      </c>
      <c r="Z30" s="311">
        <v>55</v>
      </c>
      <c r="AA30" s="312">
        <v>0</v>
      </c>
      <c r="AB30" s="313">
        <v>85</v>
      </c>
      <c r="AC30" s="313">
        <v>246</v>
      </c>
      <c r="AD30" s="313">
        <v>103</v>
      </c>
      <c r="AE30" s="313">
        <v>79</v>
      </c>
      <c r="AF30" s="313">
        <v>150</v>
      </c>
      <c r="AG30" s="311">
        <v>663</v>
      </c>
      <c r="AH30" s="315">
        <v>718</v>
      </c>
      <c r="AI30" s="310">
        <v>0</v>
      </c>
      <c r="AJ30" s="313">
        <v>0</v>
      </c>
      <c r="AK30" s="311">
        <v>0</v>
      </c>
      <c r="AL30" s="312">
        <v>0</v>
      </c>
      <c r="AM30" s="313">
        <v>35</v>
      </c>
      <c r="AN30" s="313">
        <v>0</v>
      </c>
      <c r="AO30" s="313">
        <v>0</v>
      </c>
      <c r="AP30" s="313">
        <v>24</v>
      </c>
      <c r="AQ30" s="313">
        <v>36</v>
      </c>
      <c r="AR30" s="311">
        <v>95</v>
      </c>
      <c r="AS30" s="315">
        <v>95</v>
      </c>
      <c r="AT30" s="310">
        <v>0</v>
      </c>
      <c r="AU30" s="313">
        <v>0</v>
      </c>
      <c r="AV30" s="311">
        <v>0</v>
      </c>
      <c r="AW30" s="312">
        <v>0</v>
      </c>
      <c r="AX30" s="313">
        <v>317</v>
      </c>
      <c r="AY30" s="313">
        <v>308</v>
      </c>
      <c r="AZ30" s="313">
        <v>154</v>
      </c>
      <c r="BA30" s="313">
        <v>129</v>
      </c>
      <c r="BB30" s="313">
        <v>94</v>
      </c>
      <c r="BC30" s="314">
        <v>1002</v>
      </c>
      <c r="BD30" s="315">
        <v>1002</v>
      </c>
      <c r="BE30" s="310">
        <v>0</v>
      </c>
      <c r="BF30" s="313">
        <v>0</v>
      </c>
      <c r="BG30" s="311">
        <v>0</v>
      </c>
      <c r="BH30" s="312">
        <v>0</v>
      </c>
      <c r="BI30" s="313">
        <v>33</v>
      </c>
      <c r="BJ30" s="313">
        <v>85</v>
      </c>
      <c r="BK30" s="313">
        <v>66</v>
      </c>
      <c r="BL30" s="313">
        <v>68</v>
      </c>
      <c r="BM30" s="313">
        <v>44</v>
      </c>
      <c r="BN30" s="311">
        <v>296</v>
      </c>
      <c r="BO30" s="315">
        <v>296</v>
      </c>
      <c r="BP30" s="310">
        <v>0</v>
      </c>
      <c r="BQ30" s="313">
        <v>4</v>
      </c>
      <c r="BR30" s="311">
        <v>4</v>
      </c>
      <c r="BS30" s="312">
        <v>0</v>
      </c>
      <c r="BT30" s="313">
        <v>16</v>
      </c>
      <c r="BU30" s="313">
        <v>55</v>
      </c>
      <c r="BV30" s="313">
        <v>79</v>
      </c>
      <c r="BW30" s="313">
        <v>41</v>
      </c>
      <c r="BX30" s="313">
        <v>15</v>
      </c>
      <c r="BY30" s="311">
        <v>206</v>
      </c>
      <c r="BZ30" s="315">
        <v>210</v>
      </c>
      <c r="CA30" s="310">
        <v>0</v>
      </c>
      <c r="CB30" s="313">
        <v>0</v>
      </c>
      <c r="CC30" s="311">
        <v>0</v>
      </c>
      <c r="CD30" s="312">
        <v>0</v>
      </c>
      <c r="CE30" s="313">
        <v>4</v>
      </c>
      <c r="CF30" s="313">
        <v>3</v>
      </c>
      <c r="CG30" s="313">
        <v>13</v>
      </c>
      <c r="CH30" s="313">
        <v>63</v>
      </c>
      <c r="CI30" s="313">
        <v>3</v>
      </c>
      <c r="CJ30" s="311">
        <v>86</v>
      </c>
      <c r="CK30" s="315">
        <v>86</v>
      </c>
      <c r="CL30" s="310">
        <v>0</v>
      </c>
      <c r="CM30" s="313">
        <v>0</v>
      </c>
      <c r="CN30" s="311">
        <v>0</v>
      </c>
      <c r="CO30" s="312">
        <v>0</v>
      </c>
      <c r="CP30" s="313">
        <v>0</v>
      </c>
      <c r="CQ30" s="313">
        <v>0</v>
      </c>
      <c r="CR30" s="313">
        <v>0</v>
      </c>
      <c r="CS30" s="313">
        <v>0</v>
      </c>
      <c r="CT30" s="313">
        <v>0</v>
      </c>
      <c r="CU30" s="311">
        <v>0</v>
      </c>
      <c r="CV30" s="315">
        <v>0</v>
      </c>
      <c r="CW30" s="310">
        <v>0</v>
      </c>
      <c r="CX30" s="313">
        <v>0</v>
      </c>
      <c r="CY30" s="311">
        <v>0</v>
      </c>
      <c r="CZ30" s="312">
        <v>0</v>
      </c>
      <c r="DA30" s="313">
        <v>0</v>
      </c>
      <c r="DB30" s="313">
        <v>0</v>
      </c>
      <c r="DC30" s="313">
        <v>0</v>
      </c>
      <c r="DD30" s="313">
        <v>0</v>
      </c>
      <c r="DE30" s="313">
        <v>0</v>
      </c>
      <c r="DF30" s="311">
        <v>0</v>
      </c>
      <c r="DG30" s="315">
        <v>0</v>
      </c>
    </row>
    <row r="31" spans="1:111" ht="18.75" customHeight="1" x14ac:dyDescent="0.2">
      <c r="A31" s="297" t="s">
        <v>29</v>
      </c>
      <c r="B31" s="310">
        <v>0</v>
      </c>
      <c r="C31" s="313">
        <v>0</v>
      </c>
      <c r="D31" s="441">
        <v>0</v>
      </c>
      <c r="E31" s="312">
        <v>0</v>
      </c>
      <c r="F31" s="313">
        <v>223</v>
      </c>
      <c r="G31" s="313">
        <v>425</v>
      </c>
      <c r="H31" s="313">
        <v>338</v>
      </c>
      <c r="I31" s="313">
        <v>520</v>
      </c>
      <c r="J31" s="313">
        <v>515</v>
      </c>
      <c r="K31" s="314">
        <v>2021</v>
      </c>
      <c r="L31" s="315">
        <v>2021</v>
      </c>
      <c r="M31" s="310">
        <v>0</v>
      </c>
      <c r="N31" s="313">
        <v>0</v>
      </c>
      <c r="O31" s="311">
        <v>0</v>
      </c>
      <c r="P31" s="312">
        <v>0</v>
      </c>
      <c r="Q31" s="313">
        <v>0</v>
      </c>
      <c r="R31" s="313">
        <v>7</v>
      </c>
      <c r="S31" s="313">
        <v>3</v>
      </c>
      <c r="T31" s="313">
        <v>15</v>
      </c>
      <c r="U31" s="313">
        <v>27</v>
      </c>
      <c r="V31" s="311">
        <v>52</v>
      </c>
      <c r="W31" s="315">
        <v>52</v>
      </c>
      <c r="X31" s="310">
        <v>22</v>
      </c>
      <c r="Y31" s="313">
        <v>64</v>
      </c>
      <c r="Z31" s="311">
        <v>86</v>
      </c>
      <c r="AA31" s="312">
        <v>0</v>
      </c>
      <c r="AB31" s="313">
        <v>143</v>
      </c>
      <c r="AC31" s="313">
        <v>172</v>
      </c>
      <c r="AD31" s="313">
        <v>147</v>
      </c>
      <c r="AE31" s="313">
        <v>84</v>
      </c>
      <c r="AF31" s="313">
        <v>89</v>
      </c>
      <c r="AG31" s="311">
        <v>635</v>
      </c>
      <c r="AH31" s="315">
        <v>721</v>
      </c>
      <c r="AI31" s="310">
        <v>0</v>
      </c>
      <c r="AJ31" s="313">
        <v>12</v>
      </c>
      <c r="AK31" s="311">
        <v>12</v>
      </c>
      <c r="AL31" s="312">
        <v>0</v>
      </c>
      <c r="AM31" s="313">
        <v>24</v>
      </c>
      <c r="AN31" s="313">
        <v>57</v>
      </c>
      <c r="AO31" s="313">
        <v>0</v>
      </c>
      <c r="AP31" s="313">
        <v>47</v>
      </c>
      <c r="AQ31" s="313">
        <v>9</v>
      </c>
      <c r="AR31" s="311">
        <v>137</v>
      </c>
      <c r="AS31" s="315">
        <v>149</v>
      </c>
      <c r="AT31" s="310">
        <v>0</v>
      </c>
      <c r="AU31" s="313">
        <v>0</v>
      </c>
      <c r="AV31" s="311">
        <v>0</v>
      </c>
      <c r="AW31" s="312">
        <v>0</v>
      </c>
      <c r="AX31" s="313">
        <v>329</v>
      </c>
      <c r="AY31" s="313">
        <v>394</v>
      </c>
      <c r="AZ31" s="313">
        <v>258</v>
      </c>
      <c r="BA31" s="313">
        <v>252</v>
      </c>
      <c r="BB31" s="313">
        <v>55</v>
      </c>
      <c r="BC31" s="314">
        <v>1288</v>
      </c>
      <c r="BD31" s="315">
        <v>1288</v>
      </c>
      <c r="BE31" s="310">
        <v>0</v>
      </c>
      <c r="BF31" s="313">
        <v>0</v>
      </c>
      <c r="BG31" s="311">
        <v>0</v>
      </c>
      <c r="BH31" s="312">
        <v>0</v>
      </c>
      <c r="BI31" s="313">
        <v>138</v>
      </c>
      <c r="BJ31" s="313">
        <v>85</v>
      </c>
      <c r="BK31" s="313">
        <v>65</v>
      </c>
      <c r="BL31" s="313">
        <v>37</v>
      </c>
      <c r="BM31" s="313">
        <v>45</v>
      </c>
      <c r="BN31" s="311">
        <v>370</v>
      </c>
      <c r="BO31" s="315">
        <v>370</v>
      </c>
      <c r="BP31" s="310">
        <v>0</v>
      </c>
      <c r="BQ31" s="313">
        <v>0</v>
      </c>
      <c r="BR31" s="311">
        <v>0</v>
      </c>
      <c r="BS31" s="312">
        <v>0</v>
      </c>
      <c r="BT31" s="313">
        <v>31</v>
      </c>
      <c r="BU31" s="313">
        <v>81</v>
      </c>
      <c r="BV31" s="313">
        <v>161</v>
      </c>
      <c r="BW31" s="313">
        <v>122</v>
      </c>
      <c r="BX31" s="313">
        <v>90</v>
      </c>
      <c r="BY31" s="311">
        <v>485</v>
      </c>
      <c r="BZ31" s="315">
        <v>485</v>
      </c>
      <c r="CA31" s="310">
        <v>0</v>
      </c>
      <c r="CB31" s="313">
        <v>2</v>
      </c>
      <c r="CC31" s="311">
        <v>2</v>
      </c>
      <c r="CD31" s="312">
        <v>0</v>
      </c>
      <c r="CE31" s="313">
        <v>0</v>
      </c>
      <c r="CF31" s="313">
        <v>43</v>
      </c>
      <c r="CG31" s="313">
        <v>3</v>
      </c>
      <c r="CH31" s="313">
        <v>37</v>
      </c>
      <c r="CI31" s="313">
        <v>7</v>
      </c>
      <c r="CJ31" s="311">
        <v>90</v>
      </c>
      <c r="CK31" s="315">
        <v>92</v>
      </c>
      <c r="CL31" s="310">
        <v>0</v>
      </c>
      <c r="CM31" s="313">
        <v>0</v>
      </c>
      <c r="CN31" s="311">
        <v>0</v>
      </c>
      <c r="CO31" s="312">
        <v>0</v>
      </c>
      <c r="CP31" s="313">
        <v>0</v>
      </c>
      <c r="CQ31" s="313">
        <v>0</v>
      </c>
      <c r="CR31" s="313">
        <v>0</v>
      </c>
      <c r="CS31" s="313">
        <v>0</v>
      </c>
      <c r="CT31" s="313">
        <v>0</v>
      </c>
      <c r="CU31" s="311">
        <v>0</v>
      </c>
      <c r="CV31" s="315">
        <v>0</v>
      </c>
      <c r="CW31" s="310">
        <v>0</v>
      </c>
      <c r="CX31" s="313">
        <v>0</v>
      </c>
      <c r="CY31" s="311">
        <v>0</v>
      </c>
      <c r="CZ31" s="312">
        <v>0</v>
      </c>
      <c r="DA31" s="313">
        <v>0</v>
      </c>
      <c r="DB31" s="313">
        <v>0</v>
      </c>
      <c r="DC31" s="313">
        <v>0</v>
      </c>
      <c r="DD31" s="313">
        <v>0</v>
      </c>
      <c r="DE31" s="313">
        <v>0</v>
      </c>
      <c r="DF31" s="311">
        <v>0</v>
      </c>
      <c r="DG31" s="315">
        <v>0</v>
      </c>
    </row>
    <row r="32" spans="1:111" ht="18.75" customHeight="1" x14ac:dyDescent="0.2">
      <c r="A32" s="297" t="s">
        <v>30</v>
      </c>
      <c r="B32" s="310">
        <v>0</v>
      </c>
      <c r="C32" s="313">
        <v>0</v>
      </c>
      <c r="D32" s="441">
        <v>0</v>
      </c>
      <c r="E32" s="312">
        <v>0</v>
      </c>
      <c r="F32" s="313">
        <v>122</v>
      </c>
      <c r="G32" s="313">
        <v>389</v>
      </c>
      <c r="H32" s="313">
        <v>635</v>
      </c>
      <c r="I32" s="313">
        <v>575</v>
      </c>
      <c r="J32" s="313">
        <v>640</v>
      </c>
      <c r="K32" s="314">
        <v>2361</v>
      </c>
      <c r="L32" s="315">
        <v>2361</v>
      </c>
      <c r="M32" s="310">
        <v>0</v>
      </c>
      <c r="N32" s="313">
        <v>0</v>
      </c>
      <c r="O32" s="311">
        <v>0</v>
      </c>
      <c r="P32" s="312">
        <v>0</v>
      </c>
      <c r="Q32" s="313">
        <v>0</v>
      </c>
      <c r="R32" s="313">
        <v>5</v>
      </c>
      <c r="S32" s="313">
        <v>5</v>
      </c>
      <c r="T32" s="313">
        <v>26</v>
      </c>
      <c r="U32" s="313">
        <v>30</v>
      </c>
      <c r="V32" s="311">
        <v>66</v>
      </c>
      <c r="W32" s="315">
        <v>66</v>
      </c>
      <c r="X32" s="310">
        <v>60</v>
      </c>
      <c r="Y32" s="313">
        <v>53</v>
      </c>
      <c r="Z32" s="311">
        <v>113</v>
      </c>
      <c r="AA32" s="312">
        <v>0</v>
      </c>
      <c r="AB32" s="313">
        <v>137</v>
      </c>
      <c r="AC32" s="313">
        <v>159</v>
      </c>
      <c r="AD32" s="313">
        <v>120</v>
      </c>
      <c r="AE32" s="313">
        <v>102</v>
      </c>
      <c r="AF32" s="313">
        <v>29</v>
      </c>
      <c r="AG32" s="311">
        <v>547</v>
      </c>
      <c r="AH32" s="315">
        <v>660</v>
      </c>
      <c r="AI32" s="310">
        <v>0</v>
      </c>
      <c r="AJ32" s="313">
        <v>6</v>
      </c>
      <c r="AK32" s="311">
        <v>6</v>
      </c>
      <c r="AL32" s="312">
        <v>0</v>
      </c>
      <c r="AM32" s="313">
        <v>30</v>
      </c>
      <c r="AN32" s="313">
        <v>9</v>
      </c>
      <c r="AO32" s="313">
        <v>18</v>
      </c>
      <c r="AP32" s="313">
        <v>24</v>
      </c>
      <c r="AQ32" s="313">
        <v>0</v>
      </c>
      <c r="AR32" s="311">
        <v>81</v>
      </c>
      <c r="AS32" s="315">
        <v>87</v>
      </c>
      <c r="AT32" s="310">
        <v>0</v>
      </c>
      <c r="AU32" s="313">
        <v>0</v>
      </c>
      <c r="AV32" s="311">
        <v>0</v>
      </c>
      <c r="AW32" s="312">
        <v>0</v>
      </c>
      <c r="AX32" s="313">
        <v>326</v>
      </c>
      <c r="AY32" s="313">
        <v>196</v>
      </c>
      <c r="AZ32" s="313">
        <v>236</v>
      </c>
      <c r="BA32" s="313">
        <v>124</v>
      </c>
      <c r="BB32" s="313">
        <v>11</v>
      </c>
      <c r="BC32" s="314">
        <v>893</v>
      </c>
      <c r="BD32" s="315">
        <v>893</v>
      </c>
      <c r="BE32" s="310">
        <v>0</v>
      </c>
      <c r="BF32" s="313">
        <v>0</v>
      </c>
      <c r="BG32" s="311">
        <v>0</v>
      </c>
      <c r="BH32" s="312">
        <v>0</v>
      </c>
      <c r="BI32" s="313">
        <v>50</v>
      </c>
      <c r="BJ32" s="313">
        <v>83</v>
      </c>
      <c r="BK32" s="313">
        <v>22</v>
      </c>
      <c r="BL32" s="313">
        <v>61</v>
      </c>
      <c r="BM32" s="313">
        <v>0</v>
      </c>
      <c r="BN32" s="311">
        <v>216</v>
      </c>
      <c r="BO32" s="315">
        <v>216</v>
      </c>
      <c r="BP32" s="310">
        <v>0</v>
      </c>
      <c r="BQ32" s="313">
        <v>0</v>
      </c>
      <c r="BR32" s="311">
        <v>0</v>
      </c>
      <c r="BS32" s="312">
        <v>0</v>
      </c>
      <c r="BT32" s="313">
        <v>37</v>
      </c>
      <c r="BU32" s="313">
        <v>60</v>
      </c>
      <c r="BV32" s="313">
        <v>139</v>
      </c>
      <c r="BW32" s="313">
        <v>119</v>
      </c>
      <c r="BX32" s="313">
        <v>53</v>
      </c>
      <c r="BY32" s="311">
        <v>408</v>
      </c>
      <c r="BZ32" s="315">
        <v>408</v>
      </c>
      <c r="CA32" s="310">
        <v>0</v>
      </c>
      <c r="CB32" s="313">
        <v>0</v>
      </c>
      <c r="CC32" s="311">
        <v>0</v>
      </c>
      <c r="CD32" s="312">
        <v>0</v>
      </c>
      <c r="CE32" s="313">
        <v>0</v>
      </c>
      <c r="CF32" s="313">
        <v>19</v>
      </c>
      <c r="CG32" s="313">
        <v>4</v>
      </c>
      <c r="CH32" s="313">
        <v>0</v>
      </c>
      <c r="CI32" s="313">
        <v>8</v>
      </c>
      <c r="CJ32" s="311">
        <v>31</v>
      </c>
      <c r="CK32" s="315">
        <v>31</v>
      </c>
      <c r="CL32" s="310">
        <v>0</v>
      </c>
      <c r="CM32" s="313">
        <v>0</v>
      </c>
      <c r="CN32" s="311">
        <v>0</v>
      </c>
      <c r="CO32" s="312">
        <v>0</v>
      </c>
      <c r="CP32" s="313">
        <v>0</v>
      </c>
      <c r="CQ32" s="313">
        <v>0</v>
      </c>
      <c r="CR32" s="313">
        <v>0</v>
      </c>
      <c r="CS32" s="313">
        <v>0</v>
      </c>
      <c r="CT32" s="313">
        <v>0</v>
      </c>
      <c r="CU32" s="311">
        <v>0</v>
      </c>
      <c r="CV32" s="315">
        <v>0</v>
      </c>
      <c r="CW32" s="310">
        <v>0</v>
      </c>
      <c r="CX32" s="313">
        <v>0</v>
      </c>
      <c r="CY32" s="311">
        <v>0</v>
      </c>
      <c r="CZ32" s="312">
        <v>0</v>
      </c>
      <c r="DA32" s="313">
        <v>0</v>
      </c>
      <c r="DB32" s="313">
        <v>0</v>
      </c>
      <c r="DC32" s="313">
        <v>0</v>
      </c>
      <c r="DD32" s="313">
        <v>0</v>
      </c>
      <c r="DE32" s="313">
        <v>0</v>
      </c>
      <c r="DF32" s="311">
        <v>0</v>
      </c>
      <c r="DG32" s="315">
        <v>0</v>
      </c>
    </row>
    <row r="33" spans="1:111" ht="18.75" customHeight="1" x14ac:dyDescent="0.2">
      <c r="A33" s="297" t="s">
        <v>31</v>
      </c>
      <c r="B33" s="310">
        <v>0</v>
      </c>
      <c r="C33" s="313">
        <v>0</v>
      </c>
      <c r="D33" s="441">
        <v>0</v>
      </c>
      <c r="E33" s="312">
        <v>0</v>
      </c>
      <c r="F33" s="313">
        <v>206</v>
      </c>
      <c r="G33" s="313">
        <v>195</v>
      </c>
      <c r="H33" s="313">
        <v>236</v>
      </c>
      <c r="I33" s="313">
        <v>154</v>
      </c>
      <c r="J33" s="313">
        <v>345</v>
      </c>
      <c r="K33" s="314">
        <v>1136</v>
      </c>
      <c r="L33" s="315">
        <v>1136</v>
      </c>
      <c r="M33" s="310">
        <v>0</v>
      </c>
      <c r="N33" s="313">
        <v>0</v>
      </c>
      <c r="O33" s="311">
        <v>0</v>
      </c>
      <c r="P33" s="312">
        <v>0</v>
      </c>
      <c r="Q33" s="313">
        <v>0</v>
      </c>
      <c r="R33" s="313">
        <v>10</v>
      </c>
      <c r="S33" s="313">
        <v>24</v>
      </c>
      <c r="T33" s="313">
        <v>33</v>
      </c>
      <c r="U33" s="313">
        <v>29</v>
      </c>
      <c r="V33" s="311">
        <v>96</v>
      </c>
      <c r="W33" s="315">
        <v>96</v>
      </c>
      <c r="X33" s="310">
        <v>9</v>
      </c>
      <c r="Y33" s="313">
        <v>10</v>
      </c>
      <c r="Z33" s="311">
        <v>19</v>
      </c>
      <c r="AA33" s="312">
        <v>0</v>
      </c>
      <c r="AB33" s="313">
        <v>65</v>
      </c>
      <c r="AC33" s="313">
        <v>104</v>
      </c>
      <c r="AD33" s="313">
        <v>106</v>
      </c>
      <c r="AE33" s="313">
        <v>101</v>
      </c>
      <c r="AF33" s="313">
        <v>85</v>
      </c>
      <c r="AG33" s="311">
        <v>461</v>
      </c>
      <c r="AH33" s="315">
        <v>480</v>
      </c>
      <c r="AI33" s="310">
        <v>9</v>
      </c>
      <c r="AJ33" s="313">
        <v>14</v>
      </c>
      <c r="AK33" s="311">
        <v>23</v>
      </c>
      <c r="AL33" s="312">
        <v>0</v>
      </c>
      <c r="AM33" s="313">
        <v>27</v>
      </c>
      <c r="AN33" s="313">
        <v>94</v>
      </c>
      <c r="AO33" s="313">
        <v>46</v>
      </c>
      <c r="AP33" s="313">
        <v>39</v>
      </c>
      <c r="AQ33" s="313">
        <v>61</v>
      </c>
      <c r="AR33" s="311">
        <v>267</v>
      </c>
      <c r="AS33" s="315">
        <v>290</v>
      </c>
      <c r="AT33" s="310">
        <v>0</v>
      </c>
      <c r="AU33" s="313">
        <v>0</v>
      </c>
      <c r="AV33" s="311">
        <v>0</v>
      </c>
      <c r="AW33" s="312">
        <v>0</v>
      </c>
      <c r="AX33" s="313">
        <v>348</v>
      </c>
      <c r="AY33" s="313">
        <v>501</v>
      </c>
      <c r="AZ33" s="313">
        <v>225</v>
      </c>
      <c r="BA33" s="313">
        <v>98</v>
      </c>
      <c r="BB33" s="313">
        <v>57</v>
      </c>
      <c r="BC33" s="314">
        <v>1229</v>
      </c>
      <c r="BD33" s="315">
        <v>1229</v>
      </c>
      <c r="BE33" s="310">
        <v>0</v>
      </c>
      <c r="BF33" s="313">
        <v>0</v>
      </c>
      <c r="BG33" s="311">
        <v>0</v>
      </c>
      <c r="BH33" s="312">
        <v>0</v>
      </c>
      <c r="BI33" s="313">
        <v>14</v>
      </c>
      <c r="BJ33" s="313">
        <v>91</v>
      </c>
      <c r="BK33" s="313">
        <v>42</v>
      </c>
      <c r="BL33" s="313">
        <v>16</v>
      </c>
      <c r="BM33" s="313">
        <v>16</v>
      </c>
      <c r="BN33" s="311">
        <v>179</v>
      </c>
      <c r="BO33" s="315">
        <v>179</v>
      </c>
      <c r="BP33" s="310">
        <v>0</v>
      </c>
      <c r="BQ33" s="313">
        <v>0</v>
      </c>
      <c r="BR33" s="311">
        <v>0</v>
      </c>
      <c r="BS33" s="312">
        <v>0</v>
      </c>
      <c r="BT33" s="313">
        <v>21</v>
      </c>
      <c r="BU33" s="313">
        <v>94</v>
      </c>
      <c r="BV33" s="313">
        <v>134</v>
      </c>
      <c r="BW33" s="313">
        <v>80</v>
      </c>
      <c r="BX33" s="313">
        <v>42</v>
      </c>
      <c r="BY33" s="311">
        <v>371</v>
      </c>
      <c r="BZ33" s="315">
        <v>371</v>
      </c>
      <c r="CA33" s="310">
        <v>0</v>
      </c>
      <c r="CB33" s="313">
        <v>0</v>
      </c>
      <c r="CC33" s="311">
        <v>0</v>
      </c>
      <c r="CD33" s="312">
        <v>0</v>
      </c>
      <c r="CE33" s="313">
        <v>0</v>
      </c>
      <c r="CF33" s="313">
        <v>0</v>
      </c>
      <c r="CG33" s="313">
        <v>0</v>
      </c>
      <c r="CH33" s="313">
        <v>6</v>
      </c>
      <c r="CI33" s="313">
        <v>5</v>
      </c>
      <c r="CJ33" s="311">
        <v>11</v>
      </c>
      <c r="CK33" s="315">
        <v>11</v>
      </c>
      <c r="CL33" s="310">
        <v>0</v>
      </c>
      <c r="CM33" s="313">
        <v>0</v>
      </c>
      <c r="CN33" s="311">
        <v>0</v>
      </c>
      <c r="CO33" s="312">
        <v>0</v>
      </c>
      <c r="CP33" s="313">
        <v>0</v>
      </c>
      <c r="CQ33" s="313">
        <v>0</v>
      </c>
      <c r="CR33" s="313">
        <v>0</v>
      </c>
      <c r="CS33" s="313">
        <v>0</v>
      </c>
      <c r="CT33" s="313">
        <v>0</v>
      </c>
      <c r="CU33" s="311">
        <v>0</v>
      </c>
      <c r="CV33" s="315">
        <v>0</v>
      </c>
      <c r="CW33" s="310">
        <v>0</v>
      </c>
      <c r="CX33" s="313">
        <v>0</v>
      </c>
      <c r="CY33" s="311">
        <v>0</v>
      </c>
      <c r="CZ33" s="312">
        <v>0</v>
      </c>
      <c r="DA33" s="313">
        <v>0</v>
      </c>
      <c r="DB33" s="313">
        <v>0</v>
      </c>
      <c r="DC33" s="313">
        <v>0</v>
      </c>
      <c r="DD33" s="313">
        <v>0</v>
      </c>
      <c r="DE33" s="313">
        <v>0</v>
      </c>
      <c r="DF33" s="311">
        <v>0</v>
      </c>
      <c r="DG33" s="315">
        <v>0</v>
      </c>
    </row>
    <row r="34" spans="1:111" ht="18.75" customHeight="1" x14ac:dyDescent="0.2">
      <c r="A34" s="297" t="s">
        <v>32</v>
      </c>
      <c r="B34" s="310">
        <v>0</v>
      </c>
      <c r="C34" s="313">
        <v>0</v>
      </c>
      <c r="D34" s="441">
        <v>0</v>
      </c>
      <c r="E34" s="312">
        <v>0</v>
      </c>
      <c r="F34" s="313">
        <v>409</v>
      </c>
      <c r="G34" s="313">
        <v>312</v>
      </c>
      <c r="H34" s="313">
        <v>581</v>
      </c>
      <c r="I34" s="313">
        <v>910</v>
      </c>
      <c r="J34" s="313">
        <v>507</v>
      </c>
      <c r="K34" s="314">
        <v>2719</v>
      </c>
      <c r="L34" s="315">
        <v>2719</v>
      </c>
      <c r="M34" s="310">
        <v>0</v>
      </c>
      <c r="N34" s="313">
        <v>0</v>
      </c>
      <c r="O34" s="311">
        <v>0</v>
      </c>
      <c r="P34" s="312">
        <v>0</v>
      </c>
      <c r="Q34" s="313">
        <v>0</v>
      </c>
      <c r="R34" s="313">
        <v>1</v>
      </c>
      <c r="S34" s="313">
        <v>6</v>
      </c>
      <c r="T34" s="313">
        <v>23</v>
      </c>
      <c r="U34" s="313">
        <v>55</v>
      </c>
      <c r="V34" s="311">
        <v>85</v>
      </c>
      <c r="W34" s="315">
        <v>85</v>
      </c>
      <c r="X34" s="310">
        <v>32</v>
      </c>
      <c r="Y34" s="313">
        <v>34</v>
      </c>
      <c r="Z34" s="311">
        <v>66</v>
      </c>
      <c r="AA34" s="312">
        <v>0</v>
      </c>
      <c r="AB34" s="313">
        <v>209</v>
      </c>
      <c r="AC34" s="313">
        <v>173</v>
      </c>
      <c r="AD34" s="313">
        <v>141</v>
      </c>
      <c r="AE34" s="313">
        <v>134</v>
      </c>
      <c r="AF34" s="313">
        <v>70</v>
      </c>
      <c r="AG34" s="311">
        <v>727</v>
      </c>
      <c r="AH34" s="315">
        <v>793</v>
      </c>
      <c r="AI34" s="310">
        <v>6</v>
      </c>
      <c r="AJ34" s="313">
        <v>12</v>
      </c>
      <c r="AK34" s="311">
        <v>18</v>
      </c>
      <c r="AL34" s="312">
        <v>0</v>
      </c>
      <c r="AM34" s="313">
        <v>111</v>
      </c>
      <c r="AN34" s="313">
        <v>15</v>
      </c>
      <c r="AO34" s="313">
        <v>21</v>
      </c>
      <c r="AP34" s="313">
        <v>15</v>
      </c>
      <c r="AQ34" s="313">
        <v>36</v>
      </c>
      <c r="AR34" s="311">
        <v>198</v>
      </c>
      <c r="AS34" s="315">
        <v>216</v>
      </c>
      <c r="AT34" s="310">
        <v>0</v>
      </c>
      <c r="AU34" s="313">
        <v>0</v>
      </c>
      <c r="AV34" s="311">
        <v>0</v>
      </c>
      <c r="AW34" s="312">
        <v>0</v>
      </c>
      <c r="AX34" s="313">
        <v>475</v>
      </c>
      <c r="AY34" s="313">
        <v>555</v>
      </c>
      <c r="AZ34" s="313">
        <v>248</v>
      </c>
      <c r="BA34" s="313">
        <v>208</v>
      </c>
      <c r="BB34" s="313">
        <v>27</v>
      </c>
      <c r="BC34" s="314">
        <v>1513</v>
      </c>
      <c r="BD34" s="315">
        <v>1513</v>
      </c>
      <c r="BE34" s="310">
        <v>0</v>
      </c>
      <c r="BF34" s="313">
        <v>0</v>
      </c>
      <c r="BG34" s="311">
        <v>0</v>
      </c>
      <c r="BH34" s="312">
        <v>0</v>
      </c>
      <c r="BI34" s="313">
        <v>94</v>
      </c>
      <c r="BJ34" s="313">
        <v>114</v>
      </c>
      <c r="BK34" s="313">
        <v>33</v>
      </c>
      <c r="BL34" s="313">
        <v>35</v>
      </c>
      <c r="BM34" s="313">
        <v>29</v>
      </c>
      <c r="BN34" s="311">
        <v>305</v>
      </c>
      <c r="BO34" s="315">
        <v>305</v>
      </c>
      <c r="BP34" s="310">
        <v>3</v>
      </c>
      <c r="BQ34" s="313">
        <v>2</v>
      </c>
      <c r="BR34" s="311">
        <v>5</v>
      </c>
      <c r="BS34" s="312">
        <v>0</v>
      </c>
      <c r="BT34" s="313">
        <v>37</v>
      </c>
      <c r="BU34" s="313">
        <v>79</v>
      </c>
      <c r="BV34" s="313">
        <v>63</v>
      </c>
      <c r="BW34" s="313">
        <v>90</v>
      </c>
      <c r="BX34" s="313">
        <v>10</v>
      </c>
      <c r="BY34" s="311">
        <v>279</v>
      </c>
      <c r="BZ34" s="315">
        <v>284</v>
      </c>
      <c r="CA34" s="310">
        <v>0</v>
      </c>
      <c r="CB34" s="313">
        <v>0</v>
      </c>
      <c r="CC34" s="311">
        <v>0</v>
      </c>
      <c r="CD34" s="312">
        <v>0</v>
      </c>
      <c r="CE34" s="313">
        <v>2</v>
      </c>
      <c r="CF34" s="313">
        <v>36</v>
      </c>
      <c r="CG34" s="313">
        <v>52</v>
      </c>
      <c r="CH34" s="313">
        <v>34</v>
      </c>
      <c r="CI34" s="313">
        <v>32</v>
      </c>
      <c r="CJ34" s="311">
        <v>156</v>
      </c>
      <c r="CK34" s="315">
        <v>156</v>
      </c>
      <c r="CL34" s="310">
        <v>0</v>
      </c>
      <c r="CM34" s="313">
        <v>0</v>
      </c>
      <c r="CN34" s="311">
        <v>0</v>
      </c>
      <c r="CO34" s="312">
        <v>0</v>
      </c>
      <c r="CP34" s="313">
        <v>0</v>
      </c>
      <c r="CQ34" s="313">
        <v>0</v>
      </c>
      <c r="CR34" s="313">
        <v>0</v>
      </c>
      <c r="CS34" s="313">
        <v>0</v>
      </c>
      <c r="CT34" s="313">
        <v>0</v>
      </c>
      <c r="CU34" s="311">
        <v>0</v>
      </c>
      <c r="CV34" s="315">
        <v>0</v>
      </c>
      <c r="CW34" s="310">
        <v>0</v>
      </c>
      <c r="CX34" s="313">
        <v>0</v>
      </c>
      <c r="CY34" s="311">
        <v>0</v>
      </c>
      <c r="CZ34" s="312">
        <v>0</v>
      </c>
      <c r="DA34" s="313">
        <v>0</v>
      </c>
      <c r="DB34" s="313">
        <v>0</v>
      </c>
      <c r="DC34" s="313">
        <v>0</v>
      </c>
      <c r="DD34" s="313">
        <v>0</v>
      </c>
      <c r="DE34" s="313">
        <v>0</v>
      </c>
      <c r="DF34" s="311">
        <v>0</v>
      </c>
      <c r="DG34" s="315">
        <v>0</v>
      </c>
    </row>
    <row r="35" spans="1:111" ht="18.75" customHeight="1" x14ac:dyDescent="0.2">
      <c r="A35" s="297" t="s">
        <v>33</v>
      </c>
      <c r="B35" s="310">
        <v>0</v>
      </c>
      <c r="C35" s="313">
        <v>0</v>
      </c>
      <c r="D35" s="441">
        <v>0</v>
      </c>
      <c r="E35" s="312">
        <v>0</v>
      </c>
      <c r="F35" s="313">
        <v>315</v>
      </c>
      <c r="G35" s="313">
        <v>314</v>
      </c>
      <c r="H35" s="313">
        <v>237</v>
      </c>
      <c r="I35" s="313">
        <v>427</v>
      </c>
      <c r="J35" s="313">
        <v>550</v>
      </c>
      <c r="K35" s="314">
        <v>1843</v>
      </c>
      <c r="L35" s="315">
        <v>1843</v>
      </c>
      <c r="M35" s="310">
        <v>0</v>
      </c>
      <c r="N35" s="313">
        <v>0</v>
      </c>
      <c r="O35" s="311">
        <v>0</v>
      </c>
      <c r="P35" s="312">
        <v>0</v>
      </c>
      <c r="Q35" s="313">
        <v>0</v>
      </c>
      <c r="R35" s="313">
        <v>19</v>
      </c>
      <c r="S35" s="313">
        <v>10</v>
      </c>
      <c r="T35" s="313">
        <v>14</v>
      </c>
      <c r="U35" s="313">
        <v>26</v>
      </c>
      <c r="V35" s="311">
        <v>69</v>
      </c>
      <c r="W35" s="315">
        <v>69</v>
      </c>
      <c r="X35" s="310">
        <v>4</v>
      </c>
      <c r="Y35" s="313">
        <v>4</v>
      </c>
      <c r="Z35" s="311">
        <v>8</v>
      </c>
      <c r="AA35" s="312">
        <v>0</v>
      </c>
      <c r="AB35" s="313">
        <v>74</v>
      </c>
      <c r="AC35" s="313">
        <v>57</v>
      </c>
      <c r="AD35" s="313">
        <v>79</v>
      </c>
      <c r="AE35" s="313">
        <v>45</v>
      </c>
      <c r="AF35" s="313">
        <v>85</v>
      </c>
      <c r="AG35" s="311">
        <v>340</v>
      </c>
      <c r="AH35" s="315">
        <v>348</v>
      </c>
      <c r="AI35" s="310">
        <v>79</v>
      </c>
      <c r="AJ35" s="313">
        <v>326</v>
      </c>
      <c r="AK35" s="311">
        <v>405</v>
      </c>
      <c r="AL35" s="312">
        <v>0</v>
      </c>
      <c r="AM35" s="313">
        <v>355</v>
      </c>
      <c r="AN35" s="313">
        <v>177</v>
      </c>
      <c r="AO35" s="313">
        <v>75</v>
      </c>
      <c r="AP35" s="313">
        <v>75</v>
      </c>
      <c r="AQ35" s="313">
        <v>51</v>
      </c>
      <c r="AR35" s="311">
        <v>733</v>
      </c>
      <c r="AS35" s="315">
        <v>1138</v>
      </c>
      <c r="AT35" s="310">
        <v>0</v>
      </c>
      <c r="AU35" s="313">
        <v>0</v>
      </c>
      <c r="AV35" s="311">
        <v>0</v>
      </c>
      <c r="AW35" s="312">
        <v>0</v>
      </c>
      <c r="AX35" s="313">
        <v>94</v>
      </c>
      <c r="AY35" s="313">
        <v>24</v>
      </c>
      <c r="AZ35" s="313">
        <v>50</v>
      </c>
      <c r="BA35" s="313">
        <v>70</v>
      </c>
      <c r="BB35" s="313">
        <v>12</v>
      </c>
      <c r="BC35" s="314">
        <v>250</v>
      </c>
      <c r="BD35" s="315">
        <v>250</v>
      </c>
      <c r="BE35" s="310">
        <v>0</v>
      </c>
      <c r="BF35" s="313">
        <v>0</v>
      </c>
      <c r="BG35" s="311">
        <v>0</v>
      </c>
      <c r="BH35" s="312">
        <v>0</v>
      </c>
      <c r="BI35" s="313">
        <v>95</v>
      </c>
      <c r="BJ35" s="313">
        <v>128</v>
      </c>
      <c r="BK35" s="313">
        <v>50</v>
      </c>
      <c r="BL35" s="313">
        <v>11</v>
      </c>
      <c r="BM35" s="313">
        <v>22</v>
      </c>
      <c r="BN35" s="311">
        <v>306</v>
      </c>
      <c r="BO35" s="315">
        <v>306</v>
      </c>
      <c r="BP35" s="310">
        <v>0</v>
      </c>
      <c r="BQ35" s="313">
        <v>0</v>
      </c>
      <c r="BR35" s="311">
        <v>0</v>
      </c>
      <c r="BS35" s="312">
        <v>0</v>
      </c>
      <c r="BT35" s="313">
        <v>29</v>
      </c>
      <c r="BU35" s="313">
        <v>26</v>
      </c>
      <c r="BV35" s="313">
        <v>16</v>
      </c>
      <c r="BW35" s="313">
        <v>60</v>
      </c>
      <c r="BX35" s="313">
        <v>0</v>
      </c>
      <c r="BY35" s="311">
        <v>131</v>
      </c>
      <c r="BZ35" s="315">
        <v>131</v>
      </c>
      <c r="CA35" s="310">
        <v>0</v>
      </c>
      <c r="CB35" s="313">
        <v>0</v>
      </c>
      <c r="CC35" s="311">
        <v>0</v>
      </c>
      <c r="CD35" s="312">
        <v>0</v>
      </c>
      <c r="CE35" s="313">
        <v>17</v>
      </c>
      <c r="CF35" s="313">
        <v>20</v>
      </c>
      <c r="CG35" s="313">
        <v>19</v>
      </c>
      <c r="CH35" s="313">
        <v>8</v>
      </c>
      <c r="CI35" s="313">
        <v>0</v>
      </c>
      <c r="CJ35" s="311">
        <v>64</v>
      </c>
      <c r="CK35" s="315">
        <v>64</v>
      </c>
      <c r="CL35" s="310">
        <v>0</v>
      </c>
      <c r="CM35" s="313">
        <v>0</v>
      </c>
      <c r="CN35" s="311">
        <v>0</v>
      </c>
      <c r="CO35" s="312">
        <v>0</v>
      </c>
      <c r="CP35" s="313">
        <v>0</v>
      </c>
      <c r="CQ35" s="313">
        <v>0</v>
      </c>
      <c r="CR35" s="313">
        <v>0</v>
      </c>
      <c r="CS35" s="313">
        <v>0</v>
      </c>
      <c r="CT35" s="313">
        <v>0</v>
      </c>
      <c r="CU35" s="311">
        <v>0</v>
      </c>
      <c r="CV35" s="315">
        <v>0</v>
      </c>
      <c r="CW35" s="310">
        <v>0</v>
      </c>
      <c r="CX35" s="313">
        <v>0</v>
      </c>
      <c r="CY35" s="311">
        <v>0</v>
      </c>
      <c r="CZ35" s="312">
        <v>0</v>
      </c>
      <c r="DA35" s="313">
        <v>0</v>
      </c>
      <c r="DB35" s="313">
        <v>0</v>
      </c>
      <c r="DC35" s="313">
        <v>5</v>
      </c>
      <c r="DD35" s="313">
        <v>0</v>
      </c>
      <c r="DE35" s="313">
        <v>0</v>
      </c>
      <c r="DF35" s="311">
        <v>5</v>
      </c>
      <c r="DG35" s="315">
        <v>5</v>
      </c>
    </row>
    <row r="36" spans="1:111" ht="18.75" customHeight="1" x14ac:dyDescent="0.2">
      <c r="A36" s="297" t="s">
        <v>34</v>
      </c>
      <c r="B36" s="310">
        <v>0</v>
      </c>
      <c r="C36" s="313">
        <v>0</v>
      </c>
      <c r="D36" s="441">
        <v>0</v>
      </c>
      <c r="E36" s="312">
        <v>0</v>
      </c>
      <c r="F36" s="313">
        <v>189</v>
      </c>
      <c r="G36" s="313">
        <v>116</v>
      </c>
      <c r="H36" s="313">
        <v>341</v>
      </c>
      <c r="I36" s="313">
        <v>158</v>
      </c>
      <c r="J36" s="313">
        <v>278</v>
      </c>
      <c r="K36" s="314">
        <v>1082</v>
      </c>
      <c r="L36" s="315">
        <v>1082</v>
      </c>
      <c r="M36" s="310">
        <v>0</v>
      </c>
      <c r="N36" s="313">
        <v>0</v>
      </c>
      <c r="O36" s="311">
        <v>0</v>
      </c>
      <c r="P36" s="312">
        <v>0</v>
      </c>
      <c r="Q36" s="313">
        <v>0</v>
      </c>
      <c r="R36" s="313">
        <v>0</v>
      </c>
      <c r="S36" s="313">
        <v>0</v>
      </c>
      <c r="T36" s="313">
        <v>5</v>
      </c>
      <c r="U36" s="313">
        <v>39</v>
      </c>
      <c r="V36" s="311">
        <v>44</v>
      </c>
      <c r="W36" s="315">
        <v>44</v>
      </c>
      <c r="X36" s="310">
        <v>9</v>
      </c>
      <c r="Y36" s="313">
        <v>23</v>
      </c>
      <c r="Z36" s="311">
        <v>32</v>
      </c>
      <c r="AA36" s="312">
        <v>0</v>
      </c>
      <c r="AB36" s="313">
        <v>47</v>
      </c>
      <c r="AC36" s="313">
        <v>48</v>
      </c>
      <c r="AD36" s="313">
        <v>23</v>
      </c>
      <c r="AE36" s="313">
        <v>0</v>
      </c>
      <c r="AF36" s="313">
        <v>41</v>
      </c>
      <c r="AG36" s="311">
        <v>159</v>
      </c>
      <c r="AH36" s="315">
        <v>191</v>
      </c>
      <c r="AI36" s="310">
        <v>0</v>
      </c>
      <c r="AJ36" s="313">
        <v>10</v>
      </c>
      <c r="AK36" s="311">
        <v>10</v>
      </c>
      <c r="AL36" s="312">
        <v>0</v>
      </c>
      <c r="AM36" s="313">
        <v>80</v>
      </c>
      <c r="AN36" s="313">
        <v>46</v>
      </c>
      <c r="AO36" s="313">
        <v>8</v>
      </c>
      <c r="AP36" s="313">
        <v>12</v>
      </c>
      <c r="AQ36" s="313">
        <v>16</v>
      </c>
      <c r="AR36" s="311">
        <v>162</v>
      </c>
      <c r="AS36" s="315">
        <v>172</v>
      </c>
      <c r="AT36" s="310">
        <v>0</v>
      </c>
      <c r="AU36" s="313">
        <v>0</v>
      </c>
      <c r="AV36" s="311">
        <v>0</v>
      </c>
      <c r="AW36" s="312">
        <v>0</v>
      </c>
      <c r="AX36" s="313">
        <v>407</v>
      </c>
      <c r="AY36" s="313">
        <v>304</v>
      </c>
      <c r="AZ36" s="313">
        <v>160</v>
      </c>
      <c r="BA36" s="313">
        <v>154</v>
      </c>
      <c r="BB36" s="313">
        <v>22</v>
      </c>
      <c r="BC36" s="314">
        <v>1047</v>
      </c>
      <c r="BD36" s="315">
        <v>1047</v>
      </c>
      <c r="BE36" s="310">
        <v>0</v>
      </c>
      <c r="BF36" s="313">
        <v>0</v>
      </c>
      <c r="BG36" s="311">
        <v>0</v>
      </c>
      <c r="BH36" s="312">
        <v>0</v>
      </c>
      <c r="BI36" s="313">
        <v>91</v>
      </c>
      <c r="BJ36" s="313">
        <v>40</v>
      </c>
      <c r="BK36" s="313">
        <v>28</v>
      </c>
      <c r="BL36" s="313">
        <v>29</v>
      </c>
      <c r="BM36" s="313">
        <v>0</v>
      </c>
      <c r="BN36" s="311">
        <v>188</v>
      </c>
      <c r="BO36" s="315">
        <v>188</v>
      </c>
      <c r="BP36" s="310">
        <v>0</v>
      </c>
      <c r="BQ36" s="313">
        <v>2</v>
      </c>
      <c r="BR36" s="311">
        <v>2</v>
      </c>
      <c r="BS36" s="312">
        <v>0</v>
      </c>
      <c r="BT36" s="313">
        <v>12</v>
      </c>
      <c r="BU36" s="313">
        <v>2</v>
      </c>
      <c r="BV36" s="313">
        <v>6</v>
      </c>
      <c r="BW36" s="313">
        <v>18</v>
      </c>
      <c r="BX36" s="313">
        <v>0</v>
      </c>
      <c r="BY36" s="311">
        <v>38</v>
      </c>
      <c r="BZ36" s="315">
        <v>40</v>
      </c>
      <c r="CA36" s="310">
        <v>0</v>
      </c>
      <c r="CB36" s="313">
        <v>0</v>
      </c>
      <c r="CC36" s="311">
        <v>0</v>
      </c>
      <c r="CD36" s="312">
        <v>0</v>
      </c>
      <c r="CE36" s="313">
        <v>7</v>
      </c>
      <c r="CF36" s="313">
        <v>0</v>
      </c>
      <c r="CG36" s="313">
        <v>0</v>
      </c>
      <c r="CH36" s="313">
        <v>10</v>
      </c>
      <c r="CI36" s="313">
        <v>0</v>
      </c>
      <c r="CJ36" s="311">
        <v>17</v>
      </c>
      <c r="CK36" s="315">
        <v>17</v>
      </c>
      <c r="CL36" s="310">
        <v>0</v>
      </c>
      <c r="CM36" s="313">
        <v>0</v>
      </c>
      <c r="CN36" s="311">
        <v>0</v>
      </c>
      <c r="CO36" s="312">
        <v>0</v>
      </c>
      <c r="CP36" s="313">
        <v>0</v>
      </c>
      <c r="CQ36" s="313">
        <v>0</v>
      </c>
      <c r="CR36" s="313">
        <v>0</v>
      </c>
      <c r="CS36" s="313">
        <v>0</v>
      </c>
      <c r="CT36" s="313">
        <v>0</v>
      </c>
      <c r="CU36" s="311">
        <v>0</v>
      </c>
      <c r="CV36" s="315">
        <v>0</v>
      </c>
      <c r="CW36" s="310">
        <v>0</v>
      </c>
      <c r="CX36" s="313">
        <v>0</v>
      </c>
      <c r="CY36" s="311">
        <v>0</v>
      </c>
      <c r="CZ36" s="312">
        <v>0</v>
      </c>
      <c r="DA36" s="313">
        <v>0</v>
      </c>
      <c r="DB36" s="313">
        <v>0</v>
      </c>
      <c r="DC36" s="313">
        <v>0</v>
      </c>
      <c r="DD36" s="313">
        <v>0</v>
      </c>
      <c r="DE36" s="313">
        <v>0</v>
      </c>
      <c r="DF36" s="311">
        <v>0</v>
      </c>
      <c r="DG36" s="315">
        <v>0</v>
      </c>
    </row>
    <row r="37" spans="1:111" ht="18.75" customHeight="1" x14ac:dyDescent="0.2">
      <c r="A37" s="297" t="s">
        <v>35</v>
      </c>
      <c r="B37" s="310">
        <v>0</v>
      </c>
      <c r="C37" s="313">
        <v>0</v>
      </c>
      <c r="D37" s="441">
        <v>0</v>
      </c>
      <c r="E37" s="312">
        <v>0</v>
      </c>
      <c r="F37" s="313">
        <v>1215</v>
      </c>
      <c r="G37" s="313">
        <v>1293</v>
      </c>
      <c r="H37" s="313">
        <v>1323</v>
      </c>
      <c r="I37" s="313">
        <v>1450</v>
      </c>
      <c r="J37" s="313">
        <v>1491</v>
      </c>
      <c r="K37" s="314">
        <v>6772</v>
      </c>
      <c r="L37" s="315">
        <v>6772</v>
      </c>
      <c r="M37" s="310">
        <v>0</v>
      </c>
      <c r="N37" s="313">
        <v>0</v>
      </c>
      <c r="O37" s="311">
        <v>0</v>
      </c>
      <c r="P37" s="312">
        <v>0</v>
      </c>
      <c r="Q37" s="313">
        <v>0</v>
      </c>
      <c r="R37" s="313">
        <v>25</v>
      </c>
      <c r="S37" s="313">
        <v>22</v>
      </c>
      <c r="T37" s="313">
        <v>48</v>
      </c>
      <c r="U37" s="313">
        <v>76</v>
      </c>
      <c r="V37" s="311">
        <v>171</v>
      </c>
      <c r="W37" s="315">
        <v>171</v>
      </c>
      <c r="X37" s="310">
        <v>7</v>
      </c>
      <c r="Y37" s="313">
        <v>41</v>
      </c>
      <c r="Z37" s="311">
        <v>48</v>
      </c>
      <c r="AA37" s="312">
        <v>0</v>
      </c>
      <c r="AB37" s="313">
        <v>278</v>
      </c>
      <c r="AC37" s="313">
        <v>241</v>
      </c>
      <c r="AD37" s="313">
        <v>107</v>
      </c>
      <c r="AE37" s="313">
        <v>128</v>
      </c>
      <c r="AF37" s="313">
        <v>129</v>
      </c>
      <c r="AG37" s="311">
        <v>883</v>
      </c>
      <c r="AH37" s="315">
        <v>931</v>
      </c>
      <c r="AI37" s="310">
        <v>12</v>
      </c>
      <c r="AJ37" s="313">
        <v>45</v>
      </c>
      <c r="AK37" s="311">
        <v>57</v>
      </c>
      <c r="AL37" s="312">
        <v>0</v>
      </c>
      <c r="AM37" s="313">
        <v>215</v>
      </c>
      <c r="AN37" s="313">
        <v>210</v>
      </c>
      <c r="AO37" s="313">
        <v>57</v>
      </c>
      <c r="AP37" s="313">
        <v>70</v>
      </c>
      <c r="AQ37" s="313">
        <v>42</v>
      </c>
      <c r="AR37" s="311">
        <v>594</v>
      </c>
      <c r="AS37" s="315">
        <v>651</v>
      </c>
      <c r="AT37" s="310">
        <v>0</v>
      </c>
      <c r="AU37" s="313">
        <v>0</v>
      </c>
      <c r="AV37" s="311">
        <v>0</v>
      </c>
      <c r="AW37" s="312">
        <v>0</v>
      </c>
      <c r="AX37" s="313">
        <v>1341</v>
      </c>
      <c r="AY37" s="313">
        <v>1013</v>
      </c>
      <c r="AZ37" s="313">
        <v>658</v>
      </c>
      <c r="BA37" s="313">
        <v>261</v>
      </c>
      <c r="BB37" s="313">
        <v>148</v>
      </c>
      <c r="BC37" s="314">
        <v>3421</v>
      </c>
      <c r="BD37" s="315">
        <v>3421</v>
      </c>
      <c r="BE37" s="310">
        <v>0</v>
      </c>
      <c r="BF37" s="313">
        <v>0</v>
      </c>
      <c r="BG37" s="311">
        <v>0</v>
      </c>
      <c r="BH37" s="312">
        <v>0</v>
      </c>
      <c r="BI37" s="313">
        <v>444</v>
      </c>
      <c r="BJ37" s="313">
        <v>200</v>
      </c>
      <c r="BK37" s="313">
        <v>93</v>
      </c>
      <c r="BL37" s="313">
        <v>115</v>
      </c>
      <c r="BM37" s="313">
        <v>9</v>
      </c>
      <c r="BN37" s="311">
        <v>861</v>
      </c>
      <c r="BO37" s="315">
        <v>861</v>
      </c>
      <c r="BP37" s="310">
        <v>0</v>
      </c>
      <c r="BQ37" s="313">
        <v>0</v>
      </c>
      <c r="BR37" s="311">
        <v>0</v>
      </c>
      <c r="BS37" s="312">
        <v>0</v>
      </c>
      <c r="BT37" s="313">
        <v>48</v>
      </c>
      <c r="BU37" s="313">
        <v>104</v>
      </c>
      <c r="BV37" s="313">
        <v>138</v>
      </c>
      <c r="BW37" s="313">
        <v>60</v>
      </c>
      <c r="BX37" s="313">
        <v>37</v>
      </c>
      <c r="BY37" s="311">
        <v>387</v>
      </c>
      <c r="BZ37" s="315">
        <v>387</v>
      </c>
      <c r="CA37" s="310">
        <v>0</v>
      </c>
      <c r="CB37" s="313">
        <v>13</v>
      </c>
      <c r="CC37" s="311">
        <v>13</v>
      </c>
      <c r="CD37" s="312">
        <v>0</v>
      </c>
      <c r="CE37" s="313">
        <v>7</v>
      </c>
      <c r="CF37" s="313">
        <v>2</v>
      </c>
      <c r="CG37" s="313">
        <v>3</v>
      </c>
      <c r="CH37" s="313">
        <v>7</v>
      </c>
      <c r="CI37" s="313">
        <v>0</v>
      </c>
      <c r="CJ37" s="311">
        <v>19</v>
      </c>
      <c r="CK37" s="315">
        <v>32</v>
      </c>
      <c r="CL37" s="310">
        <v>0</v>
      </c>
      <c r="CM37" s="313">
        <v>0</v>
      </c>
      <c r="CN37" s="311">
        <v>0</v>
      </c>
      <c r="CO37" s="312">
        <v>0</v>
      </c>
      <c r="CP37" s="313">
        <v>0</v>
      </c>
      <c r="CQ37" s="313">
        <v>0</v>
      </c>
      <c r="CR37" s="313">
        <v>0</v>
      </c>
      <c r="CS37" s="313">
        <v>0</v>
      </c>
      <c r="CT37" s="313">
        <v>0</v>
      </c>
      <c r="CU37" s="311">
        <v>0</v>
      </c>
      <c r="CV37" s="315">
        <v>0</v>
      </c>
      <c r="CW37" s="310">
        <v>0</v>
      </c>
      <c r="CX37" s="313">
        <v>0</v>
      </c>
      <c r="CY37" s="311">
        <v>0</v>
      </c>
      <c r="CZ37" s="312">
        <v>0</v>
      </c>
      <c r="DA37" s="313">
        <v>0</v>
      </c>
      <c r="DB37" s="313">
        <v>0</v>
      </c>
      <c r="DC37" s="313">
        <v>0</v>
      </c>
      <c r="DD37" s="313">
        <v>0</v>
      </c>
      <c r="DE37" s="313">
        <v>0</v>
      </c>
      <c r="DF37" s="311">
        <v>0</v>
      </c>
      <c r="DG37" s="315">
        <v>0</v>
      </c>
    </row>
    <row r="38" spans="1:111" ht="18.75" customHeight="1" x14ac:dyDescent="0.2">
      <c r="A38" s="297" t="s">
        <v>36</v>
      </c>
      <c r="B38" s="310">
        <v>0</v>
      </c>
      <c r="C38" s="313">
        <v>0</v>
      </c>
      <c r="D38" s="441">
        <v>0</v>
      </c>
      <c r="E38" s="312">
        <v>0</v>
      </c>
      <c r="F38" s="313">
        <v>748</v>
      </c>
      <c r="G38" s="313">
        <v>1381</v>
      </c>
      <c r="H38" s="313">
        <v>1857</v>
      </c>
      <c r="I38" s="313">
        <v>1706</v>
      </c>
      <c r="J38" s="313">
        <v>1366</v>
      </c>
      <c r="K38" s="314">
        <v>7058</v>
      </c>
      <c r="L38" s="315">
        <v>7058</v>
      </c>
      <c r="M38" s="310">
        <v>0</v>
      </c>
      <c r="N38" s="313">
        <v>0</v>
      </c>
      <c r="O38" s="311">
        <v>0</v>
      </c>
      <c r="P38" s="312">
        <v>0</v>
      </c>
      <c r="Q38" s="313">
        <v>21</v>
      </c>
      <c r="R38" s="313">
        <v>31</v>
      </c>
      <c r="S38" s="313">
        <v>10</v>
      </c>
      <c r="T38" s="313">
        <v>54</v>
      </c>
      <c r="U38" s="313">
        <v>48</v>
      </c>
      <c r="V38" s="311">
        <v>164</v>
      </c>
      <c r="W38" s="315">
        <v>164</v>
      </c>
      <c r="X38" s="310">
        <v>93</v>
      </c>
      <c r="Y38" s="313">
        <v>145</v>
      </c>
      <c r="Z38" s="311">
        <v>238</v>
      </c>
      <c r="AA38" s="312">
        <v>0</v>
      </c>
      <c r="AB38" s="313">
        <v>595</v>
      </c>
      <c r="AC38" s="313">
        <v>603</v>
      </c>
      <c r="AD38" s="313">
        <v>362</v>
      </c>
      <c r="AE38" s="313">
        <v>345</v>
      </c>
      <c r="AF38" s="313">
        <v>372</v>
      </c>
      <c r="AG38" s="311">
        <v>2277</v>
      </c>
      <c r="AH38" s="315">
        <v>2515</v>
      </c>
      <c r="AI38" s="310">
        <v>27</v>
      </c>
      <c r="AJ38" s="313">
        <v>0</v>
      </c>
      <c r="AK38" s="311">
        <v>27</v>
      </c>
      <c r="AL38" s="312">
        <v>0</v>
      </c>
      <c r="AM38" s="313">
        <v>0</v>
      </c>
      <c r="AN38" s="313">
        <v>12</v>
      </c>
      <c r="AO38" s="313">
        <v>6</v>
      </c>
      <c r="AP38" s="313">
        <v>40</v>
      </c>
      <c r="AQ38" s="313">
        <v>26</v>
      </c>
      <c r="AR38" s="311">
        <v>84</v>
      </c>
      <c r="AS38" s="315">
        <v>111</v>
      </c>
      <c r="AT38" s="310">
        <v>0</v>
      </c>
      <c r="AU38" s="313">
        <v>0</v>
      </c>
      <c r="AV38" s="311">
        <v>0</v>
      </c>
      <c r="AW38" s="312">
        <v>0</v>
      </c>
      <c r="AX38" s="313">
        <v>763</v>
      </c>
      <c r="AY38" s="313">
        <v>979</v>
      </c>
      <c r="AZ38" s="313">
        <v>591</v>
      </c>
      <c r="BA38" s="313">
        <v>361</v>
      </c>
      <c r="BB38" s="313">
        <v>132</v>
      </c>
      <c r="BC38" s="314">
        <v>2826</v>
      </c>
      <c r="BD38" s="315">
        <v>2826</v>
      </c>
      <c r="BE38" s="310">
        <v>0</v>
      </c>
      <c r="BF38" s="313">
        <v>0</v>
      </c>
      <c r="BG38" s="311">
        <v>0</v>
      </c>
      <c r="BH38" s="312">
        <v>0</v>
      </c>
      <c r="BI38" s="313">
        <v>181</v>
      </c>
      <c r="BJ38" s="313">
        <v>184</v>
      </c>
      <c r="BK38" s="313">
        <v>152</v>
      </c>
      <c r="BL38" s="313">
        <v>61</v>
      </c>
      <c r="BM38" s="313">
        <v>4</v>
      </c>
      <c r="BN38" s="311">
        <v>582</v>
      </c>
      <c r="BO38" s="315">
        <v>582</v>
      </c>
      <c r="BP38" s="310">
        <v>0</v>
      </c>
      <c r="BQ38" s="313">
        <v>3</v>
      </c>
      <c r="BR38" s="311">
        <v>3</v>
      </c>
      <c r="BS38" s="312">
        <v>0</v>
      </c>
      <c r="BT38" s="313">
        <v>234</v>
      </c>
      <c r="BU38" s="313">
        <v>194</v>
      </c>
      <c r="BV38" s="313">
        <v>384</v>
      </c>
      <c r="BW38" s="313">
        <v>259</v>
      </c>
      <c r="BX38" s="313">
        <v>148</v>
      </c>
      <c r="BY38" s="311">
        <v>1219</v>
      </c>
      <c r="BZ38" s="315">
        <v>1222</v>
      </c>
      <c r="CA38" s="310">
        <v>0</v>
      </c>
      <c r="CB38" s="313">
        <v>0</v>
      </c>
      <c r="CC38" s="311">
        <v>0</v>
      </c>
      <c r="CD38" s="312">
        <v>0</v>
      </c>
      <c r="CE38" s="313">
        <v>0</v>
      </c>
      <c r="CF38" s="313">
        <v>15</v>
      </c>
      <c r="CG38" s="313">
        <v>3</v>
      </c>
      <c r="CH38" s="313">
        <v>6</v>
      </c>
      <c r="CI38" s="313">
        <v>0</v>
      </c>
      <c r="CJ38" s="311">
        <v>24</v>
      </c>
      <c r="CK38" s="315">
        <v>24</v>
      </c>
      <c r="CL38" s="310">
        <v>0</v>
      </c>
      <c r="CM38" s="313">
        <v>0</v>
      </c>
      <c r="CN38" s="311">
        <v>0</v>
      </c>
      <c r="CO38" s="312">
        <v>0</v>
      </c>
      <c r="CP38" s="313">
        <v>0</v>
      </c>
      <c r="CQ38" s="313">
        <v>0</v>
      </c>
      <c r="CR38" s="313">
        <v>0</v>
      </c>
      <c r="CS38" s="313">
        <v>0</v>
      </c>
      <c r="CT38" s="313">
        <v>0</v>
      </c>
      <c r="CU38" s="311">
        <v>0</v>
      </c>
      <c r="CV38" s="315">
        <v>0</v>
      </c>
      <c r="CW38" s="310">
        <v>0</v>
      </c>
      <c r="CX38" s="313">
        <v>0</v>
      </c>
      <c r="CY38" s="311">
        <v>0</v>
      </c>
      <c r="CZ38" s="312">
        <v>0</v>
      </c>
      <c r="DA38" s="313">
        <v>0</v>
      </c>
      <c r="DB38" s="313">
        <v>0</v>
      </c>
      <c r="DC38" s="313">
        <v>0</v>
      </c>
      <c r="DD38" s="313">
        <v>0</v>
      </c>
      <c r="DE38" s="313">
        <v>0</v>
      </c>
      <c r="DF38" s="311">
        <v>0</v>
      </c>
      <c r="DG38" s="315">
        <v>0</v>
      </c>
    </row>
    <row r="39" spans="1:111" ht="18.75" customHeight="1" thickBot="1" x14ac:dyDescent="0.25">
      <c r="A39" s="298" t="s">
        <v>37</v>
      </c>
      <c r="B39" s="316">
        <v>0</v>
      </c>
      <c r="C39" s="319">
        <v>0</v>
      </c>
      <c r="D39" s="442">
        <v>0</v>
      </c>
      <c r="E39" s="318">
        <v>0</v>
      </c>
      <c r="F39" s="319">
        <v>12</v>
      </c>
      <c r="G39" s="319">
        <v>76</v>
      </c>
      <c r="H39" s="319">
        <v>53</v>
      </c>
      <c r="I39" s="319">
        <v>9</v>
      </c>
      <c r="J39" s="319">
        <v>166</v>
      </c>
      <c r="K39" s="320">
        <v>316</v>
      </c>
      <c r="L39" s="321">
        <v>316</v>
      </c>
      <c r="M39" s="316">
        <v>0</v>
      </c>
      <c r="N39" s="319">
        <v>0</v>
      </c>
      <c r="O39" s="317">
        <v>0</v>
      </c>
      <c r="P39" s="318">
        <v>0</v>
      </c>
      <c r="Q39" s="319">
        <v>0</v>
      </c>
      <c r="R39" s="319">
        <v>0</v>
      </c>
      <c r="S39" s="319">
        <v>0</v>
      </c>
      <c r="T39" s="319">
        <v>2</v>
      </c>
      <c r="U39" s="319">
        <v>0</v>
      </c>
      <c r="V39" s="317">
        <v>2</v>
      </c>
      <c r="W39" s="321">
        <v>2</v>
      </c>
      <c r="X39" s="316">
        <v>0</v>
      </c>
      <c r="Y39" s="319">
        <v>9</v>
      </c>
      <c r="Z39" s="317">
        <v>9</v>
      </c>
      <c r="AA39" s="318">
        <v>0</v>
      </c>
      <c r="AB39" s="319">
        <v>12</v>
      </c>
      <c r="AC39" s="319">
        <v>43</v>
      </c>
      <c r="AD39" s="319">
        <v>14</v>
      </c>
      <c r="AE39" s="319">
        <v>42</v>
      </c>
      <c r="AF39" s="319">
        <v>13</v>
      </c>
      <c r="AG39" s="317">
        <v>124</v>
      </c>
      <c r="AH39" s="321">
        <v>133</v>
      </c>
      <c r="AI39" s="316">
        <v>0</v>
      </c>
      <c r="AJ39" s="319">
        <v>0</v>
      </c>
      <c r="AK39" s="317">
        <v>0</v>
      </c>
      <c r="AL39" s="318">
        <v>0</v>
      </c>
      <c r="AM39" s="319">
        <v>26</v>
      </c>
      <c r="AN39" s="319">
        <v>8</v>
      </c>
      <c r="AO39" s="319">
        <v>30</v>
      </c>
      <c r="AP39" s="319">
        <v>6</v>
      </c>
      <c r="AQ39" s="319">
        <v>0</v>
      </c>
      <c r="AR39" s="317">
        <v>70</v>
      </c>
      <c r="AS39" s="321">
        <v>70</v>
      </c>
      <c r="AT39" s="316">
        <v>0</v>
      </c>
      <c r="AU39" s="319">
        <v>0</v>
      </c>
      <c r="AV39" s="317">
        <v>0</v>
      </c>
      <c r="AW39" s="318">
        <v>0</v>
      </c>
      <c r="AX39" s="319">
        <v>51</v>
      </c>
      <c r="AY39" s="319">
        <v>37</v>
      </c>
      <c r="AZ39" s="319">
        <v>39</v>
      </c>
      <c r="BA39" s="319">
        <v>19</v>
      </c>
      <c r="BB39" s="319">
        <v>15</v>
      </c>
      <c r="BC39" s="320">
        <v>161</v>
      </c>
      <c r="BD39" s="321">
        <v>161</v>
      </c>
      <c r="BE39" s="316">
        <v>0</v>
      </c>
      <c r="BF39" s="319">
        <v>0</v>
      </c>
      <c r="BG39" s="317">
        <v>0</v>
      </c>
      <c r="BH39" s="318">
        <v>0</v>
      </c>
      <c r="BI39" s="319">
        <v>60</v>
      </c>
      <c r="BJ39" s="319">
        <v>28</v>
      </c>
      <c r="BK39" s="319">
        <v>23</v>
      </c>
      <c r="BL39" s="319">
        <v>29</v>
      </c>
      <c r="BM39" s="319">
        <v>0</v>
      </c>
      <c r="BN39" s="317">
        <v>140</v>
      </c>
      <c r="BO39" s="321">
        <v>140</v>
      </c>
      <c r="BP39" s="316">
        <v>0</v>
      </c>
      <c r="BQ39" s="319">
        <v>0</v>
      </c>
      <c r="BR39" s="317">
        <v>0</v>
      </c>
      <c r="BS39" s="318">
        <v>0</v>
      </c>
      <c r="BT39" s="319">
        <v>0</v>
      </c>
      <c r="BU39" s="319">
        <v>3</v>
      </c>
      <c r="BV39" s="319">
        <v>22</v>
      </c>
      <c r="BW39" s="319">
        <v>0</v>
      </c>
      <c r="BX39" s="319">
        <v>8</v>
      </c>
      <c r="BY39" s="317">
        <v>33</v>
      </c>
      <c r="BZ39" s="321">
        <v>33</v>
      </c>
      <c r="CA39" s="316">
        <v>0</v>
      </c>
      <c r="CB39" s="319">
        <v>0</v>
      </c>
      <c r="CC39" s="317">
        <v>0</v>
      </c>
      <c r="CD39" s="318">
        <v>0</v>
      </c>
      <c r="CE39" s="319">
        <v>2</v>
      </c>
      <c r="CF39" s="319">
        <v>0</v>
      </c>
      <c r="CG39" s="319">
        <v>5</v>
      </c>
      <c r="CH39" s="319">
        <v>17</v>
      </c>
      <c r="CI39" s="319">
        <v>0</v>
      </c>
      <c r="CJ39" s="317">
        <v>24</v>
      </c>
      <c r="CK39" s="321">
        <v>24</v>
      </c>
      <c r="CL39" s="316">
        <v>0</v>
      </c>
      <c r="CM39" s="319">
        <v>0</v>
      </c>
      <c r="CN39" s="317">
        <v>0</v>
      </c>
      <c r="CO39" s="318">
        <v>0</v>
      </c>
      <c r="CP39" s="319">
        <v>0</v>
      </c>
      <c r="CQ39" s="319">
        <v>0</v>
      </c>
      <c r="CR39" s="319">
        <v>0</v>
      </c>
      <c r="CS39" s="319">
        <v>0</v>
      </c>
      <c r="CT39" s="319">
        <v>0</v>
      </c>
      <c r="CU39" s="317">
        <v>0</v>
      </c>
      <c r="CV39" s="321">
        <v>0</v>
      </c>
      <c r="CW39" s="316">
        <v>0</v>
      </c>
      <c r="CX39" s="319">
        <v>0</v>
      </c>
      <c r="CY39" s="317">
        <v>0</v>
      </c>
      <c r="CZ39" s="318">
        <v>0</v>
      </c>
      <c r="DA39" s="319">
        <v>0</v>
      </c>
      <c r="DB39" s="319">
        <v>0</v>
      </c>
      <c r="DC39" s="319">
        <v>0</v>
      </c>
      <c r="DD39" s="319">
        <v>0</v>
      </c>
      <c r="DE39" s="319">
        <v>0</v>
      </c>
      <c r="DF39" s="317">
        <v>0</v>
      </c>
      <c r="DG39" s="321">
        <v>0</v>
      </c>
    </row>
    <row r="40" spans="1:111" ht="27" customHeight="1" x14ac:dyDescent="0.2">
      <c r="B40" s="291" t="s">
        <v>127</v>
      </c>
    </row>
  </sheetData>
  <mergeCells count="43">
    <mergeCell ref="I1:J1"/>
    <mergeCell ref="L1:M1"/>
    <mergeCell ref="CA3:CK3"/>
    <mergeCell ref="CL3:CV3"/>
    <mergeCell ref="M3:W3"/>
    <mergeCell ref="X3:AH3"/>
    <mergeCell ref="AI3:AS3"/>
    <mergeCell ref="AT3:BD3"/>
    <mergeCell ref="BE3:BO3"/>
    <mergeCell ref="BP3:BZ3"/>
    <mergeCell ref="CV4:CV5"/>
    <mergeCell ref="BE4:BG4"/>
    <mergeCell ref="BH4:BN4"/>
    <mergeCell ref="BO4:BO5"/>
    <mergeCell ref="BP4:BR4"/>
    <mergeCell ref="BS4:BY4"/>
    <mergeCell ref="BZ4:BZ5"/>
    <mergeCell ref="CA4:CC4"/>
    <mergeCell ref="CD4:CJ4"/>
    <mergeCell ref="CK4:CK5"/>
    <mergeCell ref="CL4:CN4"/>
    <mergeCell ref="CO4:CU4"/>
    <mergeCell ref="AI4:AK4"/>
    <mergeCell ref="AL4:AR4"/>
    <mergeCell ref="AS4:AS5"/>
    <mergeCell ref="AT4:AV4"/>
    <mergeCell ref="AW4:BC4"/>
    <mergeCell ref="CW3:DG3"/>
    <mergeCell ref="CW4:CY4"/>
    <mergeCell ref="CZ4:DF4"/>
    <mergeCell ref="DG4:DG5"/>
    <mergeCell ref="A3:A5"/>
    <mergeCell ref="B3:L3"/>
    <mergeCell ref="B4:D4"/>
    <mergeCell ref="E4:K4"/>
    <mergeCell ref="L4:L5"/>
    <mergeCell ref="BD4:BD5"/>
    <mergeCell ref="M4:O4"/>
    <mergeCell ref="P4:V4"/>
    <mergeCell ref="W4:W5"/>
    <mergeCell ref="X4:Z4"/>
    <mergeCell ref="AA4:AG4"/>
    <mergeCell ref="AH4:AH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2-05-26T23:50:55Z</dcterms:modified>
</cp:coreProperties>
</file>